
<file path=[Content_Types].xml><?xml version="1.0" encoding="utf-8"?>
<Types xmlns="http://schemas.openxmlformats.org/package/2006/content-types">
  <Override PartName="/xl/charts/chart6.xml" ContentType="application/vnd.openxmlformats-officedocument.drawingml.chart+xml"/>
  <Override PartName="/xl/charts/chart20.xml" ContentType="application/vnd.openxmlformats-officedocument.drawingml.char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ml.chartshapes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drawings/drawing4.xml" ContentType="application/vnd.openxmlformats-officedocument.drawing+xml"/>
  <Override PartName="/xl/drawings/drawing5.xml" ContentType="application/vnd.openxmlformats-officedocument.drawing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charts/chart1.xml" ContentType="application/vnd.openxmlformats-officedocument.drawingml.chart+xml"/>
  <Override PartName="/xl/drawings/drawing2.xml" ContentType="application/vnd.openxmlformats-officedocument.drawing+xml"/>
  <Override PartName="/xl/drawings/drawing3.xml" ContentType="application/vnd.openxmlformats-officedocument.drawing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2.xml" ContentType="application/vnd.openxmlformats-officedocument.spreadsheetml.externalLink+xml"/>
  <Override PartName="/xl/drawings/drawing1.xml" ContentType="application/vnd.openxmlformats-officedocument.drawing+xml"/>
  <Override PartName="/xl/charts/chart18.xml" ContentType="application/vnd.openxmlformats-officedocument.drawingml.chart+xml"/>
  <Override PartName="/xl/charts/chart19.xml" ContentType="application/vnd.openxmlformats-officedocument.drawingml.chart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charts/chart16.xml" ContentType="application/vnd.openxmlformats-officedocument.drawingml.chart+xml"/>
  <Override PartName="/xl/charts/chart17.xml" ContentType="application/vnd.openxmlformats-officedocument.drawingml.chart+xml"/>
  <Override PartName="/xl/sharedStrings.xml" ContentType="application/vnd.openxmlformats-officedocument.spreadsheetml.sharedStrings+xml"/>
  <Override PartName="/xl/charts/chart13.xml" ContentType="application/vnd.openxmlformats-officedocument.drawingml.chart+xml"/>
  <Override PartName="/xl/charts/chart14.xml" ContentType="application/vnd.openxmlformats-officedocument.drawingml.chart+xml"/>
  <Override PartName="/xl/charts/chart15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1.xml" ContentType="application/vnd.openxmlformats-officedocument.drawingml.chart+xml"/>
  <Override PartName="/xl/charts/chart12.xml" ContentType="application/vnd.openxmlformats-officedocument.drawingml.chart+xml"/>
  <Override PartName="/docProps/core.xml" ContentType="application/vnd.openxmlformats-package.core-properties+xml"/>
  <Default Extension="bin" ContentType="application/vnd.openxmlformats-officedocument.spreadsheetml.printerSettings"/>
  <Override PartName="/xl/charts/chart7.xml" ContentType="application/vnd.openxmlformats-officedocument.drawingml.chart+xml"/>
  <Override PartName="/xl/charts/chart10.xml" ContentType="application/vnd.openxmlformats-officedocument.drawingml.chart+xml"/>
  <Default Extension="png" ContentType="image/png"/>
  <Override PartName="/xl/drawings/drawing9.xml" ContentType="application/vnd.openxmlformats-officedocument.drawing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6"/>
  <workbookPr defaultThemeVersion="124226"/>
  <bookViews>
    <workbookView xWindow="12" yWindow="0" windowWidth="17616" windowHeight="11976" tabRatio="854"/>
  </bookViews>
  <sheets>
    <sheet name="PREFACE" sheetId="17" r:id="rId1"/>
    <sheet name="Residential USE Regn North" sheetId="9" r:id="rId2"/>
    <sheet name="Residential VOL Regn North" sheetId="10" r:id="rId3"/>
    <sheet name="Residential USE Regn South" sheetId="11" r:id="rId4"/>
    <sheet name="Residential VOL Regn South" sheetId="12" r:id="rId5"/>
    <sheet name="Commercial Regression" sheetId="2" r:id="rId6"/>
    <sheet name="GS Industrial Regn" sheetId="13" r:id="rId7"/>
    <sheet name="LCI Contract Mkt" sheetId="4" r:id="rId8"/>
    <sheet name="Green House Contract Mkt" sheetId="5" r:id="rId9"/>
  </sheets>
  <externalReferences>
    <externalReference r:id="rId10"/>
    <externalReference r:id="rId11"/>
  </externalReferences>
  <definedNames>
    <definedName name="Actual_Y">'LCI Contract Mkt'!$D$38:$D$109</definedName>
    <definedName name="d">'[1]CDN GJ Daily'!$C$2:$C$1048576</definedName>
    <definedName name="DT">'LCI Contract Mkt'!$C$38:$C$109</definedName>
    <definedName name="Exchange_Rate">'[2]US Daily'!$F$2:$F$1048576</definedName>
    <definedName name="Flow_Month">'[2]US Daily'!$D$2:$D$1048576</definedName>
    <definedName name="Flow_Year">'[2]US Daily'!$C$2:$C$1048576</definedName>
    <definedName name="Gas_at_Dawn">'[1]CDN GJ Daily'!$P$2:$P$1048576</definedName>
    <definedName name="Predicted_Y">'LCI Contract Mkt'!$E$38:$E$109</definedName>
    <definedName name="Residuals">'LCI Contract Mkt'!$F$38:$F$109</definedName>
    <definedName name="Standard_Residuals">'LCI Contract Mkt'!$G$38:$G$109</definedName>
    <definedName name="Year">'LCI Contract Mkt'!$B$38:$B$109</definedName>
  </definedNames>
  <calcPr calcId="125725"/>
</workbook>
</file>

<file path=xl/sharedStrings.xml><?xml version="1.0" encoding="utf-8"?>
<sst xmlns="http://schemas.openxmlformats.org/spreadsheetml/2006/main" count="682" uniqueCount="253">
  <si>
    <t>Regression Statistics</t>
  </si>
  <si>
    <t>Multiple R</t>
  </si>
  <si>
    <t>R Square</t>
  </si>
  <si>
    <t>Adjusted R Square</t>
  </si>
  <si>
    <t>Standard Error</t>
  </si>
  <si>
    <t>Observations</t>
  </si>
  <si>
    <t>Jan 1991 to Dec 2011</t>
  </si>
  <si>
    <t>ANOVA</t>
  </si>
  <si>
    <t>df</t>
  </si>
  <si>
    <t>SS</t>
  </si>
  <si>
    <t>MS</t>
  </si>
  <si>
    <t>F</t>
  </si>
  <si>
    <t>Signif. F</t>
  </si>
  <si>
    <t>D.W.</t>
  </si>
  <si>
    <t>Regression</t>
  </si>
  <si>
    <t>Residual</t>
  </si>
  <si>
    <t>Total</t>
  </si>
  <si>
    <t>Coefficients</t>
  </si>
  <si>
    <t>Std Error</t>
  </si>
  <si>
    <t>t Stat</t>
  </si>
  <si>
    <t>P-value</t>
  </si>
  <si>
    <t>Lower 95%</t>
  </si>
  <si>
    <t>Upper 95%</t>
  </si>
  <si>
    <t>Intercept</t>
  </si>
  <si>
    <t>Jan</t>
  </si>
  <si>
    <t>Feb</t>
  </si>
  <si>
    <t>Mar</t>
  </si>
  <si>
    <t>Apr</t>
  </si>
  <si>
    <t>May</t>
  </si>
  <si>
    <t>Sep</t>
  </si>
  <si>
    <t>Oct</t>
  </si>
  <si>
    <t>Nov</t>
  </si>
  <si>
    <t>Dec</t>
  </si>
  <si>
    <t>lag Weather</t>
  </si>
  <si>
    <t>Trend Htg Season</t>
  </si>
  <si>
    <t>Trend Base Load</t>
  </si>
  <si>
    <t>Dumy1</t>
  </si>
  <si>
    <t>Dumy2</t>
  </si>
  <si>
    <t>RESIDUAL OUTPUT</t>
  </si>
  <si>
    <t>Observation</t>
  </si>
  <si>
    <t>Predicted Y</t>
  </si>
  <si>
    <t>Residuals</t>
  </si>
  <si>
    <t>Rolling 12 Month Totals</t>
  </si>
  <si>
    <t>Actual Y</t>
  </si>
  <si>
    <t>Year</t>
  </si>
  <si>
    <t>Abs Resid</t>
  </si>
  <si>
    <t xml:space="preserve">Abs % </t>
  </si>
  <si>
    <t>MAPE</t>
  </si>
  <si>
    <t>REGRESSION SUMMARY OUTPUT: COMMERCIAL MARKET USAGE (2011 ACTUALS UPDATE)</t>
  </si>
  <si>
    <t>CONTRACT RATE MKT: GREEN HOUSE MKT.</t>
  </si>
  <si>
    <t>REGRESSION ANALYSIS SUMMARY OUTPUT</t>
  </si>
  <si>
    <t>Data Span: May 2001 to December 2011</t>
  </si>
  <si>
    <t>Adjusted Observations</t>
  </si>
  <si>
    <t>Deg. of Freedom for Error</t>
  </si>
  <si>
    <t>R-Squared</t>
  </si>
  <si>
    <t>Adjusted R-Squared</t>
  </si>
  <si>
    <t>Std. Error of Regression</t>
  </si>
  <si>
    <t>F-Statistic</t>
  </si>
  <si>
    <t>Prob (F-Statistic)</t>
  </si>
  <si>
    <t>Model Sum of Squares</t>
  </si>
  <si>
    <t>Sum of Squared Errors</t>
  </si>
  <si>
    <t>Mean Squared Error</t>
  </si>
  <si>
    <t>Mean Abs. Dev. (MAD)</t>
  </si>
  <si>
    <t>Mean Abs. % Err. (MAPE)</t>
  </si>
  <si>
    <t>Durbin-Watson Statistic</t>
  </si>
  <si>
    <t>Variable</t>
  </si>
  <si>
    <t>Coefficient</t>
  </si>
  <si>
    <t>StdErr</t>
  </si>
  <si>
    <t>T-Stat</t>
  </si>
  <si>
    <t>P-Value</t>
  </si>
  <si>
    <t>CONST</t>
  </si>
  <si>
    <t>Number of Accounts</t>
  </si>
  <si>
    <t>HDD_S_Jan</t>
  </si>
  <si>
    <t>HDD_S_Feb</t>
  </si>
  <si>
    <t>HDD_S_Mar</t>
  </si>
  <si>
    <t>HDD_S_Apr</t>
  </si>
  <si>
    <t>HDD_S_May</t>
  </si>
  <si>
    <t>HDD_S_Oct</t>
  </si>
  <si>
    <t>HDD_S_Nov</t>
  </si>
  <si>
    <t>HDD_S_Dec</t>
  </si>
  <si>
    <t>Input_Oil_Gas_Price Ratio</t>
  </si>
  <si>
    <t>Dummy_Aug. 2009</t>
  </si>
  <si>
    <t>Cdn / US FX Rate lagged 2 months</t>
  </si>
  <si>
    <t>Dummy_Summer Months</t>
  </si>
  <si>
    <t>note HDD is total heating degree days below 18C for southern franchise area</t>
  </si>
  <si>
    <t>CONTRACT RATE MKT: LCI MKT.</t>
  </si>
  <si>
    <t>Data Span: January 2006 to December 2011</t>
  </si>
  <si>
    <t>Significance F</t>
  </si>
  <si>
    <t>DW</t>
  </si>
  <si>
    <t>MergerdHDD_Jan</t>
  </si>
  <si>
    <t>MergerdHDD_Feb</t>
  </si>
  <si>
    <t>MergerdHDD_Mar</t>
  </si>
  <si>
    <t>MergerdHDD_Apr</t>
  </si>
  <si>
    <t>MergerdHDD_Oct</t>
  </si>
  <si>
    <t>MergerdHDD_Nov</t>
  </si>
  <si>
    <t>MergerdHDD_Dec</t>
  </si>
  <si>
    <t>NUM_Accnts</t>
  </si>
  <si>
    <t>FX_Cdn_US</t>
  </si>
  <si>
    <t>Dum_June</t>
  </si>
  <si>
    <t>Dum_July</t>
  </si>
  <si>
    <t>Dum_Econ</t>
  </si>
  <si>
    <t>note HDD is total heating degree days below 18C for total company franchise area</t>
  </si>
  <si>
    <t>Month</t>
  </si>
  <si>
    <t>Actual</t>
  </si>
  <si>
    <t>Pred</t>
  </si>
  <si>
    <t>Resid</t>
  </si>
  <si>
    <t>Greenhouse Contract Market</t>
  </si>
  <si>
    <t>Contract LCI Market</t>
  </si>
  <si>
    <t>Since 2006</t>
  </si>
  <si>
    <t>Dummy.Feb_95</t>
  </si>
  <si>
    <t>Dummy.Nov_95</t>
  </si>
  <si>
    <t>Dummy.Dec_97</t>
  </si>
  <si>
    <t>Dummy.Jan_03</t>
  </si>
  <si>
    <t>Dummy.Sep_01</t>
  </si>
  <si>
    <t>Dummy_Sep</t>
  </si>
  <si>
    <t>REGRESSION SUMMARY OUTPUT: RESIDENTIAL 01 MARKET USAGE (2011 ACTUALS UPDATE)</t>
  </si>
  <si>
    <t>Dummy.Feb_09</t>
  </si>
  <si>
    <t>Dummy before 2004</t>
  </si>
  <si>
    <t>REGRESSION SUMMARY OUTPUT: RESIDENTIAL 01 MARKET VOLUME (2011 ACTUALS UPDATE)</t>
  </si>
  <si>
    <t>Dummy_Jun</t>
  </si>
  <si>
    <t>Dummy_Jul</t>
  </si>
  <si>
    <t>Dummy_Aug</t>
  </si>
  <si>
    <t>EFFICIENCY</t>
  </si>
  <si>
    <t>TOTAL BILL</t>
  </si>
  <si>
    <t>Dummy.Nov_94</t>
  </si>
  <si>
    <t>Dummy.Jan_00</t>
  </si>
  <si>
    <t>Dummy.Nov_07</t>
  </si>
  <si>
    <t>Dummy.May_09</t>
  </si>
  <si>
    <t>Dummy.Dec_09</t>
  </si>
  <si>
    <t>Dummy.May_07</t>
  </si>
  <si>
    <t>Dummy.Mar_05</t>
  </si>
  <si>
    <t>CUSTOMER</t>
  </si>
  <si>
    <t>INTERCEPT</t>
  </si>
  <si>
    <t>REGRESSION SUMMARY OUTPUT: RESIDENTIAL OLD M2 MARKET USAGE (2011 ACTUALS UPDATE)</t>
  </si>
  <si>
    <t>REGRESSION SUMMARY OUTPUT: RESIDENTIAL OLD M2 MARKET VOLUME (2011 ACTUALS UPDATE)</t>
  </si>
  <si>
    <t>Dummy.Jan_96</t>
  </si>
  <si>
    <t>Dummy.Dec_07</t>
  </si>
  <si>
    <t>Dummy.Jan_08</t>
  </si>
  <si>
    <t>Dummy.Mar_08</t>
  </si>
  <si>
    <t>Dummy.Dec_08</t>
  </si>
  <si>
    <t>Dummy.Jan_10</t>
  </si>
  <si>
    <t>Dummy.Dec_10</t>
  </si>
  <si>
    <t>REGRESSION SUMMARY OUTPUT: GS INDUSTRIAL MARKET VOLUME (2011 ACTUALS UPDATE)</t>
  </si>
  <si>
    <t>Q_Dummy.After2008</t>
  </si>
  <si>
    <t>HDD_Q1</t>
  </si>
  <si>
    <t>HDD_Q2</t>
  </si>
  <si>
    <t>HDD_Q4</t>
  </si>
  <si>
    <t>Price HFO no. 6 Lag1</t>
  </si>
  <si>
    <t>FX Rate Lag2</t>
  </si>
  <si>
    <t>Q_Dummy.Q4_1999</t>
  </si>
  <si>
    <t>Q_Dummy.Q1_2005</t>
  </si>
  <si>
    <t>Q_Dummy.Q4_2005</t>
  </si>
  <si>
    <t>Q_Dummy.Q4_2009_Q1_2010</t>
  </si>
  <si>
    <t>1997-Q1</t>
  </si>
  <si>
    <t>1997-Q2</t>
  </si>
  <si>
    <t>1997-Q3</t>
  </si>
  <si>
    <t>1997-Q4</t>
  </si>
  <si>
    <t>1998-Q1</t>
  </si>
  <si>
    <t>1998-Q2</t>
  </si>
  <si>
    <t>1998-Q3</t>
  </si>
  <si>
    <t>1998-Q4</t>
  </si>
  <si>
    <t>1999-Q1</t>
  </si>
  <si>
    <t>1999-Q2</t>
  </si>
  <si>
    <t>1999-Q3</t>
  </si>
  <si>
    <t>1999-Q4</t>
  </si>
  <si>
    <t>2000-Q1</t>
  </si>
  <si>
    <t>2000-Q2</t>
  </si>
  <si>
    <t>2000-Q3</t>
  </si>
  <si>
    <t>2000-Q4</t>
  </si>
  <si>
    <t>2001-Q1</t>
  </si>
  <si>
    <t>2001-Q2</t>
  </si>
  <si>
    <t>2001-Q3</t>
  </si>
  <si>
    <t>2001-Q4</t>
  </si>
  <si>
    <t>2002-Q1</t>
  </si>
  <si>
    <t>2002-Q2</t>
  </si>
  <si>
    <t>2002-Q3</t>
  </si>
  <si>
    <t>2002-Q4</t>
  </si>
  <si>
    <t>2003-Q1</t>
  </si>
  <si>
    <t>2003-Q2</t>
  </si>
  <si>
    <t>2003-Q3</t>
  </si>
  <si>
    <t>2003-Q4</t>
  </si>
  <si>
    <t>2004-Q1</t>
  </si>
  <si>
    <t>2004-Q2</t>
  </si>
  <si>
    <t>2004-Q3</t>
  </si>
  <si>
    <t>2004-Q4</t>
  </si>
  <si>
    <t>2005-Q1</t>
  </si>
  <si>
    <t>2005-Q2</t>
  </si>
  <si>
    <t>2005-Q3</t>
  </si>
  <si>
    <t>2005-Q4</t>
  </si>
  <si>
    <t>2006-Q1</t>
  </si>
  <si>
    <t>2006-Q2</t>
  </si>
  <si>
    <t>2006-Q3</t>
  </si>
  <si>
    <t>2006-Q4</t>
  </si>
  <si>
    <t>2007-Q1</t>
  </si>
  <si>
    <t>2007-Q2</t>
  </si>
  <si>
    <t>2007-Q3</t>
  </si>
  <si>
    <t>2007-Q4</t>
  </si>
  <si>
    <t>2008-Q1</t>
  </si>
  <si>
    <t>2008-Q2</t>
  </si>
  <si>
    <t>2008-Q3</t>
  </si>
  <si>
    <t>2008-Q4</t>
  </si>
  <si>
    <t>2009-Q1</t>
  </si>
  <si>
    <t>2009-Q2</t>
  </si>
  <si>
    <t>2009-Q3</t>
  </si>
  <si>
    <t>2009-Q4</t>
  </si>
  <si>
    <t>2010-Q1</t>
  </si>
  <si>
    <t>2010-Q2</t>
  </si>
  <si>
    <t>2010-Q3</t>
  </si>
  <si>
    <t>2010-Q4</t>
  </si>
  <si>
    <t>2011-Q1</t>
  </si>
  <si>
    <t>2011-Q2</t>
  </si>
  <si>
    <t>2011-Q3</t>
  </si>
  <si>
    <t>2011-Q4</t>
  </si>
  <si>
    <t>May 1996 to Dec 2011</t>
  </si>
  <si>
    <t>Apr 1993 to Dec 2011</t>
  </si>
  <si>
    <t>1997-Q1 to 2011-Q4</t>
  </si>
  <si>
    <t>Jun 1995 to Dec 2011</t>
  </si>
  <si>
    <t>Apr 1994 to Dec 2011</t>
  </si>
  <si>
    <t>PERSONS PER HOUSE</t>
  </si>
  <si>
    <t>Scroll down for:</t>
  </si>
  <si>
    <t xml:space="preserve"> Residuals</t>
  </si>
  <si>
    <t xml:space="preserve"> Mean Absolute Percent Analysis (MAPE)</t>
  </si>
  <si>
    <t>Scroll right&amp; down for Charts</t>
  </si>
  <si>
    <t xml:space="preserve">June </t>
  </si>
  <si>
    <t>July</t>
  </si>
  <si>
    <t>August</t>
  </si>
  <si>
    <t>September</t>
  </si>
  <si>
    <t>October</t>
  </si>
  <si>
    <t>November</t>
  </si>
  <si>
    <t>December</t>
  </si>
  <si>
    <t>January</t>
  </si>
  <si>
    <t>February</t>
  </si>
  <si>
    <t>March</t>
  </si>
  <si>
    <t>April</t>
  </si>
  <si>
    <t>June</t>
  </si>
  <si>
    <t>Month Year</t>
  </si>
  <si>
    <t>UNION GAS 2013 COST OF SERVICE / RATE CASE</t>
  </si>
  <si>
    <t>Energy Demand Forecasting</t>
  </si>
  <si>
    <t>Regression Results for the following markets:</t>
  </si>
  <si>
    <t>General Service Rates</t>
  </si>
  <si>
    <t>Residential South</t>
  </si>
  <si>
    <t>Residential North</t>
  </si>
  <si>
    <t>Total Commercial</t>
  </si>
  <si>
    <t>Total Industrial</t>
  </si>
  <si>
    <t>Contract Rates</t>
  </si>
  <si>
    <t>LCI Market</t>
  </si>
  <si>
    <t>Greenhouse Market</t>
  </si>
  <si>
    <t>Econometric Forecast Scenario: Update the 2013 energy demand forecast in evidence to include all 2011 actual information.</t>
  </si>
  <si>
    <t>The excel file contains the regression results performed on all markets listed above. All regression analysis incorporated</t>
  </si>
  <si>
    <t>actual data for 2011 for dependent and independent demand variables.</t>
  </si>
  <si>
    <t>The data for the demand variables is contained in the companion REGN DATA FILE April 2012 Excel file.</t>
  </si>
  <si>
    <t>The tables are large so please scroll about the tabs. Charts are included to the right hand side.</t>
  </si>
  <si>
    <t>The information contained in this Excel file provide responses to several interveners regarding regression results.</t>
  </si>
</sst>
</file>

<file path=xl/styles.xml><?xml version="1.0" encoding="utf-8"?>
<styleSheet xmlns="http://schemas.openxmlformats.org/spreadsheetml/2006/main">
  <numFmts count="17">
    <numFmt numFmtId="43" formatCode="_-* #,##0.00_-;\-* #,##0.00_-;_-* &quot;-&quot;??_-;_-@_-"/>
    <numFmt numFmtId="164" formatCode="0.0%"/>
    <numFmt numFmtId="165" formatCode="#,##0.0_ ;[Red]\-#,##0.0\ "/>
    <numFmt numFmtId="166" formatCode="_-* #,##0_-;\-* #,##0_-;_-* &quot;-&quot;??_-;_-@_-"/>
    <numFmt numFmtId="167" formatCode="_-* #,##0.0_-;\-* #,##0.0_-;_-* &quot;-&quot;??_-;_-@_-"/>
    <numFmt numFmtId="168" formatCode="#,##0_ ;[Red]\-#,##0\ "/>
    <numFmt numFmtId="169" formatCode="0;\-0"/>
    <numFmt numFmtId="170" formatCode="0.000;\-0.000"/>
    <numFmt numFmtId="171" formatCode="#,##0.0;\-#,##0.0"/>
    <numFmt numFmtId="172" formatCode="#,##0.000;\-#,##0.000"/>
    <numFmt numFmtId="173" formatCode="0.0;\-0.0"/>
    <numFmt numFmtId="174" formatCode="0.000%"/>
    <numFmt numFmtId="175" formatCode="0.0%;\-0.0%"/>
    <numFmt numFmtId="176" formatCode="0.00;\-0.00"/>
    <numFmt numFmtId="177" formatCode="0.000"/>
    <numFmt numFmtId="178" formatCode="[$-409]mmm\-yy;@"/>
    <numFmt numFmtId="179" formatCode="#,##0.000_ ;[Red]\-#,##0.000\ "/>
  </numFmts>
  <fonts count="25">
    <font>
      <sz val="11"/>
      <color theme="1"/>
      <name val="Cambria"/>
      <family val="2"/>
    </font>
    <font>
      <sz val="11"/>
      <color theme="1"/>
      <name val="Arial"/>
      <family val="2"/>
    </font>
    <font>
      <sz val="11"/>
      <color theme="1"/>
      <name val="Cambria"/>
      <family val="2"/>
    </font>
    <font>
      <b/>
      <sz val="11"/>
      <color theme="1"/>
      <name val="Cambria"/>
      <family val="1"/>
    </font>
    <font>
      <i/>
      <sz val="11"/>
      <color theme="1"/>
      <name val="Cambria"/>
      <family val="2"/>
    </font>
    <font>
      <sz val="9"/>
      <color theme="1"/>
      <name val="Cambria"/>
      <family val="2"/>
    </font>
    <font>
      <b/>
      <sz val="10"/>
      <color theme="1"/>
      <name val="Cambria"/>
      <family val="1"/>
    </font>
    <font>
      <sz val="10"/>
      <color theme="1"/>
      <name val="Cambria"/>
      <family val="2"/>
    </font>
    <font>
      <i/>
      <sz val="10"/>
      <color theme="1"/>
      <name val="Cambria"/>
      <family val="2"/>
    </font>
    <font>
      <b/>
      <i/>
      <sz val="10"/>
      <color theme="1"/>
      <name val="Cambria"/>
      <family val="1"/>
    </font>
    <font>
      <sz val="10"/>
      <color theme="1"/>
      <name val="Cambria"/>
      <family val="1"/>
    </font>
    <font>
      <sz val="11"/>
      <color theme="1"/>
      <name val="Times New Roman"/>
      <family val="1"/>
    </font>
    <font>
      <b/>
      <u/>
      <sz val="11"/>
      <color theme="1"/>
      <name val="Times New Roman"/>
      <family val="1"/>
    </font>
    <font>
      <b/>
      <sz val="11"/>
      <color theme="1"/>
      <name val="Times New Roman"/>
      <family val="1"/>
    </font>
    <font>
      <sz val="10"/>
      <name val="Times New Roman"/>
      <family val="1"/>
    </font>
    <font>
      <i/>
      <sz val="11"/>
      <color theme="1"/>
      <name val="Times New Roman"/>
      <family val="1"/>
    </font>
    <font>
      <b/>
      <i/>
      <sz val="11"/>
      <color theme="1"/>
      <name val="Times New Roman"/>
      <family val="1"/>
    </font>
    <font>
      <sz val="10"/>
      <name val="Arial"/>
      <family val="2"/>
    </font>
    <font>
      <sz val="10"/>
      <name val="Arial"/>
      <family val="2"/>
    </font>
    <font>
      <b/>
      <i/>
      <sz val="11"/>
      <color theme="1"/>
      <name val="Cambria"/>
      <family val="1"/>
    </font>
    <font>
      <b/>
      <i/>
      <sz val="11"/>
      <color theme="3" tint="-0.249977111117893"/>
      <name val="Cambria"/>
      <family val="1"/>
    </font>
    <font>
      <b/>
      <i/>
      <sz val="11"/>
      <color theme="3" tint="-0.249977111117893"/>
      <name val="Times New Roman"/>
      <family val="1"/>
    </font>
    <font>
      <b/>
      <i/>
      <sz val="10"/>
      <color theme="1"/>
      <name val="Times New Roman"/>
      <family val="1"/>
    </font>
    <font>
      <b/>
      <sz val="10"/>
      <color theme="1"/>
      <name val="Times New Roman"/>
      <family val="1"/>
    </font>
    <font>
      <sz val="11"/>
      <name val="Times New Roman"/>
      <family val="1"/>
    </font>
  </fonts>
  <fills count="9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39997558519241921"/>
        <bgColor indexed="64"/>
      </patternFill>
    </fill>
  </fills>
  <borders count="6">
    <border>
      <left/>
      <right/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</borders>
  <cellStyleXfs count="6">
    <xf numFmtId="0" fontId="0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7" fillId="0" borderId="0"/>
    <xf numFmtId="0" fontId="18" fillId="0" borderId="0"/>
    <xf numFmtId="43" fontId="1" fillId="0" borderId="0" applyFont="0" applyFill="0" applyBorder="0" applyAlignment="0" applyProtection="0"/>
  </cellStyleXfs>
  <cellXfs count="140">
    <xf numFmtId="0" fontId="0" fillId="0" borderId="0" xfId="0"/>
    <xf numFmtId="0" fontId="3" fillId="0" borderId="0" xfId="0" applyFont="1"/>
    <xf numFmtId="0" fontId="4" fillId="0" borderId="1" xfId="0" applyFont="1" applyFill="1" applyBorder="1" applyAlignment="1">
      <alignment horizontal="centerContinuous"/>
    </xf>
    <xf numFmtId="0" fontId="0" fillId="0" borderId="0" xfId="0" applyFill="1" applyBorder="1" applyAlignment="1"/>
    <xf numFmtId="164" fontId="0" fillId="0" borderId="0" xfId="2" applyNumberFormat="1" applyFont="1" applyFill="1" applyBorder="1" applyAlignment="1">
      <alignment horizontal="center"/>
    </xf>
    <xf numFmtId="165" fontId="0" fillId="0" borderId="0" xfId="1" applyNumberFormat="1" applyFont="1" applyFill="1" applyBorder="1" applyAlignment="1">
      <alignment horizontal="center"/>
    </xf>
    <xf numFmtId="0" fontId="0" fillId="0" borderId="2" xfId="0" applyFill="1" applyBorder="1" applyAlignment="1"/>
    <xf numFmtId="0" fontId="0" fillId="0" borderId="2" xfId="0" applyFill="1" applyBorder="1" applyAlignment="1">
      <alignment horizontal="center"/>
    </xf>
    <xf numFmtId="0" fontId="5" fillId="0" borderId="2" xfId="0" applyFont="1" applyBorder="1"/>
    <xf numFmtId="0" fontId="4" fillId="0" borderId="1" xfId="0" applyFont="1" applyFill="1" applyBorder="1" applyAlignment="1">
      <alignment horizontal="center"/>
    </xf>
    <xf numFmtId="0" fontId="0" fillId="0" borderId="0" xfId="0" applyFill="1" applyBorder="1" applyAlignment="1">
      <alignment horizontal="center"/>
    </xf>
    <xf numFmtId="166" fontId="0" fillId="0" borderId="0" xfId="1" applyNumberFormat="1" applyFont="1" applyFill="1" applyBorder="1" applyAlignment="1"/>
    <xf numFmtId="167" fontId="0" fillId="0" borderId="0" xfId="1" applyNumberFormat="1" applyFont="1" applyFill="1" applyBorder="1" applyAlignment="1"/>
    <xf numFmtId="43" fontId="0" fillId="0" borderId="0" xfId="1" applyNumberFormat="1" applyFont="1" applyFill="1" applyBorder="1" applyAlignment="1"/>
    <xf numFmtId="166" fontId="0" fillId="0" borderId="2" xfId="1" applyNumberFormat="1" applyFont="1" applyFill="1" applyBorder="1" applyAlignment="1"/>
    <xf numFmtId="167" fontId="0" fillId="0" borderId="2" xfId="1" applyNumberFormat="1" applyFont="1" applyFill="1" applyBorder="1" applyAlignment="1"/>
    <xf numFmtId="165" fontId="0" fillId="0" borderId="2" xfId="1" applyNumberFormat="1" applyFont="1" applyFill="1" applyBorder="1" applyAlignment="1">
      <alignment horizontal="center"/>
    </xf>
    <xf numFmtId="164" fontId="0" fillId="0" borderId="2" xfId="2" applyNumberFormat="1" applyFont="1" applyFill="1" applyBorder="1" applyAlignment="1">
      <alignment horizontal="center"/>
    </xf>
    <xf numFmtId="165" fontId="4" fillId="0" borderId="1" xfId="0" applyNumberFormat="1" applyFont="1" applyFill="1" applyBorder="1" applyAlignment="1">
      <alignment horizontal="center"/>
    </xf>
    <xf numFmtId="0" fontId="7" fillId="0" borderId="0" xfId="0" applyFont="1"/>
    <xf numFmtId="17" fontId="7" fillId="0" borderId="0" xfId="0" applyNumberFormat="1" applyFont="1" applyAlignment="1">
      <alignment horizontal="center"/>
    </xf>
    <xf numFmtId="165" fontId="0" fillId="0" borderId="0" xfId="0" applyNumberFormat="1"/>
    <xf numFmtId="165" fontId="0" fillId="0" borderId="0" xfId="0" applyNumberFormat="1" applyFill="1" applyBorder="1" applyAlignment="1"/>
    <xf numFmtId="166" fontId="8" fillId="0" borderId="1" xfId="1" applyNumberFormat="1" applyFont="1" applyFill="1" applyBorder="1" applyAlignment="1">
      <alignment horizontal="center"/>
    </xf>
    <xf numFmtId="166" fontId="7" fillId="0" borderId="0" xfId="0" applyNumberFormat="1" applyFont="1"/>
    <xf numFmtId="17" fontId="7" fillId="0" borderId="2" xfId="0" applyNumberFormat="1" applyFont="1" applyBorder="1" applyAlignment="1">
      <alignment horizontal="center"/>
    </xf>
    <xf numFmtId="165" fontId="0" fillId="0" borderId="2" xfId="0" applyNumberFormat="1" applyBorder="1"/>
    <xf numFmtId="165" fontId="0" fillId="0" borderId="2" xfId="0" applyNumberFormat="1" applyFill="1" applyBorder="1" applyAlignment="1"/>
    <xf numFmtId="166" fontId="7" fillId="0" borderId="0" xfId="1" applyNumberFormat="1" applyFont="1"/>
    <xf numFmtId="166" fontId="9" fillId="2" borderId="1" xfId="1" applyNumberFormat="1" applyFont="1" applyFill="1" applyBorder="1" applyAlignment="1">
      <alignment horizontal="center"/>
    </xf>
    <xf numFmtId="0" fontId="7" fillId="2" borderId="0" xfId="0" applyFont="1" applyFill="1"/>
    <xf numFmtId="166" fontId="10" fillId="2" borderId="0" xfId="1" applyNumberFormat="1" applyFont="1" applyFill="1" applyBorder="1" applyAlignment="1">
      <alignment horizontal="center"/>
    </xf>
    <xf numFmtId="168" fontId="7" fillId="2" borderId="0" xfId="1" applyNumberFormat="1" applyFont="1" applyFill="1"/>
    <xf numFmtId="168" fontId="7" fillId="2" borderId="0" xfId="0" applyNumberFormat="1" applyFont="1" applyFill="1"/>
    <xf numFmtId="164" fontId="7" fillId="2" borderId="0" xfId="2" applyNumberFormat="1" applyFont="1" applyFill="1"/>
    <xf numFmtId="166" fontId="7" fillId="2" borderId="0" xfId="0" applyNumberFormat="1" applyFont="1" applyFill="1"/>
    <xf numFmtId="0" fontId="6" fillId="2" borderId="0" xfId="0" applyFont="1" applyFill="1" applyAlignment="1">
      <alignment horizontal="center"/>
    </xf>
    <xf numFmtId="164" fontId="6" fillId="2" borderId="0" xfId="0" applyNumberFormat="1" applyFont="1" applyFill="1"/>
    <xf numFmtId="0" fontId="11" fillId="3" borderId="0" xfId="0" applyFont="1" applyFill="1"/>
    <xf numFmtId="0" fontId="12" fillId="3" borderId="0" xfId="0" applyFont="1" applyFill="1" applyAlignment="1">
      <alignment horizontal="left" vertical="center"/>
    </xf>
    <xf numFmtId="0" fontId="11" fillId="3" borderId="0" xfId="0" applyFont="1" applyFill="1" applyAlignment="1">
      <alignment horizontal="left" vertical="center"/>
    </xf>
    <xf numFmtId="169" fontId="11" fillId="3" borderId="0" xfId="0" applyNumberFormat="1" applyFont="1" applyFill="1" applyAlignment="1">
      <alignment horizontal="right" vertical="center"/>
    </xf>
    <xf numFmtId="169" fontId="11" fillId="3" borderId="0" xfId="0" applyNumberFormat="1" applyFont="1" applyFill="1" applyAlignment="1">
      <alignment horizontal="center" vertical="center"/>
    </xf>
    <xf numFmtId="170" fontId="11" fillId="3" borderId="0" xfId="0" applyNumberFormat="1" applyFont="1" applyFill="1" applyAlignment="1">
      <alignment horizontal="center" vertical="center"/>
    </xf>
    <xf numFmtId="0" fontId="13" fillId="3" borderId="0" xfId="0" applyFont="1" applyFill="1" applyAlignment="1">
      <alignment horizontal="left" vertical="center"/>
    </xf>
    <xf numFmtId="170" fontId="13" fillId="3" borderId="0" xfId="0" applyNumberFormat="1" applyFont="1" applyFill="1" applyAlignment="1">
      <alignment horizontal="center" vertical="center"/>
    </xf>
    <xf numFmtId="171" fontId="11" fillId="3" borderId="0" xfId="0" applyNumberFormat="1" applyFont="1" applyFill="1" applyAlignment="1">
      <alignment horizontal="center" vertical="center"/>
    </xf>
    <xf numFmtId="172" fontId="11" fillId="3" borderId="0" xfId="0" applyNumberFormat="1" applyFont="1" applyFill="1" applyAlignment="1">
      <alignment horizontal="center" vertical="center"/>
    </xf>
    <xf numFmtId="173" fontId="11" fillId="3" borderId="0" xfId="0" applyNumberFormat="1" applyFont="1" applyFill="1" applyAlignment="1">
      <alignment horizontal="center" vertical="center"/>
    </xf>
    <xf numFmtId="174" fontId="11" fillId="3" borderId="0" xfId="0" applyNumberFormat="1" applyFont="1" applyFill="1" applyAlignment="1">
      <alignment horizontal="center" vertical="center"/>
    </xf>
    <xf numFmtId="39" fontId="11" fillId="3" borderId="0" xfId="0" applyNumberFormat="1" applyFont="1" applyFill="1" applyAlignment="1">
      <alignment horizontal="center" vertical="center"/>
    </xf>
    <xf numFmtId="37" fontId="11" fillId="3" borderId="0" xfId="0" applyNumberFormat="1" applyFont="1" applyFill="1" applyAlignment="1">
      <alignment horizontal="center" vertical="center"/>
    </xf>
    <xf numFmtId="175" fontId="11" fillId="3" borderId="0" xfId="0" applyNumberFormat="1" applyFont="1" applyFill="1" applyAlignment="1">
      <alignment horizontal="center" vertical="center"/>
    </xf>
    <xf numFmtId="176" fontId="11" fillId="3" borderId="0" xfId="0" applyNumberFormat="1" applyFont="1" applyFill="1" applyAlignment="1">
      <alignment horizontal="center" vertical="center"/>
    </xf>
    <xf numFmtId="0" fontId="11" fillId="3" borderId="0" xfId="0" applyFont="1" applyFill="1" applyAlignment="1">
      <alignment horizontal="right" vertical="center"/>
    </xf>
    <xf numFmtId="176" fontId="11" fillId="3" borderId="0" xfId="0" applyNumberFormat="1" applyFont="1" applyFill="1" applyAlignment="1">
      <alignment horizontal="right" vertical="center"/>
    </xf>
    <xf numFmtId="0" fontId="11" fillId="3" borderId="3" xfId="0" applyFont="1" applyFill="1" applyBorder="1" applyAlignment="1">
      <alignment horizontal="center" vertical="center"/>
    </xf>
    <xf numFmtId="173" fontId="11" fillId="3" borderId="0" xfId="0" applyNumberFormat="1" applyFont="1" applyFill="1" applyAlignment="1">
      <alignment horizontal="center"/>
    </xf>
    <xf numFmtId="175" fontId="11" fillId="3" borderId="0" xfId="0" applyNumberFormat="1" applyFont="1" applyFill="1"/>
    <xf numFmtId="0" fontId="14" fillId="3" borderId="0" xfId="0" applyFont="1" applyFill="1"/>
    <xf numFmtId="164" fontId="11" fillId="3" borderId="0" xfId="2" applyNumberFormat="1" applyFont="1" applyFill="1" applyBorder="1" applyAlignment="1">
      <alignment horizontal="center"/>
    </xf>
    <xf numFmtId="164" fontId="13" fillId="3" borderId="0" xfId="2" applyNumberFormat="1" applyFont="1" applyFill="1" applyBorder="1" applyAlignment="1">
      <alignment horizontal="center"/>
    </xf>
    <xf numFmtId="0" fontId="15" fillId="3" borderId="1" xfId="0" applyFont="1" applyFill="1" applyBorder="1" applyAlignment="1">
      <alignment horizontal="center"/>
    </xf>
    <xf numFmtId="0" fontId="11" fillId="3" borderId="0" xfId="0" applyFont="1" applyFill="1" applyBorder="1" applyAlignment="1"/>
    <xf numFmtId="0" fontId="11" fillId="3" borderId="0" xfId="0" applyFont="1" applyFill="1" applyBorder="1" applyAlignment="1">
      <alignment horizontal="center"/>
    </xf>
    <xf numFmtId="166" fontId="11" fillId="3" borderId="0" xfId="1" applyNumberFormat="1" applyFont="1" applyFill="1" applyBorder="1" applyAlignment="1">
      <alignment horizontal="center"/>
    </xf>
    <xf numFmtId="165" fontId="11" fillId="3" borderId="0" xfId="1" applyNumberFormat="1" applyFont="1" applyFill="1" applyBorder="1" applyAlignment="1">
      <alignment horizontal="center"/>
    </xf>
    <xf numFmtId="177" fontId="11" fillId="3" borderId="0" xfId="0" applyNumberFormat="1" applyFont="1" applyFill="1" applyBorder="1" applyAlignment="1">
      <alignment horizontal="center"/>
    </xf>
    <xf numFmtId="167" fontId="11" fillId="3" borderId="0" xfId="1" applyNumberFormat="1" applyFont="1" applyFill="1" applyBorder="1" applyAlignment="1">
      <alignment horizontal="center"/>
    </xf>
    <xf numFmtId="0" fontId="11" fillId="3" borderId="0" xfId="0" applyFont="1" applyFill="1" applyAlignment="1">
      <alignment horizontal="center"/>
    </xf>
    <xf numFmtId="0" fontId="11" fillId="3" borderId="2" xfId="0" applyFont="1" applyFill="1" applyBorder="1" applyAlignment="1"/>
    <xf numFmtId="0" fontId="11" fillId="3" borderId="2" xfId="0" applyFont="1" applyFill="1" applyBorder="1" applyAlignment="1">
      <alignment horizontal="center"/>
    </xf>
    <xf numFmtId="166" fontId="11" fillId="3" borderId="2" xfId="1" applyNumberFormat="1" applyFont="1" applyFill="1" applyBorder="1" applyAlignment="1">
      <alignment horizontal="center"/>
    </xf>
    <xf numFmtId="167" fontId="11" fillId="3" borderId="2" xfId="1" applyNumberFormat="1" applyFont="1" applyFill="1" applyBorder="1" applyAlignment="1">
      <alignment horizontal="center"/>
    </xf>
    <xf numFmtId="0" fontId="16" fillId="3" borderId="1" xfId="0" applyFont="1" applyFill="1" applyBorder="1" applyAlignment="1">
      <alignment horizontal="center"/>
    </xf>
    <xf numFmtId="165" fontId="13" fillId="3" borderId="0" xfId="1" applyNumberFormat="1" applyFont="1" applyFill="1" applyBorder="1" applyAlignment="1">
      <alignment horizontal="center"/>
    </xf>
    <xf numFmtId="165" fontId="11" fillId="3" borderId="2" xfId="1" applyNumberFormat="1" applyFont="1" applyFill="1" applyBorder="1" applyAlignment="1">
      <alignment horizontal="center"/>
    </xf>
    <xf numFmtId="165" fontId="13" fillId="3" borderId="2" xfId="1" applyNumberFormat="1" applyFont="1" applyFill="1" applyBorder="1" applyAlignment="1">
      <alignment horizontal="center"/>
    </xf>
    <xf numFmtId="164" fontId="11" fillId="3" borderId="2" xfId="2" applyNumberFormat="1" applyFont="1" applyFill="1" applyBorder="1" applyAlignment="1">
      <alignment horizontal="center"/>
    </xf>
    <xf numFmtId="16" fontId="0" fillId="0" borderId="0" xfId="0" applyNumberFormat="1" applyFill="1" applyBorder="1" applyAlignment="1"/>
    <xf numFmtId="179" fontId="0" fillId="0" borderId="0" xfId="1" applyNumberFormat="1" applyFont="1" applyFill="1" applyBorder="1" applyAlignment="1">
      <alignment horizontal="center"/>
    </xf>
    <xf numFmtId="179" fontId="0" fillId="0" borderId="2" xfId="1" applyNumberFormat="1" applyFont="1" applyFill="1" applyBorder="1" applyAlignment="1">
      <alignment horizontal="center"/>
    </xf>
    <xf numFmtId="166" fontId="0" fillId="5" borderId="0" xfId="1" applyNumberFormat="1" applyFont="1" applyFill="1" applyBorder="1" applyAlignment="1"/>
    <xf numFmtId="165" fontId="0" fillId="5" borderId="0" xfId="1" applyNumberFormat="1" applyFont="1" applyFill="1" applyBorder="1" applyAlignment="1">
      <alignment horizontal="center"/>
    </xf>
    <xf numFmtId="165" fontId="0" fillId="5" borderId="2" xfId="1" applyNumberFormat="1" applyFont="1" applyFill="1" applyBorder="1" applyAlignment="1">
      <alignment horizontal="center"/>
    </xf>
    <xf numFmtId="0" fontId="0" fillId="5" borderId="0" xfId="0" applyFill="1" applyBorder="1" applyAlignment="1">
      <alignment horizontal="center"/>
    </xf>
    <xf numFmtId="0" fontId="0" fillId="5" borderId="0" xfId="0" applyFill="1" applyBorder="1" applyAlignment="1"/>
    <xf numFmtId="164" fontId="0" fillId="5" borderId="0" xfId="2" applyNumberFormat="1" applyFont="1" applyFill="1" applyBorder="1" applyAlignment="1">
      <alignment horizontal="center"/>
    </xf>
    <xf numFmtId="0" fontId="0" fillId="0" borderId="2" xfId="0" applyBorder="1"/>
    <xf numFmtId="166" fontId="7" fillId="0" borderId="2" xfId="0" applyNumberFormat="1" applyFont="1" applyBorder="1"/>
    <xf numFmtId="0" fontId="0" fillId="5" borderId="2" xfId="0" applyFill="1" applyBorder="1" applyAlignment="1">
      <alignment horizontal="center"/>
    </xf>
    <xf numFmtId="0" fontId="7" fillId="0" borderId="2" xfId="0" applyFont="1" applyBorder="1"/>
    <xf numFmtId="165" fontId="7" fillId="0" borderId="0" xfId="0" applyNumberFormat="1" applyFont="1"/>
    <xf numFmtId="164" fontId="0" fillId="0" borderId="0" xfId="2" applyNumberFormat="1" applyFont="1"/>
    <xf numFmtId="0" fontId="0" fillId="6" borderId="0" xfId="0" applyFill="1"/>
    <xf numFmtId="0" fontId="0" fillId="4" borderId="0" xfId="0" applyFill="1"/>
    <xf numFmtId="0" fontId="19" fillId="4" borderId="0" xfId="0" applyFont="1" applyFill="1"/>
    <xf numFmtId="0" fontId="20" fillId="6" borderId="0" xfId="0" applyFont="1" applyFill="1"/>
    <xf numFmtId="0" fontId="16" fillId="4" borderId="0" xfId="0" applyFont="1" applyFill="1"/>
    <xf numFmtId="0" fontId="11" fillId="4" borderId="0" xfId="0" applyFont="1" applyFill="1"/>
    <xf numFmtId="0" fontId="21" fillId="6" borderId="0" xfId="0" applyFont="1" applyFill="1"/>
    <xf numFmtId="0" fontId="11" fillId="6" borderId="0" xfId="0" applyFont="1" applyFill="1"/>
    <xf numFmtId="0" fontId="11" fillId="3" borderId="0" xfId="0" applyFont="1" applyFill="1" applyBorder="1"/>
    <xf numFmtId="172" fontId="11" fillId="3" borderId="3" xfId="0" applyNumberFormat="1" applyFont="1" applyFill="1" applyBorder="1" applyAlignment="1">
      <alignment horizontal="center" vertical="center"/>
    </xf>
    <xf numFmtId="172" fontId="11" fillId="3" borderId="4" xfId="0" applyNumberFormat="1" applyFont="1" applyFill="1" applyBorder="1" applyAlignment="1">
      <alignment horizontal="center" vertical="center"/>
    </xf>
    <xf numFmtId="170" fontId="11" fillId="3" borderId="0" xfId="0" applyNumberFormat="1" applyFont="1" applyFill="1" applyBorder="1" applyAlignment="1">
      <alignment horizontal="center" vertical="center"/>
    </xf>
    <xf numFmtId="0" fontId="11" fillId="3" borderId="0" xfId="0" applyFont="1" applyFill="1" applyAlignment="1">
      <alignment horizontal="center" vertical="center"/>
    </xf>
    <xf numFmtId="17" fontId="11" fillId="3" borderId="0" xfId="0" applyNumberFormat="1" applyFont="1" applyFill="1" applyAlignment="1">
      <alignment horizontal="center" vertical="center"/>
    </xf>
    <xf numFmtId="171" fontId="11" fillId="3" borderId="0" xfId="0" applyNumberFormat="1" applyFont="1" applyFill="1" applyAlignment="1">
      <alignment horizontal="center"/>
    </xf>
    <xf numFmtId="170" fontId="11" fillId="3" borderId="0" xfId="0" applyNumberFormat="1" applyFont="1" applyFill="1" applyBorder="1"/>
    <xf numFmtId="170" fontId="11" fillId="3" borderId="0" xfId="0" applyNumberFormat="1" applyFont="1" applyFill="1"/>
    <xf numFmtId="0" fontId="11" fillId="3" borderId="2" xfId="0" applyFont="1" applyFill="1" applyBorder="1" applyAlignment="1">
      <alignment horizontal="center" vertical="center"/>
    </xf>
    <xf numFmtId="17" fontId="11" fillId="3" borderId="2" xfId="0" applyNumberFormat="1" applyFont="1" applyFill="1" applyBorder="1" applyAlignment="1">
      <alignment horizontal="center" vertical="center"/>
    </xf>
    <xf numFmtId="171" fontId="11" fillId="3" borderId="2" xfId="0" applyNumberFormat="1" applyFont="1" applyFill="1" applyBorder="1" applyAlignment="1">
      <alignment horizontal="center"/>
    </xf>
    <xf numFmtId="166" fontId="22" fillId="4" borderId="1" xfId="1" applyNumberFormat="1" applyFont="1" applyFill="1" applyBorder="1" applyAlignment="1">
      <alignment horizontal="center"/>
    </xf>
    <xf numFmtId="164" fontId="11" fillId="3" borderId="0" xfId="2" applyNumberFormat="1" applyFont="1" applyFill="1" applyAlignment="1">
      <alignment horizontal="center"/>
    </xf>
    <xf numFmtId="37" fontId="11" fillId="3" borderId="0" xfId="0" applyNumberFormat="1" applyFont="1" applyFill="1"/>
    <xf numFmtId="0" fontId="23" fillId="4" borderId="0" xfId="0" applyFont="1" applyFill="1" applyAlignment="1">
      <alignment horizontal="center"/>
    </xf>
    <xf numFmtId="164" fontId="23" fillId="4" borderId="0" xfId="0" applyNumberFormat="1" applyFont="1" applyFill="1" applyAlignment="1">
      <alignment horizontal="center"/>
    </xf>
    <xf numFmtId="0" fontId="15" fillId="3" borderId="1" xfId="0" applyFont="1" applyFill="1" applyBorder="1" applyAlignment="1">
      <alignment horizontal="centerContinuous"/>
    </xf>
    <xf numFmtId="43" fontId="11" fillId="3" borderId="0" xfId="1" applyFont="1" applyFill="1" applyBorder="1" applyAlignment="1"/>
    <xf numFmtId="0" fontId="13" fillId="3" borderId="0" xfId="0" applyFont="1" applyFill="1"/>
    <xf numFmtId="165" fontId="11" fillId="3" borderId="0" xfId="0" applyNumberFormat="1" applyFont="1" applyFill="1" applyBorder="1" applyAlignment="1">
      <alignment horizontal="center"/>
    </xf>
    <xf numFmtId="165" fontId="11" fillId="3" borderId="2" xfId="0" applyNumberFormat="1" applyFont="1" applyFill="1" applyBorder="1" applyAlignment="1">
      <alignment horizontal="center"/>
    </xf>
    <xf numFmtId="166" fontId="11" fillId="3" borderId="0" xfId="1" applyNumberFormat="1" applyFont="1" applyFill="1" applyAlignment="1">
      <alignment horizontal="center"/>
    </xf>
    <xf numFmtId="37" fontId="11" fillId="3" borderId="0" xfId="0" applyNumberFormat="1" applyFont="1" applyFill="1" applyAlignment="1">
      <alignment horizontal="center"/>
    </xf>
    <xf numFmtId="0" fontId="11" fillId="0" borderId="0" xfId="0" applyFont="1"/>
    <xf numFmtId="0" fontId="11" fillId="3" borderId="1" xfId="0" applyFont="1" applyFill="1" applyBorder="1" applyAlignment="1">
      <alignment horizontal="center"/>
    </xf>
    <xf numFmtId="178" fontId="11" fillId="3" borderId="0" xfId="0" applyNumberFormat="1" applyFont="1" applyFill="1"/>
    <xf numFmtId="165" fontId="24" fillId="3" borderId="0" xfId="1" applyNumberFormat="1" applyFont="1" applyFill="1" applyAlignment="1">
      <alignment horizontal="center"/>
    </xf>
    <xf numFmtId="166" fontId="16" fillId="2" borderId="1" xfId="1" applyNumberFormat="1" applyFont="1" applyFill="1" applyBorder="1" applyAlignment="1">
      <alignment horizontal="center"/>
    </xf>
    <xf numFmtId="168" fontId="11" fillId="3" borderId="0" xfId="0" applyNumberFormat="1" applyFont="1" applyFill="1" applyAlignment="1">
      <alignment horizontal="center"/>
    </xf>
    <xf numFmtId="0" fontId="13" fillId="2" borderId="0" xfId="0" applyFont="1" applyFill="1" applyAlignment="1">
      <alignment horizontal="center"/>
    </xf>
    <xf numFmtId="164" fontId="13" fillId="2" borderId="0" xfId="0" applyNumberFormat="1" applyFont="1" applyFill="1" applyAlignment="1">
      <alignment horizontal="center"/>
    </xf>
    <xf numFmtId="0" fontId="12" fillId="7" borderId="0" xfId="0" applyFont="1" applyFill="1"/>
    <xf numFmtId="0" fontId="11" fillId="7" borderId="0" xfId="0" applyFont="1" applyFill="1"/>
    <xf numFmtId="0" fontId="12" fillId="8" borderId="0" xfId="0" applyFont="1" applyFill="1"/>
    <xf numFmtId="0" fontId="11" fillId="8" borderId="0" xfId="0" applyFont="1" applyFill="1"/>
    <xf numFmtId="0" fontId="13" fillId="3" borderId="5" xfId="0" applyFont="1" applyFill="1" applyBorder="1" applyAlignment="1">
      <alignment horizontal="center"/>
    </xf>
    <xf numFmtId="0" fontId="23" fillId="4" borderId="0" xfId="0" applyFont="1" applyFill="1" applyAlignment="1">
      <alignment horizontal="center"/>
    </xf>
  </cellXfs>
  <cellStyles count="6">
    <cellStyle name="Comma" xfId="1" builtinId="3"/>
    <cellStyle name="Comma 2" xfId="5"/>
    <cellStyle name="Normal" xfId="0" builtinId="0"/>
    <cellStyle name="Normal 2" xfId="4"/>
    <cellStyle name="Normal 4" xfId="3"/>
    <cellStyle name="Percent" xfId="2" builtinId="5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2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harts/_rels/chart1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Residential</a:t>
            </a:r>
            <a:r>
              <a:rPr lang="en-US" baseline="0"/>
              <a:t> 01</a:t>
            </a:r>
            <a:r>
              <a:rPr lang="en-US"/>
              <a:t>Mkt. Usage: Regression Results</a:t>
            </a:r>
          </a:p>
        </c:rich>
      </c:tx>
      <c:layout/>
    </c:title>
    <c:plotArea>
      <c:layout/>
      <c:lineChart>
        <c:grouping val="standard"/>
        <c:ser>
          <c:idx val="0"/>
          <c:order val="0"/>
          <c:tx>
            <c:strRef>
              <c:f>'Residential USE Regn North'!$B$42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numRef>
              <c:f>'Residential USE Regn North'!$A$43:$A$255</c:f>
              <c:numCache>
                <c:formatCode>mmm\-yy</c:formatCode>
                <c:ptCount val="213"/>
                <c:pt idx="0">
                  <c:v>34425</c:v>
                </c:pt>
                <c:pt idx="1">
                  <c:v>34455</c:v>
                </c:pt>
                <c:pt idx="2">
                  <c:v>34486</c:v>
                </c:pt>
                <c:pt idx="3">
                  <c:v>34516</c:v>
                </c:pt>
                <c:pt idx="4">
                  <c:v>34547</c:v>
                </c:pt>
                <c:pt idx="5">
                  <c:v>34578</c:v>
                </c:pt>
                <c:pt idx="6">
                  <c:v>34608</c:v>
                </c:pt>
                <c:pt idx="7">
                  <c:v>34639</c:v>
                </c:pt>
                <c:pt idx="8">
                  <c:v>34669</c:v>
                </c:pt>
                <c:pt idx="9">
                  <c:v>34700</c:v>
                </c:pt>
                <c:pt idx="10">
                  <c:v>34731</c:v>
                </c:pt>
                <c:pt idx="11">
                  <c:v>34759</c:v>
                </c:pt>
                <c:pt idx="12">
                  <c:v>34790</c:v>
                </c:pt>
                <c:pt idx="13">
                  <c:v>34820</c:v>
                </c:pt>
                <c:pt idx="14">
                  <c:v>34851</c:v>
                </c:pt>
                <c:pt idx="15">
                  <c:v>34881</c:v>
                </c:pt>
                <c:pt idx="16">
                  <c:v>34912</c:v>
                </c:pt>
                <c:pt idx="17">
                  <c:v>34943</c:v>
                </c:pt>
                <c:pt idx="18">
                  <c:v>34973</c:v>
                </c:pt>
                <c:pt idx="19">
                  <c:v>35004</c:v>
                </c:pt>
                <c:pt idx="20">
                  <c:v>35034</c:v>
                </c:pt>
                <c:pt idx="21">
                  <c:v>35065</c:v>
                </c:pt>
                <c:pt idx="22">
                  <c:v>35096</c:v>
                </c:pt>
                <c:pt idx="23">
                  <c:v>35125</c:v>
                </c:pt>
                <c:pt idx="24">
                  <c:v>35156</c:v>
                </c:pt>
                <c:pt idx="25">
                  <c:v>35186</c:v>
                </c:pt>
                <c:pt idx="26">
                  <c:v>35217</c:v>
                </c:pt>
                <c:pt idx="27">
                  <c:v>35247</c:v>
                </c:pt>
                <c:pt idx="28">
                  <c:v>35278</c:v>
                </c:pt>
                <c:pt idx="29">
                  <c:v>35309</c:v>
                </c:pt>
                <c:pt idx="30">
                  <c:v>35339</c:v>
                </c:pt>
                <c:pt idx="31">
                  <c:v>35370</c:v>
                </c:pt>
                <c:pt idx="32">
                  <c:v>35400</c:v>
                </c:pt>
                <c:pt idx="33">
                  <c:v>35431</c:v>
                </c:pt>
                <c:pt idx="34">
                  <c:v>35462</c:v>
                </c:pt>
                <c:pt idx="35">
                  <c:v>35490</c:v>
                </c:pt>
                <c:pt idx="36">
                  <c:v>35521</c:v>
                </c:pt>
                <c:pt idx="37">
                  <c:v>35551</c:v>
                </c:pt>
                <c:pt idx="38">
                  <c:v>35582</c:v>
                </c:pt>
                <c:pt idx="39">
                  <c:v>35612</c:v>
                </c:pt>
                <c:pt idx="40">
                  <c:v>35643</c:v>
                </c:pt>
                <c:pt idx="41">
                  <c:v>35674</c:v>
                </c:pt>
                <c:pt idx="42">
                  <c:v>35704</c:v>
                </c:pt>
                <c:pt idx="43">
                  <c:v>35735</c:v>
                </c:pt>
                <c:pt idx="44">
                  <c:v>35765</c:v>
                </c:pt>
                <c:pt idx="45">
                  <c:v>35796</c:v>
                </c:pt>
                <c:pt idx="46">
                  <c:v>35827</c:v>
                </c:pt>
                <c:pt idx="47">
                  <c:v>35855</c:v>
                </c:pt>
                <c:pt idx="48">
                  <c:v>35886</c:v>
                </c:pt>
                <c:pt idx="49">
                  <c:v>35916</c:v>
                </c:pt>
                <c:pt idx="50">
                  <c:v>35947</c:v>
                </c:pt>
                <c:pt idx="51">
                  <c:v>35977</c:v>
                </c:pt>
                <c:pt idx="52">
                  <c:v>36008</c:v>
                </c:pt>
                <c:pt idx="53">
                  <c:v>36039</c:v>
                </c:pt>
                <c:pt idx="54">
                  <c:v>36069</c:v>
                </c:pt>
                <c:pt idx="55">
                  <c:v>36100</c:v>
                </c:pt>
                <c:pt idx="56">
                  <c:v>36130</c:v>
                </c:pt>
                <c:pt idx="57">
                  <c:v>36161</c:v>
                </c:pt>
                <c:pt idx="58">
                  <c:v>36192</c:v>
                </c:pt>
                <c:pt idx="59">
                  <c:v>36220</c:v>
                </c:pt>
                <c:pt idx="60">
                  <c:v>36251</c:v>
                </c:pt>
                <c:pt idx="61">
                  <c:v>36281</c:v>
                </c:pt>
                <c:pt idx="62">
                  <c:v>36312</c:v>
                </c:pt>
                <c:pt idx="63">
                  <c:v>36342</c:v>
                </c:pt>
                <c:pt idx="64">
                  <c:v>36373</c:v>
                </c:pt>
                <c:pt idx="65">
                  <c:v>36404</c:v>
                </c:pt>
                <c:pt idx="66">
                  <c:v>36434</c:v>
                </c:pt>
                <c:pt idx="67">
                  <c:v>36465</c:v>
                </c:pt>
                <c:pt idx="68">
                  <c:v>36495</c:v>
                </c:pt>
                <c:pt idx="69">
                  <c:v>36526</c:v>
                </c:pt>
                <c:pt idx="70">
                  <c:v>36557</c:v>
                </c:pt>
                <c:pt idx="71">
                  <c:v>36586</c:v>
                </c:pt>
                <c:pt idx="72">
                  <c:v>36617</c:v>
                </c:pt>
                <c:pt idx="73">
                  <c:v>36647</c:v>
                </c:pt>
                <c:pt idx="74">
                  <c:v>36678</c:v>
                </c:pt>
                <c:pt idx="75">
                  <c:v>36708</c:v>
                </c:pt>
                <c:pt idx="76">
                  <c:v>36739</c:v>
                </c:pt>
                <c:pt idx="77">
                  <c:v>36770</c:v>
                </c:pt>
                <c:pt idx="78">
                  <c:v>36800</c:v>
                </c:pt>
                <c:pt idx="79">
                  <c:v>36831</c:v>
                </c:pt>
                <c:pt idx="80">
                  <c:v>36861</c:v>
                </c:pt>
                <c:pt idx="81">
                  <c:v>36892</c:v>
                </c:pt>
                <c:pt idx="82">
                  <c:v>36923</c:v>
                </c:pt>
                <c:pt idx="83">
                  <c:v>36951</c:v>
                </c:pt>
                <c:pt idx="84">
                  <c:v>36982</c:v>
                </c:pt>
                <c:pt idx="85">
                  <c:v>37012</c:v>
                </c:pt>
                <c:pt idx="86">
                  <c:v>37043</c:v>
                </c:pt>
                <c:pt idx="87">
                  <c:v>37073</c:v>
                </c:pt>
                <c:pt idx="88">
                  <c:v>37104</c:v>
                </c:pt>
                <c:pt idx="89">
                  <c:v>37135</c:v>
                </c:pt>
                <c:pt idx="90">
                  <c:v>37165</c:v>
                </c:pt>
                <c:pt idx="91">
                  <c:v>37196</c:v>
                </c:pt>
                <c:pt idx="92">
                  <c:v>37226</c:v>
                </c:pt>
                <c:pt idx="93">
                  <c:v>37257</c:v>
                </c:pt>
                <c:pt idx="94">
                  <c:v>37288</c:v>
                </c:pt>
                <c:pt idx="95">
                  <c:v>37316</c:v>
                </c:pt>
                <c:pt idx="96">
                  <c:v>37347</c:v>
                </c:pt>
                <c:pt idx="97">
                  <c:v>37377</c:v>
                </c:pt>
                <c:pt idx="98">
                  <c:v>37408</c:v>
                </c:pt>
                <c:pt idx="99">
                  <c:v>37438</c:v>
                </c:pt>
                <c:pt idx="100">
                  <c:v>37469</c:v>
                </c:pt>
                <c:pt idx="101">
                  <c:v>37500</c:v>
                </c:pt>
                <c:pt idx="102">
                  <c:v>37530</c:v>
                </c:pt>
                <c:pt idx="103">
                  <c:v>37561</c:v>
                </c:pt>
                <c:pt idx="104">
                  <c:v>37591</c:v>
                </c:pt>
                <c:pt idx="105">
                  <c:v>37622</c:v>
                </c:pt>
                <c:pt idx="106">
                  <c:v>37653</c:v>
                </c:pt>
                <c:pt idx="107">
                  <c:v>37681</c:v>
                </c:pt>
                <c:pt idx="108">
                  <c:v>37712</c:v>
                </c:pt>
                <c:pt idx="109">
                  <c:v>37742</c:v>
                </c:pt>
                <c:pt idx="110">
                  <c:v>37773</c:v>
                </c:pt>
                <c:pt idx="111">
                  <c:v>37803</c:v>
                </c:pt>
                <c:pt idx="112">
                  <c:v>37834</c:v>
                </c:pt>
                <c:pt idx="113">
                  <c:v>37865</c:v>
                </c:pt>
                <c:pt idx="114">
                  <c:v>37895</c:v>
                </c:pt>
                <c:pt idx="115">
                  <c:v>37926</c:v>
                </c:pt>
                <c:pt idx="116">
                  <c:v>37956</c:v>
                </c:pt>
                <c:pt idx="117">
                  <c:v>37987</c:v>
                </c:pt>
                <c:pt idx="118">
                  <c:v>38018</c:v>
                </c:pt>
                <c:pt idx="119">
                  <c:v>38047</c:v>
                </c:pt>
                <c:pt idx="120">
                  <c:v>38078</c:v>
                </c:pt>
                <c:pt idx="121">
                  <c:v>38108</c:v>
                </c:pt>
                <c:pt idx="122">
                  <c:v>38139</c:v>
                </c:pt>
                <c:pt idx="123">
                  <c:v>38169</c:v>
                </c:pt>
                <c:pt idx="124">
                  <c:v>38200</c:v>
                </c:pt>
                <c:pt idx="125">
                  <c:v>38231</c:v>
                </c:pt>
                <c:pt idx="126">
                  <c:v>38261</c:v>
                </c:pt>
                <c:pt idx="127">
                  <c:v>38292</c:v>
                </c:pt>
                <c:pt idx="128">
                  <c:v>38322</c:v>
                </c:pt>
                <c:pt idx="129">
                  <c:v>38353</c:v>
                </c:pt>
                <c:pt idx="130">
                  <c:v>38384</c:v>
                </c:pt>
                <c:pt idx="131">
                  <c:v>38412</c:v>
                </c:pt>
                <c:pt idx="132">
                  <c:v>38443</c:v>
                </c:pt>
                <c:pt idx="133">
                  <c:v>38473</c:v>
                </c:pt>
                <c:pt idx="134">
                  <c:v>38504</c:v>
                </c:pt>
                <c:pt idx="135">
                  <c:v>38534</c:v>
                </c:pt>
                <c:pt idx="136">
                  <c:v>38565</c:v>
                </c:pt>
                <c:pt idx="137">
                  <c:v>38596</c:v>
                </c:pt>
                <c:pt idx="138">
                  <c:v>38626</c:v>
                </c:pt>
                <c:pt idx="139">
                  <c:v>38657</c:v>
                </c:pt>
                <c:pt idx="140">
                  <c:v>38687</c:v>
                </c:pt>
                <c:pt idx="141">
                  <c:v>38718</c:v>
                </c:pt>
                <c:pt idx="142">
                  <c:v>38749</c:v>
                </c:pt>
                <c:pt idx="143">
                  <c:v>38777</c:v>
                </c:pt>
                <c:pt idx="144">
                  <c:v>38808</c:v>
                </c:pt>
                <c:pt idx="145">
                  <c:v>38838</c:v>
                </c:pt>
                <c:pt idx="146">
                  <c:v>38869</c:v>
                </c:pt>
                <c:pt idx="147">
                  <c:v>38899</c:v>
                </c:pt>
                <c:pt idx="148">
                  <c:v>38930</c:v>
                </c:pt>
                <c:pt idx="149">
                  <c:v>38961</c:v>
                </c:pt>
                <c:pt idx="150">
                  <c:v>38991</c:v>
                </c:pt>
                <c:pt idx="151">
                  <c:v>39022</c:v>
                </c:pt>
                <c:pt idx="152">
                  <c:v>39052</c:v>
                </c:pt>
                <c:pt idx="153">
                  <c:v>39083</c:v>
                </c:pt>
                <c:pt idx="154">
                  <c:v>39114</c:v>
                </c:pt>
                <c:pt idx="155">
                  <c:v>39142</c:v>
                </c:pt>
                <c:pt idx="156">
                  <c:v>39173</c:v>
                </c:pt>
                <c:pt idx="157">
                  <c:v>39203</c:v>
                </c:pt>
                <c:pt idx="158">
                  <c:v>39234</c:v>
                </c:pt>
                <c:pt idx="159">
                  <c:v>39264</c:v>
                </c:pt>
                <c:pt idx="160">
                  <c:v>39295</c:v>
                </c:pt>
                <c:pt idx="161">
                  <c:v>39326</c:v>
                </c:pt>
                <c:pt idx="162">
                  <c:v>39356</c:v>
                </c:pt>
                <c:pt idx="163">
                  <c:v>39387</c:v>
                </c:pt>
                <c:pt idx="164">
                  <c:v>39417</c:v>
                </c:pt>
                <c:pt idx="165">
                  <c:v>39448</c:v>
                </c:pt>
                <c:pt idx="166">
                  <c:v>39479</c:v>
                </c:pt>
                <c:pt idx="167">
                  <c:v>39508</c:v>
                </c:pt>
                <c:pt idx="168">
                  <c:v>39539</c:v>
                </c:pt>
                <c:pt idx="169">
                  <c:v>39569</c:v>
                </c:pt>
                <c:pt idx="170">
                  <c:v>39600</c:v>
                </c:pt>
                <c:pt idx="171">
                  <c:v>39630</c:v>
                </c:pt>
                <c:pt idx="172">
                  <c:v>39661</c:v>
                </c:pt>
                <c:pt idx="173">
                  <c:v>39692</c:v>
                </c:pt>
                <c:pt idx="174">
                  <c:v>39722</c:v>
                </c:pt>
                <c:pt idx="175">
                  <c:v>39753</c:v>
                </c:pt>
                <c:pt idx="176">
                  <c:v>39783</c:v>
                </c:pt>
                <c:pt idx="177">
                  <c:v>39814</c:v>
                </c:pt>
                <c:pt idx="178">
                  <c:v>39845</c:v>
                </c:pt>
                <c:pt idx="179">
                  <c:v>39873</c:v>
                </c:pt>
                <c:pt idx="180">
                  <c:v>39904</c:v>
                </c:pt>
                <c:pt idx="181">
                  <c:v>39934</c:v>
                </c:pt>
                <c:pt idx="182">
                  <c:v>39965</c:v>
                </c:pt>
                <c:pt idx="183">
                  <c:v>39995</c:v>
                </c:pt>
                <c:pt idx="184">
                  <c:v>40026</c:v>
                </c:pt>
                <c:pt idx="185">
                  <c:v>40057</c:v>
                </c:pt>
                <c:pt idx="186">
                  <c:v>40087</c:v>
                </c:pt>
                <c:pt idx="187">
                  <c:v>40118</c:v>
                </c:pt>
                <c:pt idx="188">
                  <c:v>40148</c:v>
                </c:pt>
                <c:pt idx="189">
                  <c:v>40179</c:v>
                </c:pt>
                <c:pt idx="190">
                  <c:v>40210</c:v>
                </c:pt>
                <c:pt idx="191">
                  <c:v>40238</c:v>
                </c:pt>
                <c:pt idx="192">
                  <c:v>40269</c:v>
                </c:pt>
                <c:pt idx="193">
                  <c:v>40299</c:v>
                </c:pt>
                <c:pt idx="194">
                  <c:v>40330</c:v>
                </c:pt>
                <c:pt idx="195">
                  <c:v>40360</c:v>
                </c:pt>
                <c:pt idx="196">
                  <c:v>40391</c:v>
                </c:pt>
                <c:pt idx="197">
                  <c:v>40422</c:v>
                </c:pt>
                <c:pt idx="198">
                  <c:v>40452</c:v>
                </c:pt>
                <c:pt idx="199">
                  <c:v>40483</c:v>
                </c:pt>
                <c:pt idx="200">
                  <c:v>40513</c:v>
                </c:pt>
                <c:pt idx="201">
                  <c:v>40544</c:v>
                </c:pt>
                <c:pt idx="202">
                  <c:v>40575</c:v>
                </c:pt>
                <c:pt idx="203">
                  <c:v>40603</c:v>
                </c:pt>
                <c:pt idx="204">
                  <c:v>40634</c:v>
                </c:pt>
                <c:pt idx="205">
                  <c:v>40664</c:v>
                </c:pt>
                <c:pt idx="206">
                  <c:v>40695</c:v>
                </c:pt>
                <c:pt idx="207">
                  <c:v>40725</c:v>
                </c:pt>
                <c:pt idx="208">
                  <c:v>40756</c:v>
                </c:pt>
                <c:pt idx="209">
                  <c:v>40787</c:v>
                </c:pt>
                <c:pt idx="210">
                  <c:v>40817</c:v>
                </c:pt>
                <c:pt idx="211">
                  <c:v>40848</c:v>
                </c:pt>
                <c:pt idx="212">
                  <c:v>40878</c:v>
                </c:pt>
              </c:numCache>
            </c:numRef>
          </c:cat>
          <c:val>
            <c:numRef>
              <c:f>'Residential USE Regn North'!$B$43:$B$255</c:f>
              <c:numCache>
                <c:formatCode>#,##0.0_ ;[Red]\-#,##0.0\ </c:formatCode>
                <c:ptCount val="213"/>
                <c:pt idx="0">
                  <c:v>267.69600000000003</c:v>
                </c:pt>
                <c:pt idx="1">
                  <c:v>158.327</c:v>
                </c:pt>
                <c:pt idx="2">
                  <c:v>75.694999999999993</c:v>
                </c:pt>
                <c:pt idx="3">
                  <c:v>75.694999999999993</c:v>
                </c:pt>
                <c:pt idx="4">
                  <c:v>75.694999999999993</c:v>
                </c:pt>
                <c:pt idx="5">
                  <c:v>97.263000000000005</c:v>
                </c:pt>
                <c:pt idx="6">
                  <c:v>177.233</c:v>
                </c:pt>
                <c:pt idx="7">
                  <c:v>287.96100000000001</c:v>
                </c:pt>
                <c:pt idx="8">
                  <c:v>391.86900000000003</c:v>
                </c:pt>
                <c:pt idx="9">
                  <c:v>478.20600000000002</c:v>
                </c:pt>
                <c:pt idx="10">
                  <c:v>514.15099999999995</c:v>
                </c:pt>
                <c:pt idx="11">
                  <c:v>353.90300000000002</c:v>
                </c:pt>
                <c:pt idx="12">
                  <c:v>284.78500000000003</c:v>
                </c:pt>
                <c:pt idx="13">
                  <c:v>138.37899999999999</c:v>
                </c:pt>
                <c:pt idx="14">
                  <c:v>65.207999999999998</c:v>
                </c:pt>
                <c:pt idx="15">
                  <c:v>65.207999999999998</c:v>
                </c:pt>
                <c:pt idx="16">
                  <c:v>65.207999999999998</c:v>
                </c:pt>
                <c:pt idx="17">
                  <c:v>130.27699999999999</c:v>
                </c:pt>
                <c:pt idx="18">
                  <c:v>191.435</c:v>
                </c:pt>
                <c:pt idx="19">
                  <c:v>398.08600000000001</c:v>
                </c:pt>
                <c:pt idx="20">
                  <c:v>489.61099999999999</c:v>
                </c:pt>
                <c:pt idx="21">
                  <c:v>558.36300000000006</c:v>
                </c:pt>
                <c:pt idx="22">
                  <c:v>481.45</c:v>
                </c:pt>
                <c:pt idx="23">
                  <c:v>429.21100000000001</c:v>
                </c:pt>
                <c:pt idx="24">
                  <c:v>283.70299999999997</c:v>
                </c:pt>
                <c:pt idx="25">
                  <c:v>168.31</c:v>
                </c:pt>
                <c:pt idx="26">
                  <c:v>70.593000000000004</c:v>
                </c:pt>
                <c:pt idx="27">
                  <c:v>70.593000000000004</c:v>
                </c:pt>
                <c:pt idx="28">
                  <c:v>70.593000000000004</c:v>
                </c:pt>
                <c:pt idx="29">
                  <c:v>98.668000000000006</c:v>
                </c:pt>
                <c:pt idx="30">
                  <c:v>213.53299999999999</c:v>
                </c:pt>
                <c:pt idx="31">
                  <c:v>340.50299999999999</c:v>
                </c:pt>
                <c:pt idx="32">
                  <c:v>389.34899999999999</c:v>
                </c:pt>
                <c:pt idx="33">
                  <c:v>592.05700000000002</c:v>
                </c:pt>
                <c:pt idx="34">
                  <c:v>457.20499999999998</c:v>
                </c:pt>
                <c:pt idx="35">
                  <c:v>415.05900000000003</c:v>
                </c:pt>
                <c:pt idx="36">
                  <c:v>253.392</c:v>
                </c:pt>
                <c:pt idx="37">
                  <c:v>182.61600000000001</c:v>
                </c:pt>
                <c:pt idx="38">
                  <c:v>68.635000000000005</c:v>
                </c:pt>
                <c:pt idx="39">
                  <c:v>68.635000000000005</c:v>
                </c:pt>
                <c:pt idx="40">
                  <c:v>68.635000000000005</c:v>
                </c:pt>
                <c:pt idx="41">
                  <c:v>104.559</c:v>
                </c:pt>
                <c:pt idx="42">
                  <c:v>197.23</c:v>
                </c:pt>
                <c:pt idx="43">
                  <c:v>308.13600000000002</c:v>
                </c:pt>
                <c:pt idx="44">
                  <c:v>368.42700000000002</c:v>
                </c:pt>
                <c:pt idx="45">
                  <c:v>478.75900000000001</c:v>
                </c:pt>
                <c:pt idx="46">
                  <c:v>385.41500000000002</c:v>
                </c:pt>
                <c:pt idx="47">
                  <c:v>360.16699999999997</c:v>
                </c:pt>
                <c:pt idx="48">
                  <c:v>193.78</c:v>
                </c:pt>
                <c:pt idx="49">
                  <c:v>101.11</c:v>
                </c:pt>
                <c:pt idx="50">
                  <c:v>58.113</c:v>
                </c:pt>
                <c:pt idx="51">
                  <c:v>58.113</c:v>
                </c:pt>
                <c:pt idx="52">
                  <c:v>58.113</c:v>
                </c:pt>
                <c:pt idx="53">
                  <c:v>88.56</c:v>
                </c:pt>
                <c:pt idx="54">
                  <c:v>104.634</c:v>
                </c:pt>
                <c:pt idx="55">
                  <c:v>276.291</c:v>
                </c:pt>
                <c:pt idx="56">
                  <c:v>381.72800000000001</c:v>
                </c:pt>
                <c:pt idx="57">
                  <c:v>487.67599999999999</c:v>
                </c:pt>
                <c:pt idx="58">
                  <c:v>378.68900000000002</c:v>
                </c:pt>
                <c:pt idx="59">
                  <c:v>377.76400000000001</c:v>
                </c:pt>
                <c:pt idx="60">
                  <c:v>247.56399999999999</c:v>
                </c:pt>
                <c:pt idx="61">
                  <c:v>133.52699999999999</c:v>
                </c:pt>
                <c:pt idx="62">
                  <c:v>66.231999999999999</c:v>
                </c:pt>
                <c:pt idx="63">
                  <c:v>66.231999999999999</c:v>
                </c:pt>
                <c:pt idx="64">
                  <c:v>66.231999999999999</c:v>
                </c:pt>
                <c:pt idx="65">
                  <c:v>85.313000000000002</c:v>
                </c:pt>
                <c:pt idx="66">
                  <c:v>178.666</c:v>
                </c:pt>
                <c:pt idx="67">
                  <c:v>269.95400000000001</c:v>
                </c:pt>
                <c:pt idx="68">
                  <c:v>342.26299999999998</c:v>
                </c:pt>
                <c:pt idx="69">
                  <c:v>506.50900000000001</c:v>
                </c:pt>
                <c:pt idx="70">
                  <c:v>435.69799999999998</c:v>
                </c:pt>
                <c:pt idx="71">
                  <c:v>272.76</c:v>
                </c:pt>
                <c:pt idx="72">
                  <c:v>252.99</c:v>
                </c:pt>
                <c:pt idx="73">
                  <c:v>225.80500000000001</c:v>
                </c:pt>
                <c:pt idx="74">
                  <c:v>68.652000000000001</c:v>
                </c:pt>
                <c:pt idx="75">
                  <c:v>68.652000000000001</c:v>
                </c:pt>
                <c:pt idx="76">
                  <c:v>68.652000000000001</c:v>
                </c:pt>
                <c:pt idx="77">
                  <c:v>144.06100000000001</c:v>
                </c:pt>
                <c:pt idx="78">
                  <c:v>117.504</c:v>
                </c:pt>
                <c:pt idx="79">
                  <c:v>293.46800000000002</c:v>
                </c:pt>
                <c:pt idx="80">
                  <c:v>473.67700000000002</c:v>
                </c:pt>
                <c:pt idx="81">
                  <c:v>462.99900000000002</c:v>
                </c:pt>
                <c:pt idx="82">
                  <c:v>429.24599999999998</c:v>
                </c:pt>
                <c:pt idx="83">
                  <c:v>340.96100000000001</c:v>
                </c:pt>
                <c:pt idx="84">
                  <c:v>204.78200000000001</c:v>
                </c:pt>
                <c:pt idx="85">
                  <c:v>94.204999999999998</c:v>
                </c:pt>
                <c:pt idx="86">
                  <c:v>66.891000000000005</c:v>
                </c:pt>
                <c:pt idx="87">
                  <c:v>66.891000000000005</c:v>
                </c:pt>
                <c:pt idx="88">
                  <c:v>66.891000000000005</c:v>
                </c:pt>
                <c:pt idx="89">
                  <c:v>119.35299999999999</c:v>
                </c:pt>
                <c:pt idx="90">
                  <c:v>149.732</c:v>
                </c:pt>
                <c:pt idx="91">
                  <c:v>232.78800000000001</c:v>
                </c:pt>
                <c:pt idx="92">
                  <c:v>338.43</c:v>
                </c:pt>
                <c:pt idx="93">
                  <c:v>444.39800000000002</c:v>
                </c:pt>
                <c:pt idx="94">
                  <c:v>380.99400000000003</c:v>
                </c:pt>
                <c:pt idx="95">
                  <c:v>374.86399999999998</c:v>
                </c:pt>
                <c:pt idx="96">
                  <c:v>241.97200000000001</c:v>
                </c:pt>
                <c:pt idx="97">
                  <c:v>164.03899999999999</c:v>
                </c:pt>
                <c:pt idx="98">
                  <c:v>64.772000000000006</c:v>
                </c:pt>
                <c:pt idx="99">
                  <c:v>64.772000000000006</c:v>
                </c:pt>
                <c:pt idx="100">
                  <c:v>64.772000000000006</c:v>
                </c:pt>
                <c:pt idx="101">
                  <c:v>66.611999999999995</c:v>
                </c:pt>
                <c:pt idx="102">
                  <c:v>185.667</c:v>
                </c:pt>
                <c:pt idx="103">
                  <c:v>316.02100000000002</c:v>
                </c:pt>
                <c:pt idx="104">
                  <c:v>366.93299999999999</c:v>
                </c:pt>
                <c:pt idx="105">
                  <c:v>560.01099999999997</c:v>
                </c:pt>
                <c:pt idx="106">
                  <c:v>462.50200000000001</c:v>
                </c:pt>
                <c:pt idx="107">
                  <c:v>367.37599999999998</c:v>
                </c:pt>
                <c:pt idx="108">
                  <c:v>243.27</c:v>
                </c:pt>
                <c:pt idx="109">
                  <c:v>125.38200000000001</c:v>
                </c:pt>
                <c:pt idx="110">
                  <c:v>57.442</c:v>
                </c:pt>
                <c:pt idx="111">
                  <c:v>57.442</c:v>
                </c:pt>
                <c:pt idx="112">
                  <c:v>57.442</c:v>
                </c:pt>
                <c:pt idx="113">
                  <c:v>82.275999999999996</c:v>
                </c:pt>
                <c:pt idx="114">
                  <c:v>166.67400000000001</c:v>
                </c:pt>
                <c:pt idx="115">
                  <c:v>275.11799999999999</c:v>
                </c:pt>
                <c:pt idx="116">
                  <c:v>382.06900000000002</c:v>
                </c:pt>
                <c:pt idx="117">
                  <c:v>569.23599999999999</c:v>
                </c:pt>
                <c:pt idx="118">
                  <c:v>392.072</c:v>
                </c:pt>
                <c:pt idx="119">
                  <c:v>315.19</c:v>
                </c:pt>
                <c:pt idx="120">
                  <c:v>222.52</c:v>
                </c:pt>
                <c:pt idx="121">
                  <c:v>136.75399999999999</c:v>
                </c:pt>
                <c:pt idx="122">
                  <c:v>57.442999999999998</c:v>
                </c:pt>
                <c:pt idx="123">
                  <c:v>57.442999999999998</c:v>
                </c:pt>
                <c:pt idx="124">
                  <c:v>57.442999999999998</c:v>
                </c:pt>
                <c:pt idx="125">
                  <c:v>82.6</c:v>
                </c:pt>
                <c:pt idx="126">
                  <c:v>132.315</c:v>
                </c:pt>
                <c:pt idx="127">
                  <c:v>248.167</c:v>
                </c:pt>
                <c:pt idx="128">
                  <c:v>414.93900000000002</c:v>
                </c:pt>
                <c:pt idx="129">
                  <c:v>517.16300000000001</c:v>
                </c:pt>
                <c:pt idx="130">
                  <c:v>383.096</c:v>
                </c:pt>
                <c:pt idx="131">
                  <c:v>342.07400000000001</c:v>
                </c:pt>
                <c:pt idx="132">
                  <c:v>189.83799999999999</c:v>
                </c:pt>
                <c:pt idx="133">
                  <c:v>127.95699999999999</c:v>
                </c:pt>
                <c:pt idx="134">
                  <c:v>52.813000000000002</c:v>
                </c:pt>
                <c:pt idx="135">
                  <c:v>52.813000000000002</c:v>
                </c:pt>
                <c:pt idx="136">
                  <c:v>52.813000000000002</c:v>
                </c:pt>
                <c:pt idx="137">
                  <c:v>65.42</c:v>
                </c:pt>
                <c:pt idx="138">
                  <c:v>128.346</c:v>
                </c:pt>
                <c:pt idx="139">
                  <c:v>252.67699999999999</c:v>
                </c:pt>
                <c:pt idx="140">
                  <c:v>397.93299999999999</c:v>
                </c:pt>
                <c:pt idx="141">
                  <c:v>396.548</c:v>
                </c:pt>
                <c:pt idx="142">
                  <c:v>386.27800000000002</c:v>
                </c:pt>
                <c:pt idx="143">
                  <c:v>306.25099999999998</c:v>
                </c:pt>
                <c:pt idx="144">
                  <c:v>180.18299999999999</c:v>
                </c:pt>
                <c:pt idx="145">
                  <c:v>101.383</c:v>
                </c:pt>
                <c:pt idx="146">
                  <c:v>51.829000000000001</c:v>
                </c:pt>
                <c:pt idx="147">
                  <c:v>51.829000000000001</c:v>
                </c:pt>
                <c:pt idx="148">
                  <c:v>51.829000000000001</c:v>
                </c:pt>
                <c:pt idx="149">
                  <c:v>74.412000000000006</c:v>
                </c:pt>
                <c:pt idx="150">
                  <c:v>149.54</c:v>
                </c:pt>
                <c:pt idx="151">
                  <c:v>252.75299999999999</c:v>
                </c:pt>
                <c:pt idx="152">
                  <c:v>319.88400000000001</c:v>
                </c:pt>
                <c:pt idx="153">
                  <c:v>438.12</c:v>
                </c:pt>
                <c:pt idx="154">
                  <c:v>422.03300000000002</c:v>
                </c:pt>
                <c:pt idx="155">
                  <c:v>330.57</c:v>
                </c:pt>
                <c:pt idx="156">
                  <c:v>225.357</c:v>
                </c:pt>
                <c:pt idx="157">
                  <c:v>111.97199999999999</c:v>
                </c:pt>
                <c:pt idx="158">
                  <c:v>52.55</c:v>
                </c:pt>
                <c:pt idx="159">
                  <c:v>52.55</c:v>
                </c:pt>
                <c:pt idx="160">
                  <c:v>52.55</c:v>
                </c:pt>
                <c:pt idx="161">
                  <c:v>67.924000000000007</c:v>
                </c:pt>
                <c:pt idx="162">
                  <c:v>109.376</c:v>
                </c:pt>
                <c:pt idx="163">
                  <c:v>258.76</c:v>
                </c:pt>
                <c:pt idx="164">
                  <c:v>392.59500000000003</c:v>
                </c:pt>
                <c:pt idx="165">
                  <c:v>443.27100000000002</c:v>
                </c:pt>
                <c:pt idx="166">
                  <c:v>400.23200000000003</c:v>
                </c:pt>
                <c:pt idx="167">
                  <c:v>338.863</c:v>
                </c:pt>
                <c:pt idx="168">
                  <c:v>191.352</c:v>
                </c:pt>
                <c:pt idx="169">
                  <c:v>127.877</c:v>
                </c:pt>
                <c:pt idx="170">
                  <c:v>56.716000000000001</c:v>
                </c:pt>
                <c:pt idx="171">
                  <c:v>56.716000000000001</c:v>
                </c:pt>
                <c:pt idx="172">
                  <c:v>56.716000000000001</c:v>
                </c:pt>
                <c:pt idx="173">
                  <c:v>65.468000000000004</c:v>
                </c:pt>
                <c:pt idx="174">
                  <c:v>134.80099999999999</c:v>
                </c:pt>
                <c:pt idx="175">
                  <c:v>254.142</c:v>
                </c:pt>
                <c:pt idx="176">
                  <c:v>422.858</c:v>
                </c:pt>
                <c:pt idx="177">
                  <c:v>519.68299999999999</c:v>
                </c:pt>
                <c:pt idx="178">
                  <c:v>349.34899999999999</c:v>
                </c:pt>
                <c:pt idx="179">
                  <c:v>323.55399999999997</c:v>
                </c:pt>
                <c:pt idx="180">
                  <c:v>206.27500000000001</c:v>
                </c:pt>
                <c:pt idx="181">
                  <c:v>122.712</c:v>
                </c:pt>
                <c:pt idx="182">
                  <c:v>52.25</c:v>
                </c:pt>
                <c:pt idx="183">
                  <c:v>52.25</c:v>
                </c:pt>
                <c:pt idx="184">
                  <c:v>52.25</c:v>
                </c:pt>
                <c:pt idx="185">
                  <c:v>57.002000000000002</c:v>
                </c:pt>
                <c:pt idx="186">
                  <c:v>167.62</c:v>
                </c:pt>
                <c:pt idx="187">
                  <c:v>213.982</c:v>
                </c:pt>
                <c:pt idx="188">
                  <c:v>366.45</c:v>
                </c:pt>
                <c:pt idx="189">
                  <c:v>439.22699999999998</c:v>
                </c:pt>
                <c:pt idx="190">
                  <c:v>342.51299999999998</c:v>
                </c:pt>
                <c:pt idx="191">
                  <c:v>238.916</c:v>
                </c:pt>
                <c:pt idx="192">
                  <c:v>153.709</c:v>
                </c:pt>
                <c:pt idx="193">
                  <c:v>82.658000000000001</c:v>
                </c:pt>
                <c:pt idx="194">
                  <c:v>50.215000000000003</c:v>
                </c:pt>
                <c:pt idx="195">
                  <c:v>50.215000000000003</c:v>
                </c:pt>
                <c:pt idx="196">
                  <c:v>50.215000000000003</c:v>
                </c:pt>
                <c:pt idx="197">
                  <c:v>62.749000000000002</c:v>
                </c:pt>
                <c:pt idx="198">
                  <c:v>135.01400000000001</c:v>
                </c:pt>
                <c:pt idx="199">
                  <c:v>235.50899999999999</c:v>
                </c:pt>
                <c:pt idx="200">
                  <c:v>375.154</c:v>
                </c:pt>
                <c:pt idx="201">
                  <c:v>484.83699999999999</c:v>
                </c:pt>
                <c:pt idx="202">
                  <c:v>345.09100000000001</c:v>
                </c:pt>
                <c:pt idx="203">
                  <c:v>337.84100000000001</c:v>
                </c:pt>
                <c:pt idx="204">
                  <c:v>197.52600000000001</c:v>
                </c:pt>
                <c:pt idx="205">
                  <c:v>114.72</c:v>
                </c:pt>
                <c:pt idx="206">
                  <c:v>46.820999999999998</c:v>
                </c:pt>
                <c:pt idx="207">
                  <c:v>46.820999999999998</c:v>
                </c:pt>
                <c:pt idx="208">
                  <c:v>46.820999999999998</c:v>
                </c:pt>
                <c:pt idx="209">
                  <c:v>51.435000000000002</c:v>
                </c:pt>
                <c:pt idx="210">
                  <c:v>128.41900000000001</c:v>
                </c:pt>
                <c:pt idx="211">
                  <c:v>213.673</c:v>
                </c:pt>
                <c:pt idx="212">
                  <c:v>333.59500000000003</c:v>
                </c:pt>
              </c:numCache>
            </c:numRef>
          </c:val>
        </c:ser>
        <c:ser>
          <c:idx val="1"/>
          <c:order val="1"/>
          <c:tx>
            <c:strRef>
              <c:f>'Residential USE Regn North'!$C$42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numRef>
              <c:f>'Residential USE Regn North'!$A$43:$A$255</c:f>
              <c:numCache>
                <c:formatCode>mmm\-yy</c:formatCode>
                <c:ptCount val="213"/>
                <c:pt idx="0">
                  <c:v>34425</c:v>
                </c:pt>
                <c:pt idx="1">
                  <c:v>34455</c:v>
                </c:pt>
                <c:pt idx="2">
                  <c:v>34486</c:v>
                </c:pt>
                <c:pt idx="3">
                  <c:v>34516</c:v>
                </c:pt>
                <c:pt idx="4">
                  <c:v>34547</c:v>
                </c:pt>
                <c:pt idx="5">
                  <c:v>34578</c:v>
                </c:pt>
                <c:pt idx="6">
                  <c:v>34608</c:v>
                </c:pt>
                <c:pt idx="7">
                  <c:v>34639</c:v>
                </c:pt>
                <c:pt idx="8">
                  <c:v>34669</c:v>
                </c:pt>
                <c:pt idx="9">
                  <c:v>34700</c:v>
                </c:pt>
                <c:pt idx="10">
                  <c:v>34731</c:v>
                </c:pt>
                <c:pt idx="11">
                  <c:v>34759</c:v>
                </c:pt>
                <c:pt idx="12">
                  <c:v>34790</c:v>
                </c:pt>
                <c:pt idx="13">
                  <c:v>34820</c:v>
                </c:pt>
                <c:pt idx="14">
                  <c:v>34851</c:v>
                </c:pt>
                <c:pt idx="15">
                  <c:v>34881</c:v>
                </c:pt>
                <c:pt idx="16">
                  <c:v>34912</c:v>
                </c:pt>
                <c:pt idx="17">
                  <c:v>34943</c:v>
                </c:pt>
                <c:pt idx="18">
                  <c:v>34973</c:v>
                </c:pt>
                <c:pt idx="19">
                  <c:v>35004</c:v>
                </c:pt>
                <c:pt idx="20">
                  <c:v>35034</c:v>
                </c:pt>
                <c:pt idx="21">
                  <c:v>35065</c:v>
                </c:pt>
                <c:pt idx="22">
                  <c:v>35096</c:v>
                </c:pt>
                <c:pt idx="23">
                  <c:v>35125</c:v>
                </c:pt>
                <c:pt idx="24">
                  <c:v>35156</c:v>
                </c:pt>
                <c:pt idx="25">
                  <c:v>35186</c:v>
                </c:pt>
                <c:pt idx="26">
                  <c:v>35217</c:v>
                </c:pt>
                <c:pt idx="27">
                  <c:v>35247</c:v>
                </c:pt>
                <c:pt idx="28">
                  <c:v>35278</c:v>
                </c:pt>
                <c:pt idx="29">
                  <c:v>35309</c:v>
                </c:pt>
                <c:pt idx="30">
                  <c:v>35339</c:v>
                </c:pt>
                <c:pt idx="31">
                  <c:v>35370</c:v>
                </c:pt>
                <c:pt idx="32">
                  <c:v>35400</c:v>
                </c:pt>
                <c:pt idx="33">
                  <c:v>35431</c:v>
                </c:pt>
                <c:pt idx="34">
                  <c:v>35462</c:v>
                </c:pt>
                <c:pt idx="35">
                  <c:v>35490</c:v>
                </c:pt>
                <c:pt idx="36">
                  <c:v>35521</c:v>
                </c:pt>
                <c:pt idx="37">
                  <c:v>35551</c:v>
                </c:pt>
                <c:pt idx="38">
                  <c:v>35582</c:v>
                </c:pt>
                <c:pt idx="39">
                  <c:v>35612</c:v>
                </c:pt>
                <c:pt idx="40">
                  <c:v>35643</c:v>
                </c:pt>
                <c:pt idx="41">
                  <c:v>35674</c:v>
                </c:pt>
                <c:pt idx="42">
                  <c:v>35704</c:v>
                </c:pt>
                <c:pt idx="43">
                  <c:v>35735</c:v>
                </c:pt>
                <c:pt idx="44">
                  <c:v>35765</c:v>
                </c:pt>
                <c:pt idx="45">
                  <c:v>35796</c:v>
                </c:pt>
                <c:pt idx="46">
                  <c:v>35827</c:v>
                </c:pt>
                <c:pt idx="47">
                  <c:v>35855</c:v>
                </c:pt>
                <c:pt idx="48">
                  <c:v>35886</c:v>
                </c:pt>
                <c:pt idx="49">
                  <c:v>35916</c:v>
                </c:pt>
                <c:pt idx="50">
                  <c:v>35947</c:v>
                </c:pt>
                <c:pt idx="51">
                  <c:v>35977</c:v>
                </c:pt>
                <c:pt idx="52">
                  <c:v>36008</c:v>
                </c:pt>
                <c:pt idx="53">
                  <c:v>36039</c:v>
                </c:pt>
                <c:pt idx="54">
                  <c:v>36069</c:v>
                </c:pt>
                <c:pt idx="55">
                  <c:v>36100</c:v>
                </c:pt>
                <c:pt idx="56">
                  <c:v>36130</c:v>
                </c:pt>
                <c:pt idx="57">
                  <c:v>36161</c:v>
                </c:pt>
                <c:pt idx="58">
                  <c:v>36192</c:v>
                </c:pt>
                <c:pt idx="59">
                  <c:v>36220</c:v>
                </c:pt>
                <c:pt idx="60">
                  <c:v>36251</c:v>
                </c:pt>
                <c:pt idx="61">
                  <c:v>36281</c:v>
                </c:pt>
                <c:pt idx="62">
                  <c:v>36312</c:v>
                </c:pt>
                <c:pt idx="63">
                  <c:v>36342</c:v>
                </c:pt>
                <c:pt idx="64">
                  <c:v>36373</c:v>
                </c:pt>
                <c:pt idx="65">
                  <c:v>36404</c:v>
                </c:pt>
                <c:pt idx="66">
                  <c:v>36434</c:v>
                </c:pt>
                <c:pt idx="67">
                  <c:v>36465</c:v>
                </c:pt>
                <c:pt idx="68">
                  <c:v>36495</c:v>
                </c:pt>
                <c:pt idx="69">
                  <c:v>36526</c:v>
                </c:pt>
                <c:pt idx="70">
                  <c:v>36557</c:v>
                </c:pt>
                <c:pt idx="71">
                  <c:v>36586</c:v>
                </c:pt>
                <c:pt idx="72">
                  <c:v>36617</c:v>
                </c:pt>
                <c:pt idx="73">
                  <c:v>36647</c:v>
                </c:pt>
                <c:pt idx="74">
                  <c:v>36678</c:v>
                </c:pt>
                <c:pt idx="75">
                  <c:v>36708</c:v>
                </c:pt>
                <c:pt idx="76">
                  <c:v>36739</c:v>
                </c:pt>
                <c:pt idx="77">
                  <c:v>36770</c:v>
                </c:pt>
                <c:pt idx="78">
                  <c:v>36800</c:v>
                </c:pt>
                <c:pt idx="79">
                  <c:v>36831</c:v>
                </c:pt>
                <c:pt idx="80">
                  <c:v>36861</c:v>
                </c:pt>
                <c:pt idx="81">
                  <c:v>36892</c:v>
                </c:pt>
                <c:pt idx="82">
                  <c:v>36923</c:v>
                </c:pt>
                <c:pt idx="83">
                  <c:v>36951</c:v>
                </c:pt>
                <c:pt idx="84">
                  <c:v>36982</c:v>
                </c:pt>
                <c:pt idx="85">
                  <c:v>37012</c:v>
                </c:pt>
                <c:pt idx="86">
                  <c:v>37043</c:v>
                </c:pt>
                <c:pt idx="87">
                  <c:v>37073</c:v>
                </c:pt>
                <c:pt idx="88">
                  <c:v>37104</c:v>
                </c:pt>
                <c:pt idx="89">
                  <c:v>37135</c:v>
                </c:pt>
                <c:pt idx="90">
                  <c:v>37165</c:v>
                </c:pt>
                <c:pt idx="91">
                  <c:v>37196</c:v>
                </c:pt>
                <c:pt idx="92">
                  <c:v>37226</c:v>
                </c:pt>
                <c:pt idx="93">
                  <c:v>37257</c:v>
                </c:pt>
                <c:pt idx="94">
                  <c:v>37288</c:v>
                </c:pt>
                <c:pt idx="95">
                  <c:v>37316</c:v>
                </c:pt>
                <c:pt idx="96">
                  <c:v>37347</c:v>
                </c:pt>
                <c:pt idx="97">
                  <c:v>37377</c:v>
                </c:pt>
                <c:pt idx="98">
                  <c:v>37408</c:v>
                </c:pt>
                <c:pt idx="99">
                  <c:v>37438</c:v>
                </c:pt>
                <c:pt idx="100">
                  <c:v>37469</c:v>
                </c:pt>
                <c:pt idx="101">
                  <c:v>37500</c:v>
                </c:pt>
                <c:pt idx="102">
                  <c:v>37530</c:v>
                </c:pt>
                <c:pt idx="103">
                  <c:v>37561</c:v>
                </c:pt>
                <c:pt idx="104">
                  <c:v>37591</c:v>
                </c:pt>
                <c:pt idx="105">
                  <c:v>37622</c:v>
                </c:pt>
                <c:pt idx="106">
                  <c:v>37653</c:v>
                </c:pt>
                <c:pt idx="107">
                  <c:v>37681</c:v>
                </c:pt>
                <c:pt idx="108">
                  <c:v>37712</c:v>
                </c:pt>
                <c:pt idx="109">
                  <c:v>37742</c:v>
                </c:pt>
                <c:pt idx="110">
                  <c:v>37773</c:v>
                </c:pt>
                <c:pt idx="111">
                  <c:v>37803</c:v>
                </c:pt>
                <c:pt idx="112">
                  <c:v>37834</c:v>
                </c:pt>
                <c:pt idx="113">
                  <c:v>37865</c:v>
                </c:pt>
                <c:pt idx="114">
                  <c:v>37895</c:v>
                </c:pt>
                <c:pt idx="115">
                  <c:v>37926</c:v>
                </c:pt>
                <c:pt idx="116">
                  <c:v>37956</c:v>
                </c:pt>
                <c:pt idx="117">
                  <c:v>37987</c:v>
                </c:pt>
                <c:pt idx="118">
                  <c:v>38018</c:v>
                </c:pt>
                <c:pt idx="119">
                  <c:v>38047</c:v>
                </c:pt>
                <c:pt idx="120">
                  <c:v>38078</c:v>
                </c:pt>
                <c:pt idx="121">
                  <c:v>38108</c:v>
                </c:pt>
                <c:pt idx="122">
                  <c:v>38139</c:v>
                </c:pt>
                <c:pt idx="123">
                  <c:v>38169</c:v>
                </c:pt>
                <c:pt idx="124">
                  <c:v>38200</c:v>
                </c:pt>
                <c:pt idx="125">
                  <c:v>38231</c:v>
                </c:pt>
                <c:pt idx="126">
                  <c:v>38261</c:v>
                </c:pt>
                <c:pt idx="127">
                  <c:v>38292</c:v>
                </c:pt>
                <c:pt idx="128">
                  <c:v>38322</c:v>
                </c:pt>
                <c:pt idx="129">
                  <c:v>38353</c:v>
                </c:pt>
                <c:pt idx="130">
                  <c:v>38384</c:v>
                </c:pt>
                <c:pt idx="131">
                  <c:v>38412</c:v>
                </c:pt>
                <c:pt idx="132">
                  <c:v>38443</c:v>
                </c:pt>
                <c:pt idx="133">
                  <c:v>38473</c:v>
                </c:pt>
                <c:pt idx="134">
                  <c:v>38504</c:v>
                </c:pt>
                <c:pt idx="135">
                  <c:v>38534</c:v>
                </c:pt>
                <c:pt idx="136">
                  <c:v>38565</c:v>
                </c:pt>
                <c:pt idx="137">
                  <c:v>38596</c:v>
                </c:pt>
                <c:pt idx="138">
                  <c:v>38626</c:v>
                </c:pt>
                <c:pt idx="139">
                  <c:v>38657</c:v>
                </c:pt>
                <c:pt idx="140">
                  <c:v>38687</c:v>
                </c:pt>
                <c:pt idx="141">
                  <c:v>38718</c:v>
                </c:pt>
                <c:pt idx="142">
                  <c:v>38749</c:v>
                </c:pt>
                <c:pt idx="143">
                  <c:v>38777</c:v>
                </c:pt>
                <c:pt idx="144">
                  <c:v>38808</c:v>
                </c:pt>
                <c:pt idx="145">
                  <c:v>38838</c:v>
                </c:pt>
                <c:pt idx="146">
                  <c:v>38869</c:v>
                </c:pt>
                <c:pt idx="147">
                  <c:v>38899</c:v>
                </c:pt>
                <c:pt idx="148">
                  <c:v>38930</c:v>
                </c:pt>
                <c:pt idx="149">
                  <c:v>38961</c:v>
                </c:pt>
                <c:pt idx="150">
                  <c:v>38991</c:v>
                </c:pt>
                <c:pt idx="151">
                  <c:v>39022</c:v>
                </c:pt>
                <c:pt idx="152">
                  <c:v>39052</c:v>
                </c:pt>
                <c:pt idx="153">
                  <c:v>39083</c:v>
                </c:pt>
                <c:pt idx="154">
                  <c:v>39114</c:v>
                </c:pt>
                <c:pt idx="155">
                  <c:v>39142</c:v>
                </c:pt>
                <c:pt idx="156">
                  <c:v>39173</c:v>
                </c:pt>
                <c:pt idx="157">
                  <c:v>39203</c:v>
                </c:pt>
                <c:pt idx="158">
                  <c:v>39234</c:v>
                </c:pt>
                <c:pt idx="159">
                  <c:v>39264</c:v>
                </c:pt>
                <c:pt idx="160">
                  <c:v>39295</c:v>
                </c:pt>
                <c:pt idx="161">
                  <c:v>39326</c:v>
                </c:pt>
                <c:pt idx="162">
                  <c:v>39356</c:v>
                </c:pt>
                <c:pt idx="163">
                  <c:v>39387</c:v>
                </c:pt>
                <c:pt idx="164">
                  <c:v>39417</c:v>
                </c:pt>
                <c:pt idx="165">
                  <c:v>39448</c:v>
                </c:pt>
                <c:pt idx="166">
                  <c:v>39479</c:v>
                </c:pt>
                <c:pt idx="167">
                  <c:v>39508</c:v>
                </c:pt>
                <c:pt idx="168">
                  <c:v>39539</c:v>
                </c:pt>
                <c:pt idx="169">
                  <c:v>39569</c:v>
                </c:pt>
                <c:pt idx="170">
                  <c:v>39600</c:v>
                </c:pt>
                <c:pt idx="171">
                  <c:v>39630</c:v>
                </c:pt>
                <c:pt idx="172">
                  <c:v>39661</c:v>
                </c:pt>
                <c:pt idx="173">
                  <c:v>39692</c:v>
                </c:pt>
                <c:pt idx="174">
                  <c:v>39722</c:v>
                </c:pt>
                <c:pt idx="175">
                  <c:v>39753</c:v>
                </c:pt>
                <c:pt idx="176">
                  <c:v>39783</c:v>
                </c:pt>
                <c:pt idx="177">
                  <c:v>39814</c:v>
                </c:pt>
                <c:pt idx="178">
                  <c:v>39845</c:v>
                </c:pt>
                <c:pt idx="179">
                  <c:v>39873</c:v>
                </c:pt>
                <c:pt idx="180">
                  <c:v>39904</c:v>
                </c:pt>
                <c:pt idx="181">
                  <c:v>39934</c:v>
                </c:pt>
                <c:pt idx="182">
                  <c:v>39965</c:v>
                </c:pt>
                <c:pt idx="183">
                  <c:v>39995</c:v>
                </c:pt>
                <c:pt idx="184">
                  <c:v>40026</c:v>
                </c:pt>
                <c:pt idx="185">
                  <c:v>40057</c:v>
                </c:pt>
                <c:pt idx="186">
                  <c:v>40087</c:v>
                </c:pt>
                <c:pt idx="187">
                  <c:v>40118</c:v>
                </c:pt>
                <c:pt idx="188">
                  <c:v>40148</c:v>
                </c:pt>
                <c:pt idx="189">
                  <c:v>40179</c:v>
                </c:pt>
                <c:pt idx="190">
                  <c:v>40210</c:v>
                </c:pt>
                <c:pt idx="191">
                  <c:v>40238</c:v>
                </c:pt>
                <c:pt idx="192">
                  <c:v>40269</c:v>
                </c:pt>
                <c:pt idx="193">
                  <c:v>40299</c:v>
                </c:pt>
                <c:pt idx="194">
                  <c:v>40330</c:v>
                </c:pt>
                <c:pt idx="195">
                  <c:v>40360</c:v>
                </c:pt>
                <c:pt idx="196">
                  <c:v>40391</c:v>
                </c:pt>
                <c:pt idx="197">
                  <c:v>40422</c:v>
                </c:pt>
                <c:pt idx="198">
                  <c:v>40452</c:v>
                </c:pt>
                <c:pt idx="199">
                  <c:v>40483</c:v>
                </c:pt>
                <c:pt idx="200">
                  <c:v>40513</c:v>
                </c:pt>
                <c:pt idx="201">
                  <c:v>40544</c:v>
                </c:pt>
                <c:pt idx="202">
                  <c:v>40575</c:v>
                </c:pt>
                <c:pt idx="203">
                  <c:v>40603</c:v>
                </c:pt>
                <c:pt idx="204">
                  <c:v>40634</c:v>
                </c:pt>
                <c:pt idx="205">
                  <c:v>40664</c:v>
                </c:pt>
                <c:pt idx="206">
                  <c:v>40695</c:v>
                </c:pt>
                <c:pt idx="207">
                  <c:v>40725</c:v>
                </c:pt>
                <c:pt idx="208">
                  <c:v>40756</c:v>
                </c:pt>
                <c:pt idx="209">
                  <c:v>40787</c:v>
                </c:pt>
                <c:pt idx="210">
                  <c:v>40817</c:v>
                </c:pt>
                <c:pt idx="211">
                  <c:v>40848</c:v>
                </c:pt>
                <c:pt idx="212">
                  <c:v>40878</c:v>
                </c:pt>
              </c:numCache>
            </c:numRef>
          </c:cat>
          <c:val>
            <c:numRef>
              <c:f>'Residential USE Regn North'!$C$43:$C$255</c:f>
              <c:numCache>
                <c:formatCode>#,##0.0_ ;[Red]\-#,##0.0\ </c:formatCode>
                <c:ptCount val="213"/>
                <c:pt idx="0">
                  <c:v>262.88299999999998</c:v>
                </c:pt>
                <c:pt idx="1">
                  <c:v>164.61600000000001</c:v>
                </c:pt>
                <c:pt idx="2">
                  <c:v>71.846000000000004</c:v>
                </c:pt>
                <c:pt idx="3">
                  <c:v>73.394000000000005</c:v>
                </c:pt>
                <c:pt idx="4">
                  <c:v>74.536000000000001</c:v>
                </c:pt>
                <c:pt idx="5">
                  <c:v>88.566000000000003</c:v>
                </c:pt>
                <c:pt idx="6">
                  <c:v>169.80699999999999</c:v>
                </c:pt>
                <c:pt idx="7">
                  <c:v>283.68700000000001</c:v>
                </c:pt>
                <c:pt idx="8">
                  <c:v>376.36799999999999</c:v>
                </c:pt>
                <c:pt idx="9">
                  <c:v>478.976</c:v>
                </c:pt>
                <c:pt idx="10">
                  <c:v>514.15099999999995</c:v>
                </c:pt>
                <c:pt idx="11">
                  <c:v>355.40699999999998</c:v>
                </c:pt>
                <c:pt idx="12">
                  <c:v>283.99099999999999</c:v>
                </c:pt>
                <c:pt idx="13">
                  <c:v>156.47800000000001</c:v>
                </c:pt>
                <c:pt idx="14">
                  <c:v>70.41</c:v>
                </c:pt>
                <c:pt idx="15">
                  <c:v>72.364000000000004</c:v>
                </c:pt>
                <c:pt idx="16">
                  <c:v>73.144000000000005</c:v>
                </c:pt>
                <c:pt idx="17">
                  <c:v>123.505</c:v>
                </c:pt>
                <c:pt idx="18">
                  <c:v>175.85900000000001</c:v>
                </c:pt>
                <c:pt idx="19">
                  <c:v>398.08600000000001</c:v>
                </c:pt>
                <c:pt idx="20">
                  <c:v>475.089</c:v>
                </c:pt>
                <c:pt idx="21">
                  <c:v>566.27</c:v>
                </c:pt>
                <c:pt idx="22">
                  <c:v>470.82499999999999</c:v>
                </c:pt>
                <c:pt idx="23">
                  <c:v>419.76499999999999</c:v>
                </c:pt>
                <c:pt idx="24">
                  <c:v>287.18299999999999</c:v>
                </c:pt>
                <c:pt idx="25">
                  <c:v>174.227</c:v>
                </c:pt>
                <c:pt idx="26">
                  <c:v>69.31</c:v>
                </c:pt>
                <c:pt idx="27">
                  <c:v>70.704999999999998</c:v>
                </c:pt>
                <c:pt idx="28">
                  <c:v>71.813000000000002</c:v>
                </c:pt>
                <c:pt idx="29">
                  <c:v>85.783000000000001</c:v>
                </c:pt>
                <c:pt idx="30">
                  <c:v>185.29599999999999</c:v>
                </c:pt>
                <c:pt idx="31">
                  <c:v>334.39699999999999</c:v>
                </c:pt>
                <c:pt idx="32">
                  <c:v>408.77800000000002</c:v>
                </c:pt>
                <c:pt idx="33">
                  <c:v>551.35400000000004</c:v>
                </c:pt>
                <c:pt idx="34">
                  <c:v>435.46199999999999</c:v>
                </c:pt>
                <c:pt idx="35">
                  <c:v>403.98599999999999</c:v>
                </c:pt>
                <c:pt idx="36">
                  <c:v>260.416</c:v>
                </c:pt>
                <c:pt idx="37">
                  <c:v>187.053</c:v>
                </c:pt>
                <c:pt idx="38">
                  <c:v>67.738</c:v>
                </c:pt>
                <c:pt idx="39">
                  <c:v>68.703999999999994</c:v>
                </c:pt>
                <c:pt idx="40">
                  <c:v>70.349000000000004</c:v>
                </c:pt>
                <c:pt idx="41">
                  <c:v>106.738</c:v>
                </c:pt>
                <c:pt idx="42">
                  <c:v>182.15899999999999</c:v>
                </c:pt>
                <c:pt idx="43">
                  <c:v>315.96899999999999</c:v>
                </c:pt>
                <c:pt idx="44">
                  <c:v>368.42700000000002</c:v>
                </c:pt>
                <c:pt idx="45">
                  <c:v>483.10700000000003</c:v>
                </c:pt>
                <c:pt idx="46">
                  <c:v>346.15199999999999</c:v>
                </c:pt>
                <c:pt idx="47">
                  <c:v>350.62200000000001</c:v>
                </c:pt>
                <c:pt idx="48">
                  <c:v>214.97900000000001</c:v>
                </c:pt>
                <c:pt idx="49">
                  <c:v>115.532</c:v>
                </c:pt>
                <c:pt idx="50">
                  <c:v>67.165999999999997</c:v>
                </c:pt>
                <c:pt idx="51">
                  <c:v>68.501999999999995</c:v>
                </c:pt>
                <c:pt idx="52">
                  <c:v>68.963999999999999</c:v>
                </c:pt>
                <c:pt idx="53">
                  <c:v>83.088999999999999</c:v>
                </c:pt>
                <c:pt idx="54">
                  <c:v>168.99100000000001</c:v>
                </c:pt>
                <c:pt idx="55">
                  <c:v>282.041</c:v>
                </c:pt>
                <c:pt idx="56">
                  <c:v>392.55799999999999</c:v>
                </c:pt>
                <c:pt idx="57">
                  <c:v>532.03</c:v>
                </c:pt>
                <c:pt idx="58">
                  <c:v>378.65699999999998</c:v>
                </c:pt>
                <c:pt idx="59">
                  <c:v>361.49900000000002</c:v>
                </c:pt>
                <c:pt idx="60">
                  <c:v>221.63900000000001</c:v>
                </c:pt>
                <c:pt idx="61">
                  <c:v>121.501</c:v>
                </c:pt>
                <c:pt idx="62">
                  <c:v>64.516999999999996</c:v>
                </c:pt>
                <c:pt idx="63">
                  <c:v>66.370999999999995</c:v>
                </c:pt>
                <c:pt idx="64">
                  <c:v>67.100999999999999</c:v>
                </c:pt>
                <c:pt idx="65">
                  <c:v>81.516999999999996</c:v>
                </c:pt>
                <c:pt idx="66">
                  <c:v>185.39599999999999</c:v>
                </c:pt>
                <c:pt idx="67">
                  <c:v>264.95100000000002</c:v>
                </c:pt>
                <c:pt idx="68">
                  <c:v>393.31799999999998</c:v>
                </c:pt>
                <c:pt idx="69">
                  <c:v>518.87800000000004</c:v>
                </c:pt>
                <c:pt idx="70">
                  <c:v>394.14499999999998</c:v>
                </c:pt>
                <c:pt idx="71">
                  <c:v>304.947</c:v>
                </c:pt>
                <c:pt idx="72">
                  <c:v>240.93100000000001</c:v>
                </c:pt>
                <c:pt idx="73">
                  <c:v>136.59</c:v>
                </c:pt>
                <c:pt idx="74">
                  <c:v>62.463000000000001</c:v>
                </c:pt>
                <c:pt idx="75">
                  <c:v>62.875</c:v>
                </c:pt>
                <c:pt idx="76">
                  <c:v>65.861000000000004</c:v>
                </c:pt>
                <c:pt idx="77">
                  <c:v>104.634</c:v>
                </c:pt>
                <c:pt idx="78">
                  <c:v>164.22800000000001</c:v>
                </c:pt>
                <c:pt idx="79">
                  <c:v>281.70699999999999</c:v>
                </c:pt>
                <c:pt idx="80">
                  <c:v>482.42099999999999</c:v>
                </c:pt>
                <c:pt idx="81">
                  <c:v>460.07400000000001</c:v>
                </c:pt>
                <c:pt idx="82">
                  <c:v>419.63200000000001</c:v>
                </c:pt>
                <c:pt idx="83">
                  <c:v>356.51600000000002</c:v>
                </c:pt>
                <c:pt idx="84">
                  <c:v>216.71899999999999</c:v>
                </c:pt>
                <c:pt idx="85">
                  <c:v>113.72499999999999</c:v>
                </c:pt>
                <c:pt idx="86">
                  <c:v>59.558999999999997</c:v>
                </c:pt>
                <c:pt idx="87">
                  <c:v>62.908999999999999</c:v>
                </c:pt>
                <c:pt idx="88">
                  <c:v>62.966000000000001</c:v>
                </c:pt>
                <c:pt idx="89">
                  <c:v>119.35299999999999</c:v>
                </c:pt>
                <c:pt idx="90">
                  <c:v>164.065</c:v>
                </c:pt>
                <c:pt idx="91">
                  <c:v>243.04400000000001</c:v>
                </c:pt>
                <c:pt idx="92">
                  <c:v>347.31700000000001</c:v>
                </c:pt>
                <c:pt idx="93">
                  <c:v>438.31599999999997</c:v>
                </c:pt>
                <c:pt idx="94">
                  <c:v>378.221</c:v>
                </c:pt>
                <c:pt idx="95">
                  <c:v>379.34399999999999</c:v>
                </c:pt>
                <c:pt idx="96">
                  <c:v>236.76</c:v>
                </c:pt>
                <c:pt idx="97">
                  <c:v>158.404</c:v>
                </c:pt>
                <c:pt idx="98">
                  <c:v>59.468000000000004</c:v>
                </c:pt>
                <c:pt idx="99">
                  <c:v>60.991999999999997</c:v>
                </c:pt>
                <c:pt idx="100">
                  <c:v>62.905000000000001</c:v>
                </c:pt>
                <c:pt idx="101">
                  <c:v>76.561000000000007</c:v>
                </c:pt>
                <c:pt idx="102">
                  <c:v>192.42400000000001</c:v>
                </c:pt>
                <c:pt idx="103">
                  <c:v>310.62900000000002</c:v>
                </c:pt>
                <c:pt idx="104">
                  <c:v>380.37299999999999</c:v>
                </c:pt>
                <c:pt idx="105">
                  <c:v>560.01099999999997</c:v>
                </c:pt>
                <c:pt idx="106">
                  <c:v>454.87200000000001</c:v>
                </c:pt>
                <c:pt idx="107">
                  <c:v>362.80700000000002</c:v>
                </c:pt>
                <c:pt idx="108">
                  <c:v>248.23400000000001</c:v>
                </c:pt>
                <c:pt idx="109">
                  <c:v>121.20399999999999</c:v>
                </c:pt>
                <c:pt idx="110">
                  <c:v>56.110999999999997</c:v>
                </c:pt>
                <c:pt idx="111">
                  <c:v>58.851999999999997</c:v>
                </c:pt>
                <c:pt idx="112">
                  <c:v>61.017000000000003</c:v>
                </c:pt>
                <c:pt idx="113">
                  <c:v>74.762</c:v>
                </c:pt>
                <c:pt idx="114">
                  <c:v>166.02600000000001</c:v>
                </c:pt>
                <c:pt idx="115">
                  <c:v>268.745</c:v>
                </c:pt>
                <c:pt idx="116">
                  <c:v>372.40100000000001</c:v>
                </c:pt>
                <c:pt idx="117">
                  <c:v>578.33299999999997</c:v>
                </c:pt>
                <c:pt idx="118">
                  <c:v>383.90699999999998</c:v>
                </c:pt>
                <c:pt idx="119">
                  <c:v>322.447</c:v>
                </c:pt>
                <c:pt idx="120">
                  <c:v>233.27</c:v>
                </c:pt>
                <c:pt idx="121">
                  <c:v>141.309</c:v>
                </c:pt>
                <c:pt idx="122">
                  <c:v>55.564999999999998</c:v>
                </c:pt>
                <c:pt idx="123">
                  <c:v>57.521000000000001</c:v>
                </c:pt>
                <c:pt idx="124">
                  <c:v>59.912999999999997</c:v>
                </c:pt>
                <c:pt idx="125">
                  <c:v>73.221000000000004</c:v>
                </c:pt>
                <c:pt idx="126">
                  <c:v>151.25200000000001</c:v>
                </c:pt>
                <c:pt idx="127">
                  <c:v>258.79500000000002</c:v>
                </c:pt>
                <c:pt idx="128">
                  <c:v>424.36599999999999</c:v>
                </c:pt>
                <c:pt idx="129">
                  <c:v>518.28200000000004</c:v>
                </c:pt>
                <c:pt idx="130">
                  <c:v>370.16699999999997</c:v>
                </c:pt>
                <c:pt idx="131">
                  <c:v>355.65499999999997</c:v>
                </c:pt>
                <c:pt idx="132">
                  <c:v>195.36</c:v>
                </c:pt>
                <c:pt idx="133">
                  <c:v>125.268</c:v>
                </c:pt>
                <c:pt idx="134">
                  <c:v>55.183999999999997</c:v>
                </c:pt>
                <c:pt idx="135">
                  <c:v>56.661999999999999</c:v>
                </c:pt>
                <c:pt idx="136">
                  <c:v>58.375999999999998</c:v>
                </c:pt>
                <c:pt idx="137">
                  <c:v>72.372</c:v>
                </c:pt>
                <c:pt idx="138">
                  <c:v>140.84700000000001</c:v>
                </c:pt>
                <c:pt idx="139">
                  <c:v>269.66899999999998</c:v>
                </c:pt>
                <c:pt idx="140">
                  <c:v>396.18400000000003</c:v>
                </c:pt>
                <c:pt idx="141">
                  <c:v>394.86200000000002</c:v>
                </c:pt>
                <c:pt idx="142">
                  <c:v>396.37599999999998</c:v>
                </c:pt>
                <c:pt idx="143">
                  <c:v>309.786</c:v>
                </c:pt>
                <c:pt idx="144">
                  <c:v>179.21799999999999</c:v>
                </c:pt>
                <c:pt idx="145">
                  <c:v>99.227000000000004</c:v>
                </c:pt>
                <c:pt idx="146">
                  <c:v>52.531999999999996</c:v>
                </c:pt>
                <c:pt idx="147">
                  <c:v>55.097999999999999</c:v>
                </c:pt>
                <c:pt idx="148">
                  <c:v>56.591999999999999</c:v>
                </c:pt>
                <c:pt idx="149">
                  <c:v>80.06</c:v>
                </c:pt>
                <c:pt idx="150">
                  <c:v>158.327</c:v>
                </c:pt>
                <c:pt idx="151">
                  <c:v>240.791</c:v>
                </c:pt>
                <c:pt idx="152">
                  <c:v>322.03100000000001</c:v>
                </c:pt>
                <c:pt idx="153">
                  <c:v>442.04399999999998</c:v>
                </c:pt>
                <c:pt idx="154">
                  <c:v>431.71499999999997</c:v>
                </c:pt>
                <c:pt idx="155">
                  <c:v>320.505</c:v>
                </c:pt>
                <c:pt idx="156">
                  <c:v>213.417</c:v>
                </c:pt>
                <c:pt idx="157">
                  <c:v>105.28</c:v>
                </c:pt>
                <c:pt idx="158">
                  <c:v>51.469000000000001</c:v>
                </c:pt>
                <c:pt idx="159">
                  <c:v>54.201999999999998</c:v>
                </c:pt>
                <c:pt idx="160">
                  <c:v>55.536999999999999</c:v>
                </c:pt>
                <c:pt idx="161">
                  <c:v>69.284999999999997</c:v>
                </c:pt>
                <c:pt idx="162">
                  <c:v>117.31399999999999</c:v>
                </c:pt>
                <c:pt idx="163">
                  <c:v>272.774</c:v>
                </c:pt>
                <c:pt idx="164">
                  <c:v>391.09699999999998</c:v>
                </c:pt>
                <c:pt idx="165">
                  <c:v>425.30599999999998</c:v>
                </c:pt>
                <c:pt idx="166">
                  <c:v>405.41899999999998</c:v>
                </c:pt>
                <c:pt idx="167">
                  <c:v>350.26</c:v>
                </c:pt>
                <c:pt idx="168">
                  <c:v>182.041</c:v>
                </c:pt>
                <c:pt idx="169">
                  <c:v>122.846</c:v>
                </c:pt>
                <c:pt idx="170">
                  <c:v>50.161999999999999</c:v>
                </c:pt>
                <c:pt idx="171">
                  <c:v>51.871000000000002</c:v>
                </c:pt>
                <c:pt idx="172">
                  <c:v>53.585999999999999</c:v>
                </c:pt>
                <c:pt idx="173">
                  <c:v>67.262</c:v>
                </c:pt>
                <c:pt idx="174">
                  <c:v>139.09</c:v>
                </c:pt>
                <c:pt idx="175">
                  <c:v>253.322</c:v>
                </c:pt>
                <c:pt idx="176">
                  <c:v>415.12099999999998</c:v>
                </c:pt>
                <c:pt idx="177">
                  <c:v>508.98700000000002</c:v>
                </c:pt>
                <c:pt idx="178">
                  <c:v>368.17500000000001</c:v>
                </c:pt>
                <c:pt idx="179">
                  <c:v>311.60199999999998</c:v>
                </c:pt>
                <c:pt idx="180">
                  <c:v>195.13499999999999</c:v>
                </c:pt>
                <c:pt idx="181">
                  <c:v>115.78100000000001</c:v>
                </c:pt>
                <c:pt idx="182">
                  <c:v>49.267000000000003</c:v>
                </c:pt>
                <c:pt idx="183">
                  <c:v>51.145000000000003</c:v>
                </c:pt>
                <c:pt idx="184">
                  <c:v>52.771000000000001</c:v>
                </c:pt>
                <c:pt idx="185">
                  <c:v>66.897999999999996</c:v>
                </c:pt>
                <c:pt idx="186">
                  <c:v>149.78299999999999</c:v>
                </c:pt>
                <c:pt idx="187">
                  <c:v>207.64099999999999</c:v>
                </c:pt>
                <c:pt idx="188">
                  <c:v>381.786</c:v>
                </c:pt>
                <c:pt idx="189">
                  <c:v>441.46499999999997</c:v>
                </c:pt>
                <c:pt idx="190">
                  <c:v>353.30399999999997</c:v>
                </c:pt>
                <c:pt idx="191">
                  <c:v>245.71</c:v>
                </c:pt>
                <c:pt idx="192">
                  <c:v>154.52500000000001</c:v>
                </c:pt>
                <c:pt idx="193">
                  <c:v>81.340999999999994</c:v>
                </c:pt>
                <c:pt idx="194">
                  <c:v>49.764000000000003</c:v>
                </c:pt>
                <c:pt idx="195">
                  <c:v>51.018000000000001</c:v>
                </c:pt>
                <c:pt idx="196">
                  <c:v>51.343000000000004</c:v>
                </c:pt>
                <c:pt idx="197">
                  <c:v>63.631</c:v>
                </c:pt>
                <c:pt idx="198">
                  <c:v>127.925</c:v>
                </c:pt>
                <c:pt idx="199">
                  <c:v>232.75399999999999</c:v>
                </c:pt>
                <c:pt idx="200">
                  <c:v>370.13900000000001</c:v>
                </c:pt>
                <c:pt idx="201">
                  <c:v>489.98700000000002</c:v>
                </c:pt>
                <c:pt idx="202">
                  <c:v>365.82</c:v>
                </c:pt>
                <c:pt idx="203">
                  <c:v>323.94200000000001</c:v>
                </c:pt>
                <c:pt idx="204">
                  <c:v>195.81800000000001</c:v>
                </c:pt>
                <c:pt idx="205">
                  <c:v>87.918000000000006</c:v>
                </c:pt>
                <c:pt idx="206">
                  <c:v>46.917000000000002</c:v>
                </c:pt>
                <c:pt idx="207">
                  <c:v>48.567999999999998</c:v>
                </c:pt>
                <c:pt idx="208">
                  <c:v>49.715000000000003</c:v>
                </c:pt>
                <c:pt idx="209">
                  <c:v>63.755000000000003</c:v>
                </c:pt>
                <c:pt idx="210">
                  <c:v>111.7</c:v>
                </c:pt>
                <c:pt idx="211">
                  <c:v>213.33</c:v>
                </c:pt>
                <c:pt idx="212">
                  <c:v>331.19900000000001</c:v>
                </c:pt>
              </c:numCache>
            </c:numRef>
          </c:val>
        </c:ser>
        <c:marker val="1"/>
        <c:axId val="42335616"/>
        <c:axId val="44148224"/>
      </c:lineChart>
      <c:dateAx>
        <c:axId val="42335616"/>
        <c:scaling>
          <c:orientation val="minMax"/>
        </c:scaling>
        <c:axPos val="b"/>
        <c:numFmt formatCode="mmm\-yy" sourceLinked="1"/>
        <c:tickLblPos val="nextTo"/>
        <c:crossAx val="44148224"/>
        <c:crosses val="autoZero"/>
        <c:auto val="1"/>
        <c:lblOffset val="100"/>
      </c:dateAx>
      <c:valAx>
        <c:axId val="44148224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  <c:layout/>
        </c:title>
        <c:numFmt formatCode="#,##0.0_ ;[Red]\-#,##0.0\ 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2335616"/>
        <c:crosses val="autoZero"/>
        <c:crossBetween val="between"/>
      </c:valAx>
    </c:plotArea>
    <c:legend>
      <c:legendPos val="b"/>
      <c:layout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33" l="0.70000000000000062" r="0.70000000000000062" t="0.75000000000000133" header="0.30000000000000032" footer="0.30000000000000032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Residential</a:t>
            </a:r>
            <a:r>
              <a:rPr lang="en-US" baseline="0"/>
              <a:t> Old M2 </a:t>
            </a:r>
            <a:r>
              <a:rPr lang="en-US"/>
              <a:t>Mkt. Volume: Regression Results</a:t>
            </a:r>
          </a:p>
        </c:rich>
      </c:tx>
      <c:layout/>
    </c:title>
    <c:plotArea>
      <c:layout/>
      <c:lineChart>
        <c:grouping val="standard"/>
        <c:ser>
          <c:idx val="0"/>
          <c:order val="0"/>
          <c:tx>
            <c:strRef>
              <c:f>'Residential VOL Regn South'!$B$45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numRef>
              <c:f>'Residential VOL Regn South'!$A$46:$A$244</c:f>
              <c:numCache>
                <c:formatCode>mmm\-yy</c:formatCode>
                <c:ptCount val="199"/>
                <c:pt idx="0">
                  <c:v>34851</c:v>
                </c:pt>
                <c:pt idx="1">
                  <c:v>34881</c:v>
                </c:pt>
                <c:pt idx="2">
                  <c:v>34912</c:v>
                </c:pt>
                <c:pt idx="3">
                  <c:v>34943</c:v>
                </c:pt>
                <c:pt idx="4">
                  <c:v>34973</c:v>
                </c:pt>
                <c:pt idx="5">
                  <c:v>35004</c:v>
                </c:pt>
                <c:pt idx="6">
                  <c:v>35034</c:v>
                </c:pt>
                <c:pt idx="7">
                  <c:v>35065</c:v>
                </c:pt>
                <c:pt idx="8">
                  <c:v>35096</c:v>
                </c:pt>
                <c:pt idx="9">
                  <c:v>35125</c:v>
                </c:pt>
                <c:pt idx="10">
                  <c:v>35156</c:v>
                </c:pt>
                <c:pt idx="11">
                  <c:v>35186</c:v>
                </c:pt>
                <c:pt idx="12">
                  <c:v>35217</c:v>
                </c:pt>
                <c:pt idx="13">
                  <c:v>35247</c:v>
                </c:pt>
                <c:pt idx="14">
                  <c:v>35278</c:v>
                </c:pt>
                <c:pt idx="15">
                  <c:v>35309</c:v>
                </c:pt>
                <c:pt idx="16">
                  <c:v>35339</c:v>
                </c:pt>
                <c:pt idx="17">
                  <c:v>35370</c:v>
                </c:pt>
                <c:pt idx="18">
                  <c:v>35400</c:v>
                </c:pt>
                <c:pt idx="19">
                  <c:v>35431</c:v>
                </c:pt>
                <c:pt idx="20">
                  <c:v>35462</c:v>
                </c:pt>
                <c:pt idx="21">
                  <c:v>35490</c:v>
                </c:pt>
                <c:pt idx="22">
                  <c:v>35521</c:v>
                </c:pt>
                <c:pt idx="23">
                  <c:v>35551</c:v>
                </c:pt>
                <c:pt idx="24">
                  <c:v>35582</c:v>
                </c:pt>
                <c:pt idx="25">
                  <c:v>35612</c:v>
                </c:pt>
                <c:pt idx="26">
                  <c:v>35643</c:v>
                </c:pt>
                <c:pt idx="27">
                  <c:v>35674</c:v>
                </c:pt>
                <c:pt idx="28">
                  <c:v>35704</c:v>
                </c:pt>
                <c:pt idx="29">
                  <c:v>35735</c:v>
                </c:pt>
                <c:pt idx="30">
                  <c:v>35765</c:v>
                </c:pt>
                <c:pt idx="31">
                  <c:v>35796</c:v>
                </c:pt>
                <c:pt idx="32">
                  <c:v>35827</c:v>
                </c:pt>
                <c:pt idx="33">
                  <c:v>35855</c:v>
                </c:pt>
                <c:pt idx="34">
                  <c:v>35886</c:v>
                </c:pt>
                <c:pt idx="35">
                  <c:v>35916</c:v>
                </c:pt>
                <c:pt idx="36">
                  <c:v>35947</c:v>
                </c:pt>
                <c:pt idx="37">
                  <c:v>35977</c:v>
                </c:pt>
                <c:pt idx="38">
                  <c:v>36008</c:v>
                </c:pt>
                <c:pt idx="39">
                  <c:v>36039</c:v>
                </c:pt>
                <c:pt idx="40">
                  <c:v>36069</c:v>
                </c:pt>
                <c:pt idx="41">
                  <c:v>36100</c:v>
                </c:pt>
                <c:pt idx="42">
                  <c:v>36130</c:v>
                </c:pt>
                <c:pt idx="43">
                  <c:v>36161</c:v>
                </c:pt>
                <c:pt idx="44">
                  <c:v>36192</c:v>
                </c:pt>
                <c:pt idx="45">
                  <c:v>36220</c:v>
                </c:pt>
                <c:pt idx="46">
                  <c:v>36251</c:v>
                </c:pt>
                <c:pt idx="47">
                  <c:v>36281</c:v>
                </c:pt>
                <c:pt idx="48">
                  <c:v>36312</c:v>
                </c:pt>
                <c:pt idx="49">
                  <c:v>36342</c:v>
                </c:pt>
                <c:pt idx="50">
                  <c:v>36373</c:v>
                </c:pt>
                <c:pt idx="51">
                  <c:v>36404</c:v>
                </c:pt>
                <c:pt idx="52">
                  <c:v>36434</c:v>
                </c:pt>
                <c:pt idx="53">
                  <c:v>36465</c:v>
                </c:pt>
                <c:pt idx="54">
                  <c:v>36495</c:v>
                </c:pt>
                <c:pt idx="55">
                  <c:v>36526</c:v>
                </c:pt>
                <c:pt idx="56">
                  <c:v>36557</c:v>
                </c:pt>
                <c:pt idx="57">
                  <c:v>36586</c:v>
                </c:pt>
                <c:pt idx="58">
                  <c:v>36617</c:v>
                </c:pt>
                <c:pt idx="59">
                  <c:v>36647</c:v>
                </c:pt>
                <c:pt idx="60">
                  <c:v>36678</c:v>
                </c:pt>
                <c:pt idx="61">
                  <c:v>36708</c:v>
                </c:pt>
                <c:pt idx="62">
                  <c:v>36739</c:v>
                </c:pt>
                <c:pt idx="63">
                  <c:v>36770</c:v>
                </c:pt>
                <c:pt idx="64">
                  <c:v>36800</c:v>
                </c:pt>
                <c:pt idx="65">
                  <c:v>36831</c:v>
                </c:pt>
                <c:pt idx="66">
                  <c:v>36861</c:v>
                </c:pt>
                <c:pt idx="67">
                  <c:v>36892</c:v>
                </c:pt>
                <c:pt idx="68">
                  <c:v>36923</c:v>
                </c:pt>
                <c:pt idx="69">
                  <c:v>36951</c:v>
                </c:pt>
                <c:pt idx="70">
                  <c:v>36982</c:v>
                </c:pt>
                <c:pt idx="71">
                  <c:v>37012</c:v>
                </c:pt>
                <c:pt idx="72">
                  <c:v>37043</c:v>
                </c:pt>
                <c:pt idx="73">
                  <c:v>37073</c:v>
                </c:pt>
                <c:pt idx="74">
                  <c:v>37104</c:v>
                </c:pt>
                <c:pt idx="75">
                  <c:v>37135</c:v>
                </c:pt>
                <c:pt idx="76">
                  <c:v>37165</c:v>
                </c:pt>
                <c:pt idx="77">
                  <c:v>37196</c:v>
                </c:pt>
                <c:pt idx="78">
                  <c:v>37226</c:v>
                </c:pt>
                <c:pt idx="79">
                  <c:v>37257</c:v>
                </c:pt>
                <c:pt idx="80">
                  <c:v>37288</c:v>
                </c:pt>
                <c:pt idx="81">
                  <c:v>37316</c:v>
                </c:pt>
                <c:pt idx="82">
                  <c:v>37347</c:v>
                </c:pt>
                <c:pt idx="83">
                  <c:v>37377</c:v>
                </c:pt>
                <c:pt idx="84">
                  <c:v>37408</c:v>
                </c:pt>
                <c:pt idx="85">
                  <c:v>37438</c:v>
                </c:pt>
                <c:pt idx="86">
                  <c:v>37469</c:v>
                </c:pt>
                <c:pt idx="87">
                  <c:v>37500</c:v>
                </c:pt>
                <c:pt idx="88">
                  <c:v>37530</c:v>
                </c:pt>
                <c:pt idx="89">
                  <c:v>37561</c:v>
                </c:pt>
                <c:pt idx="90">
                  <c:v>37591</c:v>
                </c:pt>
                <c:pt idx="91">
                  <c:v>37622</c:v>
                </c:pt>
                <c:pt idx="92">
                  <c:v>37653</c:v>
                </c:pt>
                <c:pt idx="93">
                  <c:v>37681</c:v>
                </c:pt>
                <c:pt idx="94">
                  <c:v>37712</c:v>
                </c:pt>
                <c:pt idx="95">
                  <c:v>37742</c:v>
                </c:pt>
                <c:pt idx="96">
                  <c:v>37773</c:v>
                </c:pt>
                <c:pt idx="97">
                  <c:v>37803</c:v>
                </c:pt>
                <c:pt idx="98">
                  <c:v>37834</c:v>
                </c:pt>
                <c:pt idx="99">
                  <c:v>37865</c:v>
                </c:pt>
                <c:pt idx="100">
                  <c:v>37895</c:v>
                </c:pt>
                <c:pt idx="101">
                  <c:v>37926</c:v>
                </c:pt>
                <c:pt idx="102">
                  <c:v>37956</c:v>
                </c:pt>
                <c:pt idx="103">
                  <c:v>37987</c:v>
                </c:pt>
                <c:pt idx="104">
                  <c:v>38018</c:v>
                </c:pt>
                <c:pt idx="105">
                  <c:v>38047</c:v>
                </c:pt>
                <c:pt idx="106">
                  <c:v>38078</c:v>
                </c:pt>
                <c:pt idx="107">
                  <c:v>38108</c:v>
                </c:pt>
                <c:pt idx="108">
                  <c:v>38139</c:v>
                </c:pt>
                <c:pt idx="109">
                  <c:v>38169</c:v>
                </c:pt>
                <c:pt idx="110">
                  <c:v>38200</c:v>
                </c:pt>
                <c:pt idx="111">
                  <c:v>38231</c:v>
                </c:pt>
                <c:pt idx="112">
                  <c:v>38261</c:v>
                </c:pt>
                <c:pt idx="113">
                  <c:v>38292</c:v>
                </c:pt>
                <c:pt idx="114">
                  <c:v>38322</c:v>
                </c:pt>
                <c:pt idx="115">
                  <c:v>38353</c:v>
                </c:pt>
                <c:pt idx="116">
                  <c:v>38384</c:v>
                </c:pt>
                <c:pt idx="117">
                  <c:v>38412</c:v>
                </c:pt>
                <c:pt idx="118">
                  <c:v>38443</c:v>
                </c:pt>
                <c:pt idx="119">
                  <c:v>38473</c:v>
                </c:pt>
                <c:pt idx="120">
                  <c:v>38504</c:v>
                </c:pt>
                <c:pt idx="121">
                  <c:v>38534</c:v>
                </c:pt>
                <c:pt idx="122">
                  <c:v>38565</c:v>
                </c:pt>
                <c:pt idx="123">
                  <c:v>38596</c:v>
                </c:pt>
                <c:pt idx="124">
                  <c:v>38626</c:v>
                </c:pt>
                <c:pt idx="125">
                  <c:v>38657</c:v>
                </c:pt>
                <c:pt idx="126">
                  <c:v>38687</c:v>
                </c:pt>
                <c:pt idx="127">
                  <c:v>38718</c:v>
                </c:pt>
                <c:pt idx="128">
                  <c:v>38749</c:v>
                </c:pt>
                <c:pt idx="129">
                  <c:v>38777</c:v>
                </c:pt>
                <c:pt idx="130">
                  <c:v>38808</c:v>
                </c:pt>
                <c:pt idx="131">
                  <c:v>38838</c:v>
                </c:pt>
                <c:pt idx="132">
                  <c:v>38869</c:v>
                </c:pt>
                <c:pt idx="133">
                  <c:v>38899</c:v>
                </c:pt>
                <c:pt idx="134">
                  <c:v>38930</c:v>
                </c:pt>
                <c:pt idx="135">
                  <c:v>38961</c:v>
                </c:pt>
                <c:pt idx="136">
                  <c:v>38991</c:v>
                </c:pt>
                <c:pt idx="137">
                  <c:v>39022</c:v>
                </c:pt>
                <c:pt idx="138">
                  <c:v>39052</c:v>
                </c:pt>
                <c:pt idx="139">
                  <c:v>39083</c:v>
                </c:pt>
                <c:pt idx="140">
                  <c:v>39114</c:v>
                </c:pt>
                <c:pt idx="141">
                  <c:v>39142</c:v>
                </c:pt>
                <c:pt idx="142">
                  <c:v>39173</c:v>
                </c:pt>
                <c:pt idx="143">
                  <c:v>39203</c:v>
                </c:pt>
                <c:pt idx="144">
                  <c:v>39234</c:v>
                </c:pt>
                <c:pt idx="145">
                  <c:v>39264</c:v>
                </c:pt>
                <c:pt idx="146">
                  <c:v>39295</c:v>
                </c:pt>
                <c:pt idx="147">
                  <c:v>39326</c:v>
                </c:pt>
                <c:pt idx="148">
                  <c:v>39356</c:v>
                </c:pt>
                <c:pt idx="149">
                  <c:v>39387</c:v>
                </c:pt>
                <c:pt idx="150">
                  <c:v>39417</c:v>
                </c:pt>
                <c:pt idx="151">
                  <c:v>39448</c:v>
                </c:pt>
                <c:pt idx="152">
                  <c:v>39479</c:v>
                </c:pt>
                <c:pt idx="153">
                  <c:v>39508</c:v>
                </c:pt>
                <c:pt idx="154">
                  <c:v>39539</c:v>
                </c:pt>
                <c:pt idx="155">
                  <c:v>39569</c:v>
                </c:pt>
                <c:pt idx="156">
                  <c:v>39600</c:v>
                </c:pt>
                <c:pt idx="157">
                  <c:v>39630</c:v>
                </c:pt>
                <c:pt idx="158">
                  <c:v>39661</c:v>
                </c:pt>
                <c:pt idx="159">
                  <c:v>39692</c:v>
                </c:pt>
                <c:pt idx="160">
                  <c:v>39722</c:v>
                </c:pt>
                <c:pt idx="161">
                  <c:v>39753</c:v>
                </c:pt>
                <c:pt idx="162">
                  <c:v>39783</c:v>
                </c:pt>
                <c:pt idx="163">
                  <c:v>39814</c:v>
                </c:pt>
                <c:pt idx="164">
                  <c:v>39845</c:v>
                </c:pt>
                <c:pt idx="165">
                  <c:v>39873</c:v>
                </c:pt>
                <c:pt idx="166">
                  <c:v>39904</c:v>
                </c:pt>
                <c:pt idx="167">
                  <c:v>39934</c:v>
                </c:pt>
                <c:pt idx="168">
                  <c:v>39965</c:v>
                </c:pt>
                <c:pt idx="169">
                  <c:v>39995</c:v>
                </c:pt>
                <c:pt idx="170">
                  <c:v>40026</c:v>
                </c:pt>
                <c:pt idx="171">
                  <c:v>40057</c:v>
                </c:pt>
                <c:pt idx="172">
                  <c:v>40087</c:v>
                </c:pt>
                <c:pt idx="173">
                  <c:v>40118</c:v>
                </c:pt>
                <c:pt idx="174">
                  <c:v>40148</c:v>
                </c:pt>
                <c:pt idx="175">
                  <c:v>40179</c:v>
                </c:pt>
                <c:pt idx="176">
                  <c:v>40210</c:v>
                </c:pt>
                <c:pt idx="177">
                  <c:v>40238</c:v>
                </c:pt>
                <c:pt idx="178">
                  <c:v>40269</c:v>
                </c:pt>
                <c:pt idx="179">
                  <c:v>40299</c:v>
                </c:pt>
                <c:pt idx="180">
                  <c:v>40330</c:v>
                </c:pt>
                <c:pt idx="181">
                  <c:v>40360</c:v>
                </c:pt>
                <c:pt idx="182">
                  <c:v>40391</c:v>
                </c:pt>
                <c:pt idx="183">
                  <c:v>40422</c:v>
                </c:pt>
                <c:pt idx="184">
                  <c:v>40452</c:v>
                </c:pt>
                <c:pt idx="185">
                  <c:v>40483</c:v>
                </c:pt>
                <c:pt idx="186">
                  <c:v>40513</c:v>
                </c:pt>
                <c:pt idx="187">
                  <c:v>40544</c:v>
                </c:pt>
                <c:pt idx="188">
                  <c:v>40575</c:v>
                </c:pt>
                <c:pt idx="189">
                  <c:v>40603</c:v>
                </c:pt>
                <c:pt idx="190">
                  <c:v>40634</c:v>
                </c:pt>
                <c:pt idx="191">
                  <c:v>40664</c:v>
                </c:pt>
                <c:pt idx="192">
                  <c:v>40695</c:v>
                </c:pt>
                <c:pt idx="193">
                  <c:v>40725</c:v>
                </c:pt>
                <c:pt idx="194">
                  <c:v>40756</c:v>
                </c:pt>
                <c:pt idx="195">
                  <c:v>40787</c:v>
                </c:pt>
                <c:pt idx="196">
                  <c:v>40817</c:v>
                </c:pt>
                <c:pt idx="197">
                  <c:v>40848</c:v>
                </c:pt>
                <c:pt idx="198">
                  <c:v>40878</c:v>
                </c:pt>
              </c:numCache>
            </c:numRef>
          </c:cat>
          <c:val>
            <c:numRef>
              <c:f>'Residential VOL Regn South'!$B$46:$B$244</c:f>
              <c:numCache>
                <c:formatCode>#,##0.0_ ;[Red]\-#,##0.0\ </c:formatCode>
                <c:ptCount val="199"/>
                <c:pt idx="0">
                  <c:v>40968.332999999999</c:v>
                </c:pt>
                <c:pt idx="1">
                  <c:v>40968.332999999999</c:v>
                </c:pt>
                <c:pt idx="2">
                  <c:v>40968.332999999999</c:v>
                </c:pt>
                <c:pt idx="3">
                  <c:v>56976.3</c:v>
                </c:pt>
                <c:pt idx="4">
                  <c:v>91836.2</c:v>
                </c:pt>
                <c:pt idx="5">
                  <c:v>223466</c:v>
                </c:pt>
                <c:pt idx="6">
                  <c:v>332402.40000000002</c:v>
                </c:pt>
                <c:pt idx="7">
                  <c:v>347747.6</c:v>
                </c:pt>
                <c:pt idx="8">
                  <c:v>330261.09999999998</c:v>
                </c:pt>
                <c:pt idx="9">
                  <c:v>302290.3</c:v>
                </c:pt>
                <c:pt idx="10">
                  <c:v>195543.2</c:v>
                </c:pt>
                <c:pt idx="11">
                  <c:v>114809.1</c:v>
                </c:pt>
                <c:pt idx="12">
                  <c:v>44283.267</c:v>
                </c:pt>
                <c:pt idx="13">
                  <c:v>44283.267</c:v>
                </c:pt>
                <c:pt idx="14">
                  <c:v>44283.267</c:v>
                </c:pt>
                <c:pt idx="15">
                  <c:v>59389.7</c:v>
                </c:pt>
                <c:pt idx="16">
                  <c:v>113370.3</c:v>
                </c:pt>
                <c:pt idx="17">
                  <c:v>223210.1</c:v>
                </c:pt>
                <c:pt idx="18">
                  <c:v>275339.5</c:v>
                </c:pt>
                <c:pt idx="19">
                  <c:v>367783</c:v>
                </c:pt>
                <c:pt idx="20">
                  <c:v>287428.90000000002</c:v>
                </c:pt>
                <c:pt idx="21">
                  <c:v>282593.3</c:v>
                </c:pt>
                <c:pt idx="22">
                  <c:v>189946.6</c:v>
                </c:pt>
                <c:pt idx="23">
                  <c:v>137442.79999999999</c:v>
                </c:pt>
                <c:pt idx="24">
                  <c:v>46393.233</c:v>
                </c:pt>
                <c:pt idx="25">
                  <c:v>46393.233</c:v>
                </c:pt>
                <c:pt idx="26">
                  <c:v>46393.233</c:v>
                </c:pt>
                <c:pt idx="27">
                  <c:v>61925.3</c:v>
                </c:pt>
                <c:pt idx="28">
                  <c:v>118921.5</c:v>
                </c:pt>
                <c:pt idx="29">
                  <c:v>213871.2</c:v>
                </c:pt>
                <c:pt idx="30">
                  <c:v>286313.40000000002</c:v>
                </c:pt>
                <c:pt idx="31">
                  <c:v>305976.8</c:v>
                </c:pt>
                <c:pt idx="32">
                  <c:v>255141.1</c:v>
                </c:pt>
                <c:pt idx="33">
                  <c:v>258284.4</c:v>
                </c:pt>
                <c:pt idx="34">
                  <c:v>154148.79999999999</c:v>
                </c:pt>
                <c:pt idx="35">
                  <c:v>58790.5</c:v>
                </c:pt>
                <c:pt idx="36">
                  <c:v>46848.233</c:v>
                </c:pt>
                <c:pt idx="37">
                  <c:v>46848.233</c:v>
                </c:pt>
                <c:pt idx="38">
                  <c:v>46848.233</c:v>
                </c:pt>
                <c:pt idx="39">
                  <c:v>52424.7</c:v>
                </c:pt>
                <c:pt idx="40">
                  <c:v>101955.9</c:v>
                </c:pt>
                <c:pt idx="41">
                  <c:v>175518.4</c:v>
                </c:pt>
                <c:pt idx="42">
                  <c:v>255919.4</c:v>
                </c:pt>
                <c:pt idx="43">
                  <c:v>384778</c:v>
                </c:pt>
                <c:pt idx="44">
                  <c:v>281760</c:v>
                </c:pt>
                <c:pt idx="45">
                  <c:v>285633</c:v>
                </c:pt>
                <c:pt idx="46">
                  <c:v>159514</c:v>
                </c:pt>
                <c:pt idx="47">
                  <c:v>74551</c:v>
                </c:pt>
                <c:pt idx="48">
                  <c:v>46115.667000000001</c:v>
                </c:pt>
                <c:pt idx="49">
                  <c:v>46115.667000000001</c:v>
                </c:pt>
                <c:pt idx="50">
                  <c:v>46115.667000000001</c:v>
                </c:pt>
                <c:pt idx="51">
                  <c:v>55066</c:v>
                </c:pt>
                <c:pt idx="52">
                  <c:v>133134</c:v>
                </c:pt>
                <c:pt idx="53">
                  <c:v>170417</c:v>
                </c:pt>
                <c:pt idx="54">
                  <c:v>291376</c:v>
                </c:pt>
                <c:pt idx="55">
                  <c:v>334298.96899999998</c:v>
                </c:pt>
                <c:pt idx="56">
                  <c:v>344276.81800000003</c:v>
                </c:pt>
                <c:pt idx="57">
                  <c:v>220690.09099999999</c:v>
                </c:pt>
                <c:pt idx="58">
                  <c:v>185622.13099999999</c:v>
                </c:pt>
                <c:pt idx="59">
                  <c:v>93670.145000000004</c:v>
                </c:pt>
                <c:pt idx="60">
                  <c:v>52040.853000000003</c:v>
                </c:pt>
                <c:pt idx="61">
                  <c:v>52040.853000000003</c:v>
                </c:pt>
                <c:pt idx="62">
                  <c:v>52040.853000000003</c:v>
                </c:pt>
                <c:pt idx="63">
                  <c:v>59854.870999999999</c:v>
                </c:pt>
                <c:pt idx="64">
                  <c:v>123165.482</c:v>
                </c:pt>
                <c:pt idx="65">
                  <c:v>186318.424</c:v>
                </c:pt>
                <c:pt idx="66">
                  <c:v>394652.50400000002</c:v>
                </c:pt>
                <c:pt idx="67">
                  <c:v>359225.446</c:v>
                </c:pt>
                <c:pt idx="68">
                  <c:v>306882.788</c:v>
                </c:pt>
                <c:pt idx="69">
                  <c:v>305053.38900000002</c:v>
                </c:pt>
                <c:pt idx="70">
                  <c:v>160100.43400000001</c:v>
                </c:pt>
                <c:pt idx="71">
                  <c:v>81777.350000000006</c:v>
                </c:pt>
                <c:pt idx="72">
                  <c:v>47489.536999999997</c:v>
                </c:pt>
                <c:pt idx="73">
                  <c:v>47489.536999999997</c:v>
                </c:pt>
                <c:pt idx="74">
                  <c:v>47489.536999999997</c:v>
                </c:pt>
                <c:pt idx="75">
                  <c:v>54705.938999999998</c:v>
                </c:pt>
                <c:pt idx="76">
                  <c:v>113684.079</c:v>
                </c:pt>
                <c:pt idx="77">
                  <c:v>163475.848</c:v>
                </c:pt>
                <c:pt idx="78">
                  <c:v>263513.587</c:v>
                </c:pt>
                <c:pt idx="79">
                  <c:v>320596.36300000001</c:v>
                </c:pt>
                <c:pt idx="80">
                  <c:v>304961.47600000002</c:v>
                </c:pt>
                <c:pt idx="81">
                  <c:v>283233.88</c:v>
                </c:pt>
                <c:pt idx="82">
                  <c:v>172141.269</c:v>
                </c:pt>
                <c:pt idx="83">
                  <c:v>134064.614</c:v>
                </c:pt>
                <c:pt idx="84">
                  <c:v>52836.449000000001</c:v>
                </c:pt>
                <c:pt idx="85">
                  <c:v>52836.449000000001</c:v>
                </c:pt>
                <c:pt idx="86">
                  <c:v>52836.449000000001</c:v>
                </c:pt>
                <c:pt idx="87">
                  <c:v>47599.987000000001</c:v>
                </c:pt>
                <c:pt idx="88">
                  <c:v>130999.895</c:v>
                </c:pt>
                <c:pt idx="89">
                  <c:v>218589.34299999999</c:v>
                </c:pt>
                <c:pt idx="90">
                  <c:v>328793.64199999999</c:v>
                </c:pt>
                <c:pt idx="91">
                  <c:v>441836.66899999999</c:v>
                </c:pt>
                <c:pt idx="92">
                  <c:v>369630.03399999999</c:v>
                </c:pt>
                <c:pt idx="93">
                  <c:v>295145.50400000002</c:v>
                </c:pt>
                <c:pt idx="94">
                  <c:v>190910.68299999999</c:v>
                </c:pt>
                <c:pt idx="95">
                  <c:v>105303.20600000001</c:v>
                </c:pt>
                <c:pt idx="96">
                  <c:v>52300.93</c:v>
                </c:pt>
                <c:pt idx="97">
                  <c:v>52300.93</c:v>
                </c:pt>
                <c:pt idx="98">
                  <c:v>52300.93</c:v>
                </c:pt>
                <c:pt idx="99">
                  <c:v>57464.512000000002</c:v>
                </c:pt>
                <c:pt idx="100">
                  <c:v>129374.281</c:v>
                </c:pt>
                <c:pt idx="101">
                  <c:v>198631.04500000001</c:v>
                </c:pt>
                <c:pt idx="102">
                  <c:v>316109.228</c:v>
                </c:pt>
                <c:pt idx="103">
                  <c:v>452532.62400000001</c:v>
                </c:pt>
                <c:pt idx="104">
                  <c:v>328933.72200000001</c:v>
                </c:pt>
                <c:pt idx="105">
                  <c:v>263117.77799999999</c:v>
                </c:pt>
                <c:pt idx="106">
                  <c:v>177907.315</c:v>
                </c:pt>
                <c:pt idx="107">
                  <c:v>95080.663</c:v>
                </c:pt>
                <c:pt idx="108">
                  <c:v>49882.906999999999</c:v>
                </c:pt>
                <c:pt idx="109">
                  <c:v>49882.906999999999</c:v>
                </c:pt>
                <c:pt idx="110">
                  <c:v>49882.906999999999</c:v>
                </c:pt>
                <c:pt idx="111">
                  <c:v>60905.580999999998</c:v>
                </c:pt>
                <c:pt idx="112">
                  <c:v>103445.29399999999</c:v>
                </c:pt>
                <c:pt idx="113">
                  <c:v>191080.503</c:v>
                </c:pt>
                <c:pt idx="114">
                  <c:v>340623.81800000003</c:v>
                </c:pt>
                <c:pt idx="115">
                  <c:v>413967.11200000002</c:v>
                </c:pt>
                <c:pt idx="116">
                  <c:v>334612.55</c:v>
                </c:pt>
                <c:pt idx="117">
                  <c:v>315684.67800000001</c:v>
                </c:pt>
                <c:pt idx="118">
                  <c:v>173711.40900000001</c:v>
                </c:pt>
                <c:pt idx="119">
                  <c:v>111460.394</c:v>
                </c:pt>
                <c:pt idx="120">
                  <c:v>49347.107000000004</c:v>
                </c:pt>
                <c:pt idx="121">
                  <c:v>49347.107000000004</c:v>
                </c:pt>
                <c:pt idx="122">
                  <c:v>49347.107000000004</c:v>
                </c:pt>
                <c:pt idx="123">
                  <c:v>49986.404000000002</c:v>
                </c:pt>
                <c:pt idx="124">
                  <c:v>104010.429</c:v>
                </c:pt>
                <c:pt idx="125">
                  <c:v>192507</c:v>
                </c:pt>
                <c:pt idx="126">
                  <c:v>371130.52100000001</c:v>
                </c:pt>
                <c:pt idx="127">
                  <c:v>312042.755</c:v>
                </c:pt>
                <c:pt idx="128">
                  <c:v>329459.73499999999</c:v>
                </c:pt>
                <c:pt idx="129">
                  <c:v>283527.098</c:v>
                </c:pt>
                <c:pt idx="130">
                  <c:v>165449.51300000001</c:v>
                </c:pt>
                <c:pt idx="131">
                  <c:v>82953.774000000005</c:v>
                </c:pt>
                <c:pt idx="132">
                  <c:v>50447.826000000001</c:v>
                </c:pt>
                <c:pt idx="133">
                  <c:v>50447.826000000001</c:v>
                </c:pt>
                <c:pt idx="134">
                  <c:v>50447.826000000001</c:v>
                </c:pt>
                <c:pt idx="135">
                  <c:v>53761.908000000003</c:v>
                </c:pt>
                <c:pt idx="136">
                  <c:v>128241.87300000001</c:v>
                </c:pt>
                <c:pt idx="137">
                  <c:v>203351.448</c:v>
                </c:pt>
                <c:pt idx="138">
                  <c:v>290030.283</c:v>
                </c:pt>
                <c:pt idx="139">
                  <c:v>357312.44500000001</c:v>
                </c:pt>
                <c:pt idx="140">
                  <c:v>397498.163</c:v>
                </c:pt>
                <c:pt idx="141">
                  <c:v>298162.837</c:v>
                </c:pt>
                <c:pt idx="142">
                  <c:v>207576.04</c:v>
                </c:pt>
                <c:pt idx="143">
                  <c:v>95388.576000000001</c:v>
                </c:pt>
                <c:pt idx="144">
                  <c:v>52348.33</c:v>
                </c:pt>
                <c:pt idx="145">
                  <c:v>52348.33</c:v>
                </c:pt>
                <c:pt idx="146">
                  <c:v>52348.33</c:v>
                </c:pt>
                <c:pt idx="147">
                  <c:v>52699.889000000003</c:v>
                </c:pt>
                <c:pt idx="148">
                  <c:v>84896.381999999998</c:v>
                </c:pt>
                <c:pt idx="149">
                  <c:v>203477.421</c:v>
                </c:pt>
                <c:pt idx="150">
                  <c:v>358270.86499999999</c:v>
                </c:pt>
                <c:pt idx="151">
                  <c:v>382250.11300000001</c:v>
                </c:pt>
                <c:pt idx="152">
                  <c:v>368631.41</c:v>
                </c:pt>
                <c:pt idx="153">
                  <c:v>348156.22899999999</c:v>
                </c:pt>
                <c:pt idx="154">
                  <c:v>142914.36199999999</c:v>
                </c:pt>
                <c:pt idx="155">
                  <c:v>108980.083</c:v>
                </c:pt>
                <c:pt idx="156">
                  <c:v>49508.949000000001</c:v>
                </c:pt>
                <c:pt idx="157">
                  <c:v>49508.949000000001</c:v>
                </c:pt>
                <c:pt idx="158">
                  <c:v>49508.949000000001</c:v>
                </c:pt>
                <c:pt idx="159">
                  <c:v>51247.822</c:v>
                </c:pt>
                <c:pt idx="160">
                  <c:v>116336.667</c:v>
                </c:pt>
                <c:pt idx="161">
                  <c:v>236979.49600000001</c:v>
                </c:pt>
                <c:pt idx="162">
                  <c:v>377647.07299999997</c:v>
                </c:pt>
                <c:pt idx="163">
                  <c:v>463351.18699999998</c:v>
                </c:pt>
                <c:pt idx="164">
                  <c:v>320403.22899999999</c:v>
                </c:pt>
                <c:pt idx="165">
                  <c:v>298185.136</c:v>
                </c:pt>
                <c:pt idx="166">
                  <c:v>177709.345</c:v>
                </c:pt>
                <c:pt idx="167">
                  <c:v>96355.659</c:v>
                </c:pt>
                <c:pt idx="168">
                  <c:v>52875.402999999998</c:v>
                </c:pt>
                <c:pt idx="169">
                  <c:v>52875.402999999998</c:v>
                </c:pt>
                <c:pt idx="170">
                  <c:v>52875.402999999998</c:v>
                </c:pt>
                <c:pt idx="171">
                  <c:v>54536.993999999999</c:v>
                </c:pt>
                <c:pt idx="172">
                  <c:v>136852.902</c:v>
                </c:pt>
                <c:pt idx="173">
                  <c:v>185510.08499999999</c:v>
                </c:pt>
                <c:pt idx="174">
                  <c:v>325199.86200000002</c:v>
                </c:pt>
                <c:pt idx="175">
                  <c:v>428148.87800000003</c:v>
                </c:pt>
                <c:pt idx="176">
                  <c:v>333913.09499999997</c:v>
                </c:pt>
                <c:pt idx="177">
                  <c:v>246514.76699999999</c:v>
                </c:pt>
                <c:pt idx="178">
                  <c:v>133935.9</c:v>
                </c:pt>
                <c:pt idx="179">
                  <c:v>73607.698999999993</c:v>
                </c:pt>
                <c:pt idx="180">
                  <c:v>53556.968000000001</c:v>
                </c:pt>
                <c:pt idx="181">
                  <c:v>53556.968000000001</c:v>
                </c:pt>
                <c:pt idx="182">
                  <c:v>53556.968000000001</c:v>
                </c:pt>
                <c:pt idx="183">
                  <c:v>52150.998</c:v>
                </c:pt>
                <c:pt idx="184">
                  <c:v>109923.277</c:v>
                </c:pt>
                <c:pt idx="185">
                  <c:v>208447.24400000001</c:v>
                </c:pt>
                <c:pt idx="186">
                  <c:v>386195.48200000002</c:v>
                </c:pt>
                <c:pt idx="187">
                  <c:v>436637.80200000003</c:v>
                </c:pt>
                <c:pt idx="188">
                  <c:v>348131.93900000001</c:v>
                </c:pt>
                <c:pt idx="189">
                  <c:v>322554.78899999999</c:v>
                </c:pt>
                <c:pt idx="190">
                  <c:v>176553.769</c:v>
                </c:pt>
                <c:pt idx="191">
                  <c:v>102831.67</c:v>
                </c:pt>
                <c:pt idx="192">
                  <c:v>53971.004999999997</c:v>
                </c:pt>
                <c:pt idx="193">
                  <c:v>53971.004999999997</c:v>
                </c:pt>
                <c:pt idx="194">
                  <c:v>53971.004999999997</c:v>
                </c:pt>
                <c:pt idx="195">
                  <c:v>51390.531999999999</c:v>
                </c:pt>
                <c:pt idx="196">
                  <c:v>114028.974</c:v>
                </c:pt>
                <c:pt idx="197">
                  <c:v>187680.96100000001</c:v>
                </c:pt>
                <c:pt idx="198">
                  <c:v>309457.179</c:v>
                </c:pt>
              </c:numCache>
            </c:numRef>
          </c:val>
        </c:ser>
        <c:ser>
          <c:idx val="1"/>
          <c:order val="1"/>
          <c:tx>
            <c:strRef>
              <c:f>'Residential VOL Regn South'!$C$45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numRef>
              <c:f>'Residential VOL Regn South'!$A$46:$A$244</c:f>
              <c:numCache>
                <c:formatCode>mmm\-yy</c:formatCode>
                <c:ptCount val="199"/>
                <c:pt idx="0">
                  <c:v>34851</c:v>
                </c:pt>
                <c:pt idx="1">
                  <c:v>34881</c:v>
                </c:pt>
                <c:pt idx="2">
                  <c:v>34912</c:v>
                </c:pt>
                <c:pt idx="3">
                  <c:v>34943</c:v>
                </c:pt>
                <c:pt idx="4">
                  <c:v>34973</c:v>
                </c:pt>
                <c:pt idx="5">
                  <c:v>35004</c:v>
                </c:pt>
                <c:pt idx="6">
                  <c:v>35034</c:v>
                </c:pt>
                <c:pt idx="7">
                  <c:v>35065</c:v>
                </c:pt>
                <c:pt idx="8">
                  <c:v>35096</c:v>
                </c:pt>
                <c:pt idx="9">
                  <c:v>35125</c:v>
                </c:pt>
                <c:pt idx="10">
                  <c:v>35156</c:v>
                </c:pt>
                <c:pt idx="11">
                  <c:v>35186</c:v>
                </c:pt>
                <c:pt idx="12">
                  <c:v>35217</c:v>
                </c:pt>
                <c:pt idx="13">
                  <c:v>35247</c:v>
                </c:pt>
                <c:pt idx="14">
                  <c:v>35278</c:v>
                </c:pt>
                <c:pt idx="15">
                  <c:v>35309</c:v>
                </c:pt>
                <c:pt idx="16">
                  <c:v>35339</c:v>
                </c:pt>
                <c:pt idx="17">
                  <c:v>35370</c:v>
                </c:pt>
                <c:pt idx="18">
                  <c:v>35400</c:v>
                </c:pt>
                <c:pt idx="19">
                  <c:v>35431</c:v>
                </c:pt>
                <c:pt idx="20">
                  <c:v>35462</c:v>
                </c:pt>
                <c:pt idx="21">
                  <c:v>35490</c:v>
                </c:pt>
                <c:pt idx="22">
                  <c:v>35521</c:v>
                </c:pt>
                <c:pt idx="23">
                  <c:v>35551</c:v>
                </c:pt>
                <c:pt idx="24">
                  <c:v>35582</c:v>
                </c:pt>
                <c:pt idx="25">
                  <c:v>35612</c:v>
                </c:pt>
                <c:pt idx="26">
                  <c:v>35643</c:v>
                </c:pt>
                <c:pt idx="27">
                  <c:v>35674</c:v>
                </c:pt>
                <c:pt idx="28">
                  <c:v>35704</c:v>
                </c:pt>
                <c:pt idx="29">
                  <c:v>35735</c:v>
                </c:pt>
                <c:pt idx="30">
                  <c:v>35765</c:v>
                </c:pt>
                <c:pt idx="31">
                  <c:v>35796</c:v>
                </c:pt>
                <c:pt idx="32">
                  <c:v>35827</c:v>
                </c:pt>
                <c:pt idx="33">
                  <c:v>35855</c:v>
                </c:pt>
                <c:pt idx="34">
                  <c:v>35886</c:v>
                </c:pt>
                <c:pt idx="35">
                  <c:v>35916</c:v>
                </c:pt>
                <c:pt idx="36">
                  <c:v>35947</c:v>
                </c:pt>
                <c:pt idx="37">
                  <c:v>35977</c:v>
                </c:pt>
                <c:pt idx="38">
                  <c:v>36008</c:v>
                </c:pt>
                <c:pt idx="39">
                  <c:v>36039</c:v>
                </c:pt>
                <c:pt idx="40">
                  <c:v>36069</c:v>
                </c:pt>
                <c:pt idx="41">
                  <c:v>36100</c:v>
                </c:pt>
                <c:pt idx="42">
                  <c:v>36130</c:v>
                </c:pt>
                <c:pt idx="43">
                  <c:v>36161</c:v>
                </c:pt>
                <c:pt idx="44">
                  <c:v>36192</c:v>
                </c:pt>
                <c:pt idx="45">
                  <c:v>36220</c:v>
                </c:pt>
                <c:pt idx="46">
                  <c:v>36251</c:v>
                </c:pt>
                <c:pt idx="47">
                  <c:v>36281</c:v>
                </c:pt>
                <c:pt idx="48">
                  <c:v>36312</c:v>
                </c:pt>
                <c:pt idx="49">
                  <c:v>36342</c:v>
                </c:pt>
                <c:pt idx="50">
                  <c:v>36373</c:v>
                </c:pt>
                <c:pt idx="51">
                  <c:v>36404</c:v>
                </c:pt>
                <c:pt idx="52">
                  <c:v>36434</c:v>
                </c:pt>
                <c:pt idx="53">
                  <c:v>36465</c:v>
                </c:pt>
                <c:pt idx="54">
                  <c:v>36495</c:v>
                </c:pt>
                <c:pt idx="55">
                  <c:v>36526</c:v>
                </c:pt>
                <c:pt idx="56">
                  <c:v>36557</c:v>
                </c:pt>
                <c:pt idx="57">
                  <c:v>36586</c:v>
                </c:pt>
                <c:pt idx="58">
                  <c:v>36617</c:v>
                </c:pt>
                <c:pt idx="59">
                  <c:v>36647</c:v>
                </c:pt>
                <c:pt idx="60">
                  <c:v>36678</c:v>
                </c:pt>
                <c:pt idx="61">
                  <c:v>36708</c:v>
                </c:pt>
                <c:pt idx="62">
                  <c:v>36739</c:v>
                </c:pt>
                <c:pt idx="63">
                  <c:v>36770</c:v>
                </c:pt>
                <c:pt idx="64">
                  <c:v>36800</c:v>
                </c:pt>
                <c:pt idx="65">
                  <c:v>36831</c:v>
                </c:pt>
                <c:pt idx="66">
                  <c:v>36861</c:v>
                </c:pt>
                <c:pt idx="67">
                  <c:v>36892</c:v>
                </c:pt>
                <c:pt idx="68">
                  <c:v>36923</c:v>
                </c:pt>
                <c:pt idx="69">
                  <c:v>36951</c:v>
                </c:pt>
                <c:pt idx="70">
                  <c:v>36982</c:v>
                </c:pt>
                <c:pt idx="71">
                  <c:v>37012</c:v>
                </c:pt>
                <c:pt idx="72">
                  <c:v>37043</c:v>
                </c:pt>
                <c:pt idx="73">
                  <c:v>37073</c:v>
                </c:pt>
                <c:pt idx="74">
                  <c:v>37104</c:v>
                </c:pt>
                <c:pt idx="75">
                  <c:v>37135</c:v>
                </c:pt>
                <c:pt idx="76">
                  <c:v>37165</c:v>
                </c:pt>
                <c:pt idx="77">
                  <c:v>37196</c:v>
                </c:pt>
                <c:pt idx="78">
                  <c:v>37226</c:v>
                </c:pt>
                <c:pt idx="79">
                  <c:v>37257</c:v>
                </c:pt>
                <c:pt idx="80">
                  <c:v>37288</c:v>
                </c:pt>
                <c:pt idx="81">
                  <c:v>37316</c:v>
                </c:pt>
                <c:pt idx="82">
                  <c:v>37347</c:v>
                </c:pt>
                <c:pt idx="83">
                  <c:v>37377</c:v>
                </c:pt>
                <c:pt idx="84">
                  <c:v>37408</c:v>
                </c:pt>
                <c:pt idx="85">
                  <c:v>37438</c:v>
                </c:pt>
                <c:pt idx="86">
                  <c:v>37469</c:v>
                </c:pt>
                <c:pt idx="87">
                  <c:v>37500</c:v>
                </c:pt>
                <c:pt idx="88">
                  <c:v>37530</c:v>
                </c:pt>
                <c:pt idx="89">
                  <c:v>37561</c:v>
                </c:pt>
                <c:pt idx="90">
                  <c:v>37591</c:v>
                </c:pt>
                <c:pt idx="91">
                  <c:v>37622</c:v>
                </c:pt>
                <c:pt idx="92">
                  <c:v>37653</c:v>
                </c:pt>
                <c:pt idx="93">
                  <c:v>37681</c:v>
                </c:pt>
                <c:pt idx="94">
                  <c:v>37712</c:v>
                </c:pt>
                <c:pt idx="95">
                  <c:v>37742</c:v>
                </c:pt>
                <c:pt idx="96">
                  <c:v>37773</c:v>
                </c:pt>
                <c:pt idx="97">
                  <c:v>37803</c:v>
                </c:pt>
                <c:pt idx="98">
                  <c:v>37834</c:v>
                </c:pt>
                <c:pt idx="99">
                  <c:v>37865</c:v>
                </c:pt>
                <c:pt idx="100">
                  <c:v>37895</c:v>
                </c:pt>
                <c:pt idx="101">
                  <c:v>37926</c:v>
                </c:pt>
                <c:pt idx="102">
                  <c:v>37956</c:v>
                </c:pt>
                <c:pt idx="103">
                  <c:v>37987</c:v>
                </c:pt>
                <c:pt idx="104">
                  <c:v>38018</c:v>
                </c:pt>
                <c:pt idx="105">
                  <c:v>38047</c:v>
                </c:pt>
                <c:pt idx="106">
                  <c:v>38078</c:v>
                </c:pt>
                <c:pt idx="107">
                  <c:v>38108</c:v>
                </c:pt>
                <c:pt idx="108">
                  <c:v>38139</c:v>
                </c:pt>
                <c:pt idx="109">
                  <c:v>38169</c:v>
                </c:pt>
                <c:pt idx="110">
                  <c:v>38200</c:v>
                </c:pt>
                <c:pt idx="111">
                  <c:v>38231</c:v>
                </c:pt>
                <c:pt idx="112">
                  <c:v>38261</c:v>
                </c:pt>
                <c:pt idx="113">
                  <c:v>38292</c:v>
                </c:pt>
                <c:pt idx="114">
                  <c:v>38322</c:v>
                </c:pt>
                <c:pt idx="115">
                  <c:v>38353</c:v>
                </c:pt>
                <c:pt idx="116">
                  <c:v>38384</c:v>
                </c:pt>
                <c:pt idx="117">
                  <c:v>38412</c:v>
                </c:pt>
                <c:pt idx="118">
                  <c:v>38443</c:v>
                </c:pt>
                <c:pt idx="119">
                  <c:v>38473</c:v>
                </c:pt>
                <c:pt idx="120">
                  <c:v>38504</c:v>
                </c:pt>
                <c:pt idx="121">
                  <c:v>38534</c:v>
                </c:pt>
                <c:pt idx="122">
                  <c:v>38565</c:v>
                </c:pt>
                <c:pt idx="123">
                  <c:v>38596</c:v>
                </c:pt>
                <c:pt idx="124">
                  <c:v>38626</c:v>
                </c:pt>
                <c:pt idx="125">
                  <c:v>38657</c:v>
                </c:pt>
                <c:pt idx="126">
                  <c:v>38687</c:v>
                </c:pt>
                <c:pt idx="127">
                  <c:v>38718</c:v>
                </c:pt>
                <c:pt idx="128">
                  <c:v>38749</c:v>
                </c:pt>
                <c:pt idx="129">
                  <c:v>38777</c:v>
                </c:pt>
                <c:pt idx="130">
                  <c:v>38808</c:v>
                </c:pt>
                <c:pt idx="131">
                  <c:v>38838</c:v>
                </c:pt>
                <c:pt idx="132">
                  <c:v>38869</c:v>
                </c:pt>
                <c:pt idx="133">
                  <c:v>38899</c:v>
                </c:pt>
                <c:pt idx="134">
                  <c:v>38930</c:v>
                </c:pt>
                <c:pt idx="135">
                  <c:v>38961</c:v>
                </c:pt>
                <c:pt idx="136">
                  <c:v>38991</c:v>
                </c:pt>
                <c:pt idx="137">
                  <c:v>39022</c:v>
                </c:pt>
                <c:pt idx="138">
                  <c:v>39052</c:v>
                </c:pt>
                <c:pt idx="139">
                  <c:v>39083</c:v>
                </c:pt>
                <c:pt idx="140">
                  <c:v>39114</c:v>
                </c:pt>
                <c:pt idx="141">
                  <c:v>39142</c:v>
                </c:pt>
                <c:pt idx="142">
                  <c:v>39173</c:v>
                </c:pt>
                <c:pt idx="143">
                  <c:v>39203</c:v>
                </c:pt>
                <c:pt idx="144">
                  <c:v>39234</c:v>
                </c:pt>
                <c:pt idx="145">
                  <c:v>39264</c:v>
                </c:pt>
                <c:pt idx="146">
                  <c:v>39295</c:v>
                </c:pt>
                <c:pt idx="147">
                  <c:v>39326</c:v>
                </c:pt>
                <c:pt idx="148">
                  <c:v>39356</c:v>
                </c:pt>
                <c:pt idx="149">
                  <c:v>39387</c:v>
                </c:pt>
                <c:pt idx="150">
                  <c:v>39417</c:v>
                </c:pt>
                <c:pt idx="151">
                  <c:v>39448</c:v>
                </c:pt>
                <c:pt idx="152">
                  <c:v>39479</c:v>
                </c:pt>
                <c:pt idx="153">
                  <c:v>39508</c:v>
                </c:pt>
                <c:pt idx="154">
                  <c:v>39539</c:v>
                </c:pt>
                <c:pt idx="155">
                  <c:v>39569</c:v>
                </c:pt>
                <c:pt idx="156">
                  <c:v>39600</c:v>
                </c:pt>
                <c:pt idx="157">
                  <c:v>39630</c:v>
                </c:pt>
                <c:pt idx="158">
                  <c:v>39661</c:v>
                </c:pt>
                <c:pt idx="159">
                  <c:v>39692</c:v>
                </c:pt>
                <c:pt idx="160">
                  <c:v>39722</c:v>
                </c:pt>
                <c:pt idx="161">
                  <c:v>39753</c:v>
                </c:pt>
                <c:pt idx="162">
                  <c:v>39783</c:v>
                </c:pt>
                <c:pt idx="163">
                  <c:v>39814</c:v>
                </c:pt>
                <c:pt idx="164">
                  <c:v>39845</c:v>
                </c:pt>
                <c:pt idx="165">
                  <c:v>39873</c:v>
                </c:pt>
                <c:pt idx="166">
                  <c:v>39904</c:v>
                </c:pt>
                <c:pt idx="167">
                  <c:v>39934</c:v>
                </c:pt>
                <c:pt idx="168">
                  <c:v>39965</c:v>
                </c:pt>
                <c:pt idx="169">
                  <c:v>39995</c:v>
                </c:pt>
                <c:pt idx="170">
                  <c:v>40026</c:v>
                </c:pt>
                <c:pt idx="171">
                  <c:v>40057</c:v>
                </c:pt>
                <c:pt idx="172">
                  <c:v>40087</c:v>
                </c:pt>
                <c:pt idx="173">
                  <c:v>40118</c:v>
                </c:pt>
                <c:pt idx="174">
                  <c:v>40148</c:v>
                </c:pt>
                <c:pt idx="175">
                  <c:v>40179</c:v>
                </c:pt>
                <c:pt idx="176">
                  <c:v>40210</c:v>
                </c:pt>
                <c:pt idx="177">
                  <c:v>40238</c:v>
                </c:pt>
                <c:pt idx="178">
                  <c:v>40269</c:v>
                </c:pt>
                <c:pt idx="179">
                  <c:v>40299</c:v>
                </c:pt>
                <c:pt idx="180">
                  <c:v>40330</c:v>
                </c:pt>
                <c:pt idx="181">
                  <c:v>40360</c:v>
                </c:pt>
                <c:pt idx="182">
                  <c:v>40391</c:v>
                </c:pt>
                <c:pt idx="183">
                  <c:v>40422</c:v>
                </c:pt>
                <c:pt idx="184">
                  <c:v>40452</c:v>
                </c:pt>
                <c:pt idx="185">
                  <c:v>40483</c:v>
                </c:pt>
                <c:pt idx="186">
                  <c:v>40513</c:v>
                </c:pt>
                <c:pt idx="187">
                  <c:v>40544</c:v>
                </c:pt>
                <c:pt idx="188">
                  <c:v>40575</c:v>
                </c:pt>
                <c:pt idx="189">
                  <c:v>40603</c:v>
                </c:pt>
                <c:pt idx="190">
                  <c:v>40634</c:v>
                </c:pt>
                <c:pt idx="191">
                  <c:v>40664</c:v>
                </c:pt>
                <c:pt idx="192">
                  <c:v>40695</c:v>
                </c:pt>
                <c:pt idx="193">
                  <c:v>40725</c:v>
                </c:pt>
                <c:pt idx="194">
                  <c:v>40756</c:v>
                </c:pt>
                <c:pt idx="195">
                  <c:v>40787</c:v>
                </c:pt>
                <c:pt idx="196">
                  <c:v>40817</c:v>
                </c:pt>
                <c:pt idx="197">
                  <c:v>40848</c:v>
                </c:pt>
                <c:pt idx="198">
                  <c:v>40878</c:v>
                </c:pt>
              </c:numCache>
            </c:numRef>
          </c:cat>
          <c:val>
            <c:numRef>
              <c:f>'Residential VOL Regn South'!$C$46:$C$244</c:f>
              <c:numCache>
                <c:formatCode>#,##0.0_ ;[Red]\-#,##0.0\ </c:formatCode>
                <c:ptCount val="199"/>
                <c:pt idx="0">
                  <c:v>40110.290999999997</c:v>
                </c:pt>
                <c:pt idx="1">
                  <c:v>40012.233</c:v>
                </c:pt>
                <c:pt idx="2">
                  <c:v>40013.328000000001</c:v>
                </c:pt>
                <c:pt idx="3">
                  <c:v>53508.131000000001</c:v>
                </c:pt>
                <c:pt idx="4">
                  <c:v>95145.212</c:v>
                </c:pt>
                <c:pt idx="5">
                  <c:v>228591.649</c:v>
                </c:pt>
                <c:pt idx="6">
                  <c:v>351575.35200000001</c:v>
                </c:pt>
                <c:pt idx="7">
                  <c:v>347747.6</c:v>
                </c:pt>
                <c:pt idx="8">
                  <c:v>353412.42700000003</c:v>
                </c:pt>
                <c:pt idx="9">
                  <c:v>332500.26799999998</c:v>
                </c:pt>
                <c:pt idx="10">
                  <c:v>198421.56</c:v>
                </c:pt>
                <c:pt idx="11">
                  <c:v>107998.109</c:v>
                </c:pt>
                <c:pt idx="12">
                  <c:v>41149.311000000002</c:v>
                </c:pt>
                <c:pt idx="13">
                  <c:v>41244.578000000001</c:v>
                </c:pt>
                <c:pt idx="14">
                  <c:v>40972.675999999999</c:v>
                </c:pt>
                <c:pt idx="15">
                  <c:v>45415.826000000001</c:v>
                </c:pt>
                <c:pt idx="16">
                  <c:v>110019.11900000001</c:v>
                </c:pt>
                <c:pt idx="17">
                  <c:v>231052.10500000001</c:v>
                </c:pt>
                <c:pt idx="18">
                  <c:v>291890.973</c:v>
                </c:pt>
                <c:pt idx="19">
                  <c:v>397282.89399999997</c:v>
                </c:pt>
                <c:pt idx="20">
                  <c:v>301304.19300000003</c:v>
                </c:pt>
                <c:pt idx="21">
                  <c:v>290255.39600000001</c:v>
                </c:pt>
                <c:pt idx="22">
                  <c:v>190153.049</c:v>
                </c:pt>
                <c:pt idx="23">
                  <c:v>136893.58799999999</c:v>
                </c:pt>
                <c:pt idx="24">
                  <c:v>42783.792999999998</c:v>
                </c:pt>
                <c:pt idx="25">
                  <c:v>42909.648000000001</c:v>
                </c:pt>
                <c:pt idx="26">
                  <c:v>42856.296000000002</c:v>
                </c:pt>
                <c:pt idx="27">
                  <c:v>47302.237999999998</c:v>
                </c:pt>
                <c:pt idx="28">
                  <c:v>113556.486</c:v>
                </c:pt>
                <c:pt idx="29">
                  <c:v>217932.47099999999</c:v>
                </c:pt>
                <c:pt idx="30">
                  <c:v>302009.83100000001</c:v>
                </c:pt>
                <c:pt idx="31">
                  <c:v>324887.424</c:v>
                </c:pt>
                <c:pt idx="32">
                  <c:v>268743.45199999999</c:v>
                </c:pt>
                <c:pt idx="33">
                  <c:v>255020.785</c:v>
                </c:pt>
                <c:pt idx="34">
                  <c:v>153685.976</c:v>
                </c:pt>
                <c:pt idx="35">
                  <c:v>54862.964999999997</c:v>
                </c:pt>
                <c:pt idx="36">
                  <c:v>44547.084999999999</c:v>
                </c:pt>
                <c:pt idx="37">
                  <c:v>44497.563000000002</c:v>
                </c:pt>
                <c:pt idx="38">
                  <c:v>44215.701000000001</c:v>
                </c:pt>
                <c:pt idx="39">
                  <c:v>48253.705999999998</c:v>
                </c:pt>
                <c:pt idx="40">
                  <c:v>101212.874</c:v>
                </c:pt>
                <c:pt idx="41">
                  <c:v>181464.97500000001</c:v>
                </c:pt>
                <c:pt idx="42">
                  <c:v>274704.26199999999</c:v>
                </c:pt>
                <c:pt idx="43">
                  <c:v>400197.326</c:v>
                </c:pt>
                <c:pt idx="44">
                  <c:v>286904.89899999998</c:v>
                </c:pt>
                <c:pt idx="45">
                  <c:v>291570.92099999997</c:v>
                </c:pt>
                <c:pt idx="46">
                  <c:v>161475.916</c:v>
                </c:pt>
                <c:pt idx="47">
                  <c:v>69892.75</c:v>
                </c:pt>
                <c:pt idx="48">
                  <c:v>45505.720999999998</c:v>
                </c:pt>
                <c:pt idx="49">
                  <c:v>45428.347000000002</c:v>
                </c:pt>
                <c:pt idx="50">
                  <c:v>45501.398000000001</c:v>
                </c:pt>
                <c:pt idx="51">
                  <c:v>49508.705000000002</c:v>
                </c:pt>
                <c:pt idx="52">
                  <c:v>115297.088</c:v>
                </c:pt>
                <c:pt idx="53">
                  <c:v>177504.31899999999</c:v>
                </c:pt>
                <c:pt idx="54">
                  <c:v>293973.09700000001</c:v>
                </c:pt>
                <c:pt idx="55">
                  <c:v>389601.223</c:v>
                </c:pt>
                <c:pt idx="56">
                  <c:v>305205.261</c:v>
                </c:pt>
                <c:pt idx="57">
                  <c:v>228514.609</c:v>
                </c:pt>
                <c:pt idx="58">
                  <c:v>179578.196</c:v>
                </c:pt>
                <c:pt idx="59">
                  <c:v>82378.815000000002</c:v>
                </c:pt>
                <c:pt idx="60">
                  <c:v>46603.947999999997</c:v>
                </c:pt>
                <c:pt idx="61">
                  <c:v>46659.434000000001</c:v>
                </c:pt>
                <c:pt idx="62">
                  <c:v>46678.805</c:v>
                </c:pt>
                <c:pt idx="63">
                  <c:v>56624.474000000002</c:v>
                </c:pt>
                <c:pt idx="64">
                  <c:v>102976.51</c:v>
                </c:pt>
                <c:pt idx="65">
                  <c:v>203333.274</c:v>
                </c:pt>
                <c:pt idx="66">
                  <c:v>393110.853</c:v>
                </c:pt>
                <c:pt idx="67">
                  <c:v>369049.016</c:v>
                </c:pt>
                <c:pt idx="68">
                  <c:v>312222.277</c:v>
                </c:pt>
                <c:pt idx="69">
                  <c:v>301097.90000000002</c:v>
                </c:pt>
                <c:pt idx="70">
                  <c:v>157526.391</c:v>
                </c:pt>
                <c:pt idx="71">
                  <c:v>79535.97</c:v>
                </c:pt>
                <c:pt idx="72">
                  <c:v>47663.324000000001</c:v>
                </c:pt>
                <c:pt idx="73">
                  <c:v>47698.728000000003</c:v>
                </c:pt>
                <c:pt idx="74">
                  <c:v>47728.495999999999</c:v>
                </c:pt>
                <c:pt idx="75">
                  <c:v>55522.758000000002</c:v>
                </c:pt>
                <c:pt idx="76">
                  <c:v>108934.001</c:v>
                </c:pt>
                <c:pt idx="77">
                  <c:v>158970.079</c:v>
                </c:pt>
                <c:pt idx="78">
                  <c:v>274244.201</c:v>
                </c:pt>
                <c:pt idx="79">
                  <c:v>320322.72499999998</c:v>
                </c:pt>
                <c:pt idx="80">
                  <c:v>290687.54700000002</c:v>
                </c:pt>
                <c:pt idx="81">
                  <c:v>289190.125</c:v>
                </c:pt>
                <c:pt idx="82">
                  <c:v>173837.75899999999</c:v>
                </c:pt>
                <c:pt idx="83">
                  <c:v>123713.63499999999</c:v>
                </c:pt>
                <c:pt idx="84">
                  <c:v>48668.417999999998</c:v>
                </c:pt>
                <c:pt idx="85">
                  <c:v>48692.385000000002</c:v>
                </c:pt>
                <c:pt idx="86">
                  <c:v>48769.485999999997</c:v>
                </c:pt>
                <c:pt idx="87">
                  <c:v>52804.919000000002</c:v>
                </c:pt>
                <c:pt idx="88">
                  <c:v>130522.553</c:v>
                </c:pt>
                <c:pt idx="89">
                  <c:v>210283.06299999999</c:v>
                </c:pt>
                <c:pt idx="90">
                  <c:v>324444.761</c:v>
                </c:pt>
                <c:pt idx="91">
                  <c:v>430690.17</c:v>
                </c:pt>
                <c:pt idx="92">
                  <c:v>369164.011</c:v>
                </c:pt>
                <c:pt idx="93">
                  <c:v>301612.11700000003</c:v>
                </c:pt>
                <c:pt idx="94">
                  <c:v>192403.984</c:v>
                </c:pt>
                <c:pt idx="95">
                  <c:v>114208.56</c:v>
                </c:pt>
                <c:pt idx="96">
                  <c:v>49798.108999999997</c:v>
                </c:pt>
                <c:pt idx="97">
                  <c:v>49779.34</c:v>
                </c:pt>
                <c:pt idx="98">
                  <c:v>49831.870999999999</c:v>
                </c:pt>
                <c:pt idx="99">
                  <c:v>53840.983999999997</c:v>
                </c:pt>
                <c:pt idx="100">
                  <c:v>124548.32399999999</c:v>
                </c:pt>
                <c:pt idx="101">
                  <c:v>186930.26800000001</c:v>
                </c:pt>
                <c:pt idx="102">
                  <c:v>299055.61800000002</c:v>
                </c:pt>
                <c:pt idx="103">
                  <c:v>449433.92700000003</c:v>
                </c:pt>
                <c:pt idx="104">
                  <c:v>335058.23200000002</c:v>
                </c:pt>
                <c:pt idx="105">
                  <c:v>267318.96600000001</c:v>
                </c:pt>
                <c:pt idx="106">
                  <c:v>172541.261</c:v>
                </c:pt>
                <c:pt idx="107">
                  <c:v>95889.748000000007</c:v>
                </c:pt>
                <c:pt idx="108">
                  <c:v>51027.006999999998</c:v>
                </c:pt>
                <c:pt idx="109">
                  <c:v>51056.555999999997</c:v>
                </c:pt>
                <c:pt idx="110">
                  <c:v>51126.760999999999</c:v>
                </c:pt>
                <c:pt idx="111">
                  <c:v>55183.370999999999</c:v>
                </c:pt>
                <c:pt idx="112">
                  <c:v>111369.16899999999</c:v>
                </c:pt>
                <c:pt idx="113">
                  <c:v>190412.06700000001</c:v>
                </c:pt>
                <c:pt idx="114">
                  <c:v>328573.06300000002</c:v>
                </c:pt>
                <c:pt idx="115">
                  <c:v>416181.67099999997</c:v>
                </c:pt>
                <c:pt idx="116">
                  <c:v>329191.098</c:v>
                </c:pt>
                <c:pt idx="117">
                  <c:v>324714.09299999999</c:v>
                </c:pt>
                <c:pt idx="118">
                  <c:v>172834.23199999999</c:v>
                </c:pt>
                <c:pt idx="119">
                  <c:v>113815.889</c:v>
                </c:pt>
                <c:pt idx="120">
                  <c:v>52089.83</c:v>
                </c:pt>
                <c:pt idx="121">
                  <c:v>52076.970999999998</c:v>
                </c:pt>
                <c:pt idx="122">
                  <c:v>52152.758000000002</c:v>
                </c:pt>
                <c:pt idx="123">
                  <c:v>56261.241999999998</c:v>
                </c:pt>
                <c:pt idx="124">
                  <c:v>110646.368</c:v>
                </c:pt>
                <c:pt idx="125">
                  <c:v>193095.02299999999</c:v>
                </c:pt>
                <c:pt idx="126">
                  <c:v>348935.55499999999</c:v>
                </c:pt>
                <c:pt idx="127">
                  <c:v>307283.647</c:v>
                </c:pt>
                <c:pt idx="128">
                  <c:v>324134.60200000001</c:v>
                </c:pt>
                <c:pt idx="129">
                  <c:v>280667.56599999999</c:v>
                </c:pt>
                <c:pt idx="130">
                  <c:v>162371.10800000001</c:v>
                </c:pt>
                <c:pt idx="131">
                  <c:v>95591.615999999995</c:v>
                </c:pt>
                <c:pt idx="132">
                  <c:v>53167.209000000003</c:v>
                </c:pt>
                <c:pt idx="133">
                  <c:v>53154.459000000003</c:v>
                </c:pt>
                <c:pt idx="134">
                  <c:v>53187.182000000001</c:v>
                </c:pt>
                <c:pt idx="135">
                  <c:v>60792.669000000002</c:v>
                </c:pt>
                <c:pt idx="136">
                  <c:v>134328.826</c:v>
                </c:pt>
                <c:pt idx="137">
                  <c:v>190846.48499999999</c:v>
                </c:pt>
                <c:pt idx="138">
                  <c:v>270188.07799999998</c:v>
                </c:pt>
                <c:pt idx="139">
                  <c:v>359080.31900000002</c:v>
                </c:pt>
                <c:pt idx="140">
                  <c:v>391150.09399999998</c:v>
                </c:pt>
                <c:pt idx="141">
                  <c:v>282197.53999999998</c:v>
                </c:pt>
                <c:pt idx="142">
                  <c:v>193177.492</c:v>
                </c:pt>
                <c:pt idx="143">
                  <c:v>86512.824999999997</c:v>
                </c:pt>
                <c:pt idx="144">
                  <c:v>54061.987999999998</c:v>
                </c:pt>
                <c:pt idx="145">
                  <c:v>54042.671999999999</c:v>
                </c:pt>
                <c:pt idx="146">
                  <c:v>54117.364000000001</c:v>
                </c:pt>
                <c:pt idx="147">
                  <c:v>58137.476000000002</c:v>
                </c:pt>
                <c:pt idx="148">
                  <c:v>86943.574999999997</c:v>
                </c:pt>
                <c:pt idx="149">
                  <c:v>220532.84899999999</c:v>
                </c:pt>
                <c:pt idx="150">
                  <c:v>358270.86499999999</c:v>
                </c:pt>
                <c:pt idx="151">
                  <c:v>382250.11300000001</c:v>
                </c:pt>
                <c:pt idx="152">
                  <c:v>360596.951</c:v>
                </c:pt>
                <c:pt idx="153">
                  <c:v>348156.22899999999</c:v>
                </c:pt>
                <c:pt idx="154">
                  <c:v>156373.622</c:v>
                </c:pt>
                <c:pt idx="155">
                  <c:v>117186.749</c:v>
                </c:pt>
                <c:pt idx="156">
                  <c:v>54933.728999999999</c:v>
                </c:pt>
                <c:pt idx="157">
                  <c:v>54836.163999999997</c:v>
                </c:pt>
                <c:pt idx="158">
                  <c:v>54974.057999999997</c:v>
                </c:pt>
                <c:pt idx="159">
                  <c:v>58984.101000000002</c:v>
                </c:pt>
                <c:pt idx="160">
                  <c:v>131109.29500000001</c:v>
                </c:pt>
                <c:pt idx="161">
                  <c:v>218845.01</c:v>
                </c:pt>
                <c:pt idx="162">
                  <c:v>377647.07299999997</c:v>
                </c:pt>
                <c:pt idx="163">
                  <c:v>448168.12099999998</c:v>
                </c:pt>
                <c:pt idx="164">
                  <c:v>325599.39799999999</c:v>
                </c:pt>
                <c:pt idx="165">
                  <c:v>283931.196</c:v>
                </c:pt>
                <c:pt idx="166">
                  <c:v>174696.95499999999</c:v>
                </c:pt>
                <c:pt idx="167">
                  <c:v>98458.531000000003</c:v>
                </c:pt>
                <c:pt idx="168">
                  <c:v>55685.197</c:v>
                </c:pt>
                <c:pt idx="169">
                  <c:v>55633.213000000003</c:v>
                </c:pt>
                <c:pt idx="170">
                  <c:v>55680.381999999998</c:v>
                </c:pt>
                <c:pt idx="171">
                  <c:v>59627.989000000001</c:v>
                </c:pt>
                <c:pt idx="172">
                  <c:v>136696.552</c:v>
                </c:pt>
                <c:pt idx="173">
                  <c:v>182271.31</c:v>
                </c:pt>
                <c:pt idx="174">
                  <c:v>330083.83</c:v>
                </c:pt>
                <c:pt idx="175">
                  <c:v>428148.87800000003</c:v>
                </c:pt>
                <c:pt idx="176">
                  <c:v>330671.32299999997</c:v>
                </c:pt>
                <c:pt idx="177">
                  <c:v>251024.24799999999</c:v>
                </c:pt>
                <c:pt idx="178">
                  <c:v>138546.79800000001</c:v>
                </c:pt>
                <c:pt idx="179">
                  <c:v>88946.7</c:v>
                </c:pt>
                <c:pt idx="180">
                  <c:v>56378.826000000001</c:v>
                </c:pt>
                <c:pt idx="181">
                  <c:v>56486.294999999998</c:v>
                </c:pt>
                <c:pt idx="182">
                  <c:v>56355.624000000003</c:v>
                </c:pt>
                <c:pt idx="183">
                  <c:v>60380.332000000002</c:v>
                </c:pt>
                <c:pt idx="184">
                  <c:v>119385.7</c:v>
                </c:pt>
                <c:pt idx="185">
                  <c:v>205486.693</c:v>
                </c:pt>
                <c:pt idx="186">
                  <c:v>386195.48200000002</c:v>
                </c:pt>
                <c:pt idx="187">
                  <c:v>429451.66100000002</c:v>
                </c:pt>
                <c:pt idx="188">
                  <c:v>346452.478</c:v>
                </c:pt>
                <c:pt idx="189">
                  <c:v>311331.772</c:v>
                </c:pt>
                <c:pt idx="190">
                  <c:v>189102.33100000001</c:v>
                </c:pt>
                <c:pt idx="191">
                  <c:v>99166.244999999995</c:v>
                </c:pt>
                <c:pt idx="192">
                  <c:v>57041.209000000003</c:v>
                </c:pt>
                <c:pt idx="193">
                  <c:v>57006.406999999999</c:v>
                </c:pt>
                <c:pt idx="194">
                  <c:v>57052.81</c:v>
                </c:pt>
                <c:pt idx="195">
                  <c:v>61087.531000000003</c:v>
                </c:pt>
                <c:pt idx="196">
                  <c:v>120575.15399999999</c:v>
                </c:pt>
                <c:pt idx="197">
                  <c:v>177090.959</c:v>
                </c:pt>
                <c:pt idx="198">
                  <c:v>287148.723</c:v>
                </c:pt>
              </c:numCache>
            </c:numRef>
          </c:val>
        </c:ser>
        <c:marker val="1"/>
        <c:axId val="46736128"/>
        <c:axId val="46737664"/>
      </c:lineChart>
      <c:dateAx>
        <c:axId val="46736128"/>
        <c:scaling>
          <c:orientation val="minMax"/>
        </c:scaling>
        <c:axPos val="b"/>
        <c:numFmt formatCode="mmm\-yy" sourceLinked="1"/>
        <c:tickLblPos val="nextTo"/>
        <c:crossAx val="46737664"/>
        <c:crosses val="autoZero"/>
        <c:auto val="1"/>
        <c:lblOffset val="100"/>
      </c:dateAx>
      <c:valAx>
        <c:axId val="46737664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  <c:layout/>
        </c:title>
        <c:numFmt formatCode="#,##0.0_ ;[Red]\-#,##0.0\ 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6736128"/>
        <c:crosses val="autoZero"/>
        <c:crossBetween val="between"/>
      </c:valAx>
    </c:plotArea>
    <c:legend>
      <c:legendPos val="b"/>
      <c:layout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78" l="0.70000000000000062" r="0.70000000000000062" t="0.75000000000000178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 sz="1400"/>
              <a:t>Residential Old M2 Volume Regression</a:t>
            </a:r>
          </a:p>
          <a:p>
            <a:pPr>
              <a:defRPr/>
            </a:pPr>
            <a:r>
              <a:rPr lang="en-US" sz="1200" b="0"/>
              <a:t>Rolling 12 Months</a:t>
            </a:r>
            <a:r>
              <a:rPr lang="en-US" sz="1200" b="0" baseline="0"/>
              <a:t> Total Usage</a:t>
            </a:r>
            <a:endParaRPr lang="en-US" sz="1600" b="0"/>
          </a:p>
        </c:rich>
      </c:tx>
    </c:title>
    <c:plotArea>
      <c:layout/>
      <c:lineChart>
        <c:grouping val="standard"/>
        <c:ser>
          <c:idx val="0"/>
          <c:order val="0"/>
          <c:tx>
            <c:strRef>
              <c:f>'Residential VOL Regn South'!$F$56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numRef>
              <c:f>'Residential VOL Regn South'!$A$57:$A$244</c:f>
              <c:numCache>
                <c:formatCode>mmm\-yy</c:formatCode>
                <c:ptCount val="188"/>
                <c:pt idx="0">
                  <c:v>35186</c:v>
                </c:pt>
                <c:pt idx="1">
                  <c:v>35217</c:v>
                </c:pt>
                <c:pt idx="2">
                  <c:v>35247</c:v>
                </c:pt>
                <c:pt idx="3">
                  <c:v>35278</c:v>
                </c:pt>
                <c:pt idx="4">
                  <c:v>35309</c:v>
                </c:pt>
                <c:pt idx="5">
                  <c:v>35339</c:v>
                </c:pt>
                <c:pt idx="6">
                  <c:v>35370</c:v>
                </c:pt>
                <c:pt idx="7">
                  <c:v>35400</c:v>
                </c:pt>
                <c:pt idx="8">
                  <c:v>35431</c:v>
                </c:pt>
                <c:pt idx="9">
                  <c:v>35462</c:v>
                </c:pt>
                <c:pt idx="10">
                  <c:v>35490</c:v>
                </c:pt>
                <c:pt idx="11">
                  <c:v>35521</c:v>
                </c:pt>
                <c:pt idx="12">
                  <c:v>35551</c:v>
                </c:pt>
                <c:pt idx="13">
                  <c:v>35582</c:v>
                </c:pt>
                <c:pt idx="14">
                  <c:v>35612</c:v>
                </c:pt>
                <c:pt idx="15">
                  <c:v>35643</c:v>
                </c:pt>
                <c:pt idx="16">
                  <c:v>35674</c:v>
                </c:pt>
                <c:pt idx="17">
                  <c:v>35704</c:v>
                </c:pt>
                <c:pt idx="18">
                  <c:v>35735</c:v>
                </c:pt>
                <c:pt idx="19">
                  <c:v>35765</c:v>
                </c:pt>
                <c:pt idx="20">
                  <c:v>35796</c:v>
                </c:pt>
                <c:pt idx="21">
                  <c:v>35827</c:v>
                </c:pt>
                <c:pt idx="22">
                  <c:v>35855</c:v>
                </c:pt>
                <c:pt idx="23">
                  <c:v>35886</c:v>
                </c:pt>
                <c:pt idx="24">
                  <c:v>35916</c:v>
                </c:pt>
                <c:pt idx="25">
                  <c:v>35947</c:v>
                </c:pt>
                <c:pt idx="26">
                  <c:v>35977</c:v>
                </c:pt>
                <c:pt idx="27">
                  <c:v>36008</c:v>
                </c:pt>
                <c:pt idx="28">
                  <c:v>36039</c:v>
                </c:pt>
                <c:pt idx="29">
                  <c:v>36069</c:v>
                </c:pt>
                <c:pt idx="30">
                  <c:v>36100</c:v>
                </c:pt>
                <c:pt idx="31">
                  <c:v>36130</c:v>
                </c:pt>
                <c:pt idx="32">
                  <c:v>36161</c:v>
                </c:pt>
                <c:pt idx="33">
                  <c:v>36192</c:v>
                </c:pt>
                <c:pt idx="34">
                  <c:v>36220</c:v>
                </c:pt>
                <c:pt idx="35">
                  <c:v>36251</c:v>
                </c:pt>
                <c:pt idx="36">
                  <c:v>36281</c:v>
                </c:pt>
                <c:pt idx="37">
                  <c:v>36312</c:v>
                </c:pt>
                <c:pt idx="38">
                  <c:v>36342</c:v>
                </c:pt>
                <c:pt idx="39">
                  <c:v>36373</c:v>
                </c:pt>
                <c:pt idx="40">
                  <c:v>36404</c:v>
                </c:pt>
                <c:pt idx="41">
                  <c:v>36434</c:v>
                </c:pt>
                <c:pt idx="42">
                  <c:v>36465</c:v>
                </c:pt>
                <c:pt idx="43">
                  <c:v>36495</c:v>
                </c:pt>
                <c:pt idx="44">
                  <c:v>36526</c:v>
                </c:pt>
                <c:pt idx="45">
                  <c:v>36557</c:v>
                </c:pt>
                <c:pt idx="46">
                  <c:v>36586</c:v>
                </c:pt>
                <c:pt idx="47">
                  <c:v>36617</c:v>
                </c:pt>
                <c:pt idx="48">
                  <c:v>36647</c:v>
                </c:pt>
                <c:pt idx="49">
                  <c:v>36678</c:v>
                </c:pt>
                <c:pt idx="50">
                  <c:v>36708</c:v>
                </c:pt>
                <c:pt idx="51">
                  <c:v>36739</c:v>
                </c:pt>
                <c:pt idx="52">
                  <c:v>36770</c:v>
                </c:pt>
                <c:pt idx="53">
                  <c:v>36800</c:v>
                </c:pt>
                <c:pt idx="54">
                  <c:v>36831</c:v>
                </c:pt>
                <c:pt idx="55">
                  <c:v>36861</c:v>
                </c:pt>
                <c:pt idx="56">
                  <c:v>36892</c:v>
                </c:pt>
                <c:pt idx="57">
                  <c:v>36923</c:v>
                </c:pt>
                <c:pt idx="58">
                  <c:v>36951</c:v>
                </c:pt>
                <c:pt idx="59">
                  <c:v>36982</c:v>
                </c:pt>
                <c:pt idx="60">
                  <c:v>37012</c:v>
                </c:pt>
                <c:pt idx="61">
                  <c:v>37043</c:v>
                </c:pt>
                <c:pt idx="62">
                  <c:v>37073</c:v>
                </c:pt>
                <c:pt idx="63">
                  <c:v>37104</c:v>
                </c:pt>
                <c:pt idx="64">
                  <c:v>37135</c:v>
                </c:pt>
                <c:pt idx="65">
                  <c:v>37165</c:v>
                </c:pt>
                <c:pt idx="66">
                  <c:v>37196</c:v>
                </c:pt>
                <c:pt idx="67">
                  <c:v>37226</c:v>
                </c:pt>
                <c:pt idx="68">
                  <c:v>37257</c:v>
                </c:pt>
                <c:pt idx="69">
                  <c:v>37288</c:v>
                </c:pt>
                <c:pt idx="70">
                  <c:v>37316</c:v>
                </c:pt>
                <c:pt idx="71">
                  <c:v>37347</c:v>
                </c:pt>
                <c:pt idx="72">
                  <c:v>37377</c:v>
                </c:pt>
                <c:pt idx="73">
                  <c:v>37408</c:v>
                </c:pt>
                <c:pt idx="74">
                  <c:v>37438</c:v>
                </c:pt>
                <c:pt idx="75">
                  <c:v>37469</c:v>
                </c:pt>
                <c:pt idx="76">
                  <c:v>37500</c:v>
                </c:pt>
                <c:pt idx="77">
                  <c:v>37530</c:v>
                </c:pt>
                <c:pt idx="78">
                  <c:v>37561</c:v>
                </c:pt>
                <c:pt idx="79">
                  <c:v>37591</c:v>
                </c:pt>
                <c:pt idx="80">
                  <c:v>37622</c:v>
                </c:pt>
                <c:pt idx="81">
                  <c:v>37653</c:v>
                </c:pt>
                <c:pt idx="82">
                  <c:v>37681</c:v>
                </c:pt>
                <c:pt idx="83">
                  <c:v>37712</c:v>
                </c:pt>
                <c:pt idx="84">
                  <c:v>37742</c:v>
                </c:pt>
                <c:pt idx="85">
                  <c:v>37773</c:v>
                </c:pt>
                <c:pt idx="86">
                  <c:v>37803</c:v>
                </c:pt>
                <c:pt idx="87">
                  <c:v>37834</c:v>
                </c:pt>
                <c:pt idx="88">
                  <c:v>37865</c:v>
                </c:pt>
                <c:pt idx="89">
                  <c:v>37895</c:v>
                </c:pt>
                <c:pt idx="90">
                  <c:v>37926</c:v>
                </c:pt>
                <c:pt idx="91">
                  <c:v>37956</c:v>
                </c:pt>
                <c:pt idx="92">
                  <c:v>37987</c:v>
                </c:pt>
                <c:pt idx="93">
                  <c:v>38018</c:v>
                </c:pt>
                <c:pt idx="94">
                  <c:v>38047</c:v>
                </c:pt>
                <c:pt idx="95">
                  <c:v>38078</c:v>
                </c:pt>
                <c:pt idx="96">
                  <c:v>38108</c:v>
                </c:pt>
                <c:pt idx="97">
                  <c:v>38139</c:v>
                </c:pt>
                <c:pt idx="98">
                  <c:v>38169</c:v>
                </c:pt>
                <c:pt idx="99">
                  <c:v>38200</c:v>
                </c:pt>
                <c:pt idx="100">
                  <c:v>38231</c:v>
                </c:pt>
                <c:pt idx="101">
                  <c:v>38261</c:v>
                </c:pt>
                <c:pt idx="102">
                  <c:v>38292</c:v>
                </c:pt>
                <c:pt idx="103">
                  <c:v>38322</c:v>
                </c:pt>
                <c:pt idx="104">
                  <c:v>38353</c:v>
                </c:pt>
                <c:pt idx="105">
                  <c:v>38384</c:v>
                </c:pt>
                <c:pt idx="106">
                  <c:v>38412</c:v>
                </c:pt>
                <c:pt idx="107">
                  <c:v>38443</c:v>
                </c:pt>
                <c:pt idx="108">
                  <c:v>38473</c:v>
                </c:pt>
                <c:pt idx="109">
                  <c:v>38504</c:v>
                </c:pt>
                <c:pt idx="110">
                  <c:v>38534</c:v>
                </c:pt>
                <c:pt idx="111">
                  <c:v>38565</c:v>
                </c:pt>
                <c:pt idx="112">
                  <c:v>38596</c:v>
                </c:pt>
                <c:pt idx="113">
                  <c:v>38626</c:v>
                </c:pt>
                <c:pt idx="114">
                  <c:v>38657</c:v>
                </c:pt>
                <c:pt idx="115">
                  <c:v>38687</c:v>
                </c:pt>
                <c:pt idx="116">
                  <c:v>38718</c:v>
                </c:pt>
                <c:pt idx="117">
                  <c:v>38749</c:v>
                </c:pt>
                <c:pt idx="118">
                  <c:v>38777</c:v>
                </c:pt>
                <c:pt idx="119">
                  <c:v>38808</c:v>
                </c:pt>
                <c:pt idx="120">
                  <c:v>38838</c:v>
                </c:pt>
                <c:pt idx="121">
                  <c:v>38869</c:v>
                </c:pt>
                <c:pt idx="122">
                  <c:v>38899</c:v>
                </c:pt>
                <c:pt idx="123">
                  <c:v>38930</c:v>
                </c:pt>
                <c:pt idx="124">
                  <c:v>38961</c:v>
                </c:pt>
                <c:pt idx="125">
                  <c:v>38991</c:v>
                </c:pt>
                <c:pt idx="126">
                  <c:v>39022</c:v>
                </c:pt>
                <c:pt idx="127">
                  <c:v>39052</c:v>
                </c:pt>
                <c:pt idx="128">
                  <c:v>39083</c:v>
                </c:pt>
                <c:pt idx="129">
                  <c:v>39114</c:v>
                </c:pt>
                <c:pt idx="130">
                  <c:v>39142</c:v>
                </c:pt>
                <c:pt idx="131">
                  <c:v>39173</c:v>
                </c:pt>
                <c:pt idx="132">
                  <c:v>39203</c:v>
                </c:pt>
                <c:pt idx="133">
                  <c:v>39234</c:v>
                </c:pt>
                <c:pt idx="134">
                  <c:v>39264</c:v>
                </c:pt>
                <c:pt idx="135">
                  <c:v>39295</c:v>
                </c:pt>
                <c:pt idx="136">
                  <c:v>39326</c:v>
                </c:pt>
                <c:pt idx="137">
                  <c:v>39356</c:v>
                </c:pt>
                <c:pt idx="138">
                  <c:v>39387</c:v>
                </c:pt>
                <c:pt idx="139">
                  <c:v>39417</c:v>
                </c:pt>
                <c:pt idx="140">
                  <c:v>39448</c:v>
                </c:pt>
                <c:pt idx="141">
                  <c:v>39479</c:v>
                </c:pt>
                <c:pt idx="142">
                  <c:v>39508</c:v>
                </c:pt>
                <c:pt idx="143">
                  <c:v>39539</c:v>
                </c:pt>
                <c:pt idx="144">
                  <c:v>39569</c:v>
                </c:pt>
                <c:pt idx="145">
                  <c:v>39600</c:v>
                </c:pt>
                <c:pt idx="146">
                  <c:v>39630</c:v>
                </c:pt>
                <c:pt idx="147">
                  <c:v>39661</c:v>
                </c:pt>
                <c:pt idx="148">
                  <c:v>39692</c:v>
                </c:pt>
                <c:pt idx="149">
                  <c:v>39722</c:v>
                </c:pt>
                <c:pt idx="150">
                  <c:v>39753</c:v>
                </c:pt>
                <c:pt idx="151">
                  <c:v>39783</c:v>
                </c:pt>
                <c:pt idx="152">
                  <c:v>39814</c:v>
                </c:pt>
                <c:pt idx="153">
                  <c:v>39845</c:v>
                </c:pt>
                <c:pt idx="154">
                  <c:v>39873</c:v>
                </c:pt>
                <c:pt idx="155">
                  <c:v>39904</c:v>
                </c:pt>
                <c:pt idx="156">
                  <c:v>39934</c:v>
                </c:pt>
                <c:pt idx="157">
                  <c:v>39965</c:v>
                </c:pt>
                <c:pt idx="158">
                  <c:v>39995</c:v>
                </c:pt>
                <c:pt idx="159">
                  <c:v>40026</c:v>
                </c:pt>
                <c:pt idx="160">
                  <c:v>40057</c:v>
                </c:pt>
                <c:pt idx="161">
                  <c:v>40087</c:v>
                </c:pt>
                <c:pt idx="162">
                  <c:v>40118</c:v>
                </c:pt>
                <c:pt idx="163">
                  <c:v>40148</c:v>
                </c:pt>
                <c:pt idx="164">
                  <c:v>40179</c:v>
                </c:pt>
                <c:pt idx="165">
                  <c:v>40210</c:v>
                </c:pt>
                <c:pt idx="166">
                  <c:v>40238</c:v>
                </c:pt>
                <c:pt idx="167">
                  <c:v>40269</c:v>
                </c:pt>
                <c:pt idx="168">
                  <c:v>40299</c:v>
                </c:pt>
                <c:pt idx="169">
                  <c:v>40330</c:v>
                </c:pt>
                <c:pt idx="170">
                  <c:v>40360</c:v>
                </c:pt>
                <c:pt idx="171">
                  <c:v>40391</c:v>
                </c:pt>
                <c:pt idx="172">
                  <c:v>40422</c:v>
                </c:pt>
                <c:pt idx="173">
                  <c:v>40452</c:v>
                </c:pt>
                <c:pt idx="174">
                  <c:v>40483</c:v>
                </c:pt>
                <c:pt idx="175">
                  <c:v>40513</c:v>
                </c:pt>
                <c:pt idx="176">
                  <c:v>40544</c:v>
                </c:pt>
                <c:pt idx="177">
                  <c:v>40575</c:v>
                </c:pt>
                <c:pt idx="178">
                  <c:v>40603</c:v>
                </c:pt>
                <c:pt idx="179">
                  <c:v>40634</c:v>
                </c:pt>
                <c:pt idx="180">
                  <c:v>40664</c:v>
                </c:pt>
                <c:pt idx="181">
                  <c:v>40695</c:v>
                </c:pt>
                <c:pt idx="182">
                  <c:v>40725</c:v>
                </c:pt>
                <c:pt idx="183">
                  <c:v>40756</c:v>
                </c:pt>
                <c:pt idx="184">
                  <c:v>40787</c:v>
                </c:pt>
                <c:pt idx="185">
                  <c:v>40817</c:v>
                </c:pt>
                <c:pt idx="186">
                  <c:v>40848</c:v>
                </c:pt>
                <c:pt idx="187">
                  <c:v>40878</c:v>
                </c:pt>
              </c:numCache>
            </c:numRef>
          </c:cat>
          <c:val>
            <c:numRef>
              <c:f>'Residential VOL Regn South'!$F$57:$F$244</c:f>
              <c:numCache>
                <c:formatCode>_-* #,##0_-;\-* #,##0_-;_-* "-"??_-;_-@_-</c:formatCode>
                <c:ptCount val="188"/>
                <c:pt idx="0">
                  <c:v>2118237.199</c:v>
                </c:pt>
                <c:pt idx="1">
                  <c:v>2121552.1330000004</c:v>
                </c:pt>
                <c:pt idx="2">
                  <c:v>2124867.0670000003</c:v>
                </c:pt>
                <c:pt idx="3">
                  <c:v>2128182.0010000002</c:v>
                </c:pt>
                <c:pt idx="4">
                  <c:v>2130595.4010000001</c:v>
                </c:pt>
                <c:pt idx="5">
                  <c:v>2152129.5010000002</c:v>
                </c:pt>
                <c:pt idx="6">
                  <c:v>2151873.6009999998</c:v>
                </c:pt>
                <c:pt idx="7">
                  <c:v>2094810.7010000001</c:v>
                </c:pt>
                <c:pt idx="8">
                  <c:v>2114846.1009999998</c:v>
                </c:pt>
                <c:pt idx="9">
                  <c:v>2072013.9010000001</c:v>
                </c:pt>
                <c:pt idx="10">
                  <c:v>2052316.9009999998</c:v>
                </c:pt>
                <c:pt idx="11">
                  <c:v>2046720.3010000002</c:v>
                </c:pt>
                <c:pt idx="12">
                  <c:v>2069354.0010000002</c:v>
                </c:pt>
                <c:pt idx="13">
                  <c:v>2071463.9670000002</c:v>
                </c:pt>
                <c:pt idx="14">
                  <c:v>2073573.9330000002</c:v>
                </c:pt>
                <c:pt idx="15">
                  <c:v>2075683.8990000002</c:v>
                </c:pt>
                <c:pt idx="16">
                  <c:v>2078219.4990000003</c:v>
                </c:pt>
                <c:pt idx="17">
                  <c:v>2083770.6990000003</c:v>
                </c:pt>
                <c:pt idx="18">
                  <c:v>2074431.7990000001</c:v>
                </c:pt>
                <c:pt idx="19">
                  <c:v>2085405.699</c:v>
                </c:pt>
                <c:pt idx="20">
                  <c:v>2023599.4990000001</c:v>
                </c:pt>
                <c:pt idx="21">
                  <c:v>1991311.6990000003</c:v>
                </c:pt>
                <c:pt idx="22">
                  <c:v>1967002.7990000003</c:v>
                </c:pt>
                <c:pt idx="23">
                  <c:v>1931204.9990000001</c:v>
                </c:pt>
                <c:pt idx="24">
                  <c:v>1852552.699</c:v>
                </c:pt>
                <c:pt idx="25">
                  <c:v>1853007.699</c:v>
                </c:pt>
                <c:pt idx="26">
                  <c:v>1853462.699</c:v>
                </c:pt>
                <c:pt idx="27">
                  <c:v>1853917.699</c:v>
                </c:pt>
                <c:pt idx="28">
                  <c:v>1844417.0990000002</c:v>
                </c:pt>
                <c:pt idx="29">
                  <c:v>1827451.4989999998</c:v>
                </c:pt>
                <c:pt idx="30">
                  <c:v>1789098.6989999998</c:v>
                </c:pt>
                <c:pt idx="31">
                  <c:v>1758704.6989999998</c:v>
                </c:pt>
                <c:pt idx="32">
                  <c:v>1837505.899</c:v>
                </c:pt>
                <c:pt idx="33">
                  <c:v>1864124.7989999999</c:v>
                </c:pt>
                <c:pt idx="34">
                  <c:v>1891473.3990000002</c:v>
                </c:pt>
                <c:pt idx="35">
                  <c:v>1896838.5989999999</c:v>
                </c:pt>
                <c:pt idx="36">
                  <c:v>1912599.0989999999</c:v>
                </c:pt>
                <c:pt idx="37">
                  <c:v>1911866.5329999998</c:v>
                </c:pt>
                <c:pt idx="38">
                  <c:v>1911133.9669999997</c:v>
                </c:pt>
                <c:pt idx="39">
                  <c:v>1910401.4009999996</c:v>
                </c:pt>
                <c:pt idx="40">
                  <c:v>1913042.7009999997</c:v>
                </c:pt>
                <c:pt idx="41">
                  <c:v>1944220.8009999997</c:v>
                </c:pt>
                <c:pt idx="42">
                  <c:v>1939119.4009999996</c:v>
                </c:pt>
                <c:pt idx="43">
                  <c:v>1974576.0009999997</c:v>
                </c:pt>
                <c:pt idx="44">
                  <c:v>1924096.9700000002</c:v>
                </c:pt>
                <c:pt idx="45">
                  <c:v>1986613.7880000002</c:v>
                </c:pt>
                <c:pt idx="46">
                  <c:v>1921670.879</c:v>
                </c:pt>
                <c:pt idx="47">
                  <c:v>1947779.01</c:v>
                </c:pt>
                <c:pt idx="48">
                  <c:v>1966898.155</c:v>
                </c:pt>
                <c:pt idx="49">
                  <c:v>1972823.341</c:v>
                </c:pt>
                <c:pt idx="50">
                  <c:v>1978748.5270000002</c:v>
                </c:pt>
                <c:pt idx="51">
                  <c:v>1984673.7130000005</c:v>
                </c:pt>
                <c:pt idx="52">
                  <c:v>1989462.5840000005</c:v>
                </c:pt>
                <c:pt idx="53">
                  <c:v>1979494.0660000006</c:v>
                </c:pt>
                <c:pt idx="54">
                  <c:v>1995395.4900000007</c:v>
                </c:pt>
                <c:pt idx="55">
                  <c:v>2098671.9940000009</c:v>
                </c:pt>
                <c:pt idx="56">
                  <c:v>2123598.4709999999</c:v>
                </c:pt>
                <c:pt idx="57">
                  <c:v>2086204.4409999999</c:v>
                </c:pt>
                <c:pt idx="58">
                  <c:v>2170567.7390000001</c:v>
                </c:pt>
                <c:pt idx="59">
                  <c:v>2145046.0419999999</c:v>
                </c:pt>
                <c:pt idx="60">
                  <c:v>2133153.247</c:v>
                </c:pt>
                <c:pt idx="61">
                  <c:v>2128601.9309999999</c:v>
                </c:pt>
                <c:pt idx="62">
                  <c:v>2124050.6150000002</c:v>
                </c:pt>
                <c:pt idx="63">
                  <c:v>2119499.2990000001</c:v>
                </c:pt>
                <c:pt idx="64">
                  <c:v>2114350.3670000001</c:v>
                </c:pt>
                <c:pt idx="65">
                  <c:v>2104868.9640000002</c:v>
                </c:pt>
                <c:pt idx="66">
                  <c:v>2082026.3879999998</c:v>
                </c:pt>
                <c:pt idx="67">
                  <c:v>1950887.4710000001</c:v>
                </c:pt>
                <c:pt idx="68">
                  <c:v>1912258.3879999998</c:v>
                </c:pt>
                <c:pt idx="69">
                  <c:v>1910337.0760000001</c:v>
                </c:pt>
                <c:pt idx="70">
                  <c:v>1888517.5670000003</c:v>
                </c:pt>
                <c:pt idx="71">
                  <c:v>1900558.4020000005</c:v>
                </c:pt>
                <c:pt idx="72">
                  <c:v>1952845.6660000004</c:v>
                </c:pt>
                <c:pt idx="73">
                  <c:v>1958192.578</c:v>
                </c:pt>
                <c:pt idx="74">
                  <c:v>1963539.49</c:v>
                </c:pt>
                <c:pt idx="75">
                  <c:v>1968886.402</c:v>
                </c:pt>
                <c:pt idx="76">
                  <c:v>1961780.4500000002</c:v>
                </c:pt>
                <c:pt idx="77">
                  <c:v>1979096.2660000003</c:v>
                </c:pt>
                <c:pt idx="78">
                  <c:v>2034209.7609999999</c:v>
                </c:pt>
                <c:pt idx="79">
                  <c:v>2099489.8160000001</c:v>
                </c:pt>
                <c:pt idx="80">
                  <c:v>2220730.1220000004</c:v>
                </c:pt>
                <c:pt idx="81">
                  <c:v>2285398.6799999997</c:v>
                </c:pt>
                <c:pt idx="82">
                  <c:v>2297310.304</c:v>
                </c:pt>
                <c:pt idx="83">
                  <c:v>2316079.7180000003</c:v>
                </c:pt>
                <c:pt idx="84">
                  <c:v>2287318.3099999996</c:v>
                </c:pt>
                <c:pt idx="85">
                  <c:v>2286782.7909999997</c:v>
                </c:pt>
                <c:pt idx="86">
                  <c:v>2286247.2719999999</c:v>
                </c:pt>
                <c:pt idx="87">
                  <c:v>2285711.753</c:v>
                </c:pt>
                <c:pt idx="88">
                  <c:v>2295576.2780000004</c:v>
                </c:pt>
                <c:pt idx="89">
                  <c:v>2293950.6639999999</c:v>
                </c:pt>
                <c:pt idx="90">
                  <c:v>2273992.3659999999</c:v>
                </c:pt>
                <c:pt idx="91">
                  <c:v>2261307.9519999996</c:v>
                </c:pt>
                <c:pt idx="92">
                  <c:v>2272003.9069999997</c:v>
                </c:pt>
                <c:pt idx="93">
                  <c:v>2231307.5950000002</c:v>
                </c:pt>
                <c:pt idx="94">
                  <c:v>2199279.8690000004</c:v>
                </c:pt>
                <c:pt idx="95">
                  <c:v>2186276.5010000002</c:v>
                </c:pt>
                <c:pt idx="96">
                  <c:v>2176053.9580000001</c:v>
                </c:pt>
                <c:pt idx="97">
                  <c:v>2173635.9350000001</c:v>
                </c:pt>
                <c:pt idx="98">
                  <c:v>2171217.912</c:v>
                </c:pt>
                <c:pt idx="99">
                  <c:v>2168799.889</c:v>
                </c:pt>
                <c:pt idx="100">
                  <c:v>2172240.9579999996</c:v>
                </c:pt>
                <c:pt idx="101">
                  <c:v>2146311.9709999999</c:v>
                </c:pt>
                <c:pt idx="102">
                  <c:v>2138761.4289999995</c:v>
                </c:pt>
                <c:pt idx="103">
                  <c:v>2163276.0189999999</c:v>
                </c:pt>
                <c:pt idx="104">
                  <c:v>2124710.5069999998</c:v>
                </c:pt>
                <c:pt idx="105">
                  <c:v>2130389.335</c:v>
                </c:pt>
                <c:pt idx="106">
                  <c:v>2182956.2349999999</c:v>
                </c:pt>
                <c:pt idx="107">
                  <c:v>2178760.3290000004</c:v>
                </c:pt>
                <c:pt idx="108">
                  <c:v>2195140.06</c:v>
                </c:pt>
                <c:pt idx="109">
                  <c:v>2194604.2599999998</c:v>
                </c:pt>
                <c:pt idx="110">
                  <c:v>2194068.46</c:v>
                </c:pt>
                <c:pt idx="111">
                  <c:v>2193532.66</c:v>
                </c:pt>
                <c:pt idx="112">
                  <c:v>2182613.4830000005</c:v>
                </c:pt>
                <c:pt idx="113">
                  <c:v>2183178.6180000007</c:v>
                </c:pt>
                <c:pt idx="114">
                  <c:v>2184605.1150000002</c:v>
                </c:pt>
                <c:pt idx="115">
                  <c:v>2215111.8180000004</c:v>
                </c:pt>
                <c:pt idx="116">
                  <c:v>2113187.4610000001</c:v>
                </c:pt>
                <c:pt idx="117">
                  <c:v>2108034.6459999997</c:v>
                </c:pt>
                <c:pt idx="118">
                  <c:v>2075877.0659999999</c:v>
                </c:pt>
                <c:pt idx="119">
                  <c:v>2067615.17</c:v>
                </c:pt>
                <c:pt idx="120">
                  <c:v>2039108.55</c:v>
                </c:pt>
                <c:pt idx="121">
                  <c:v>2040209.2689999999</c:v>
                </c:pt>
                <c:pt idx="122">
                  <c:v>2041309.9879999999</c:v>
                </c:pt>
                <c:pt idx="123">
                  <c:v>2042410.7069999999</c:v>
                </c:pt>
                <c:pt idx="124">
                  <c:v>2046186.2109999999</c:v>
                </c:pt>
                <c:pt idx="125">
                  <c:v>2070417.6549999998</c:v>
                </c:pt>
                <c:pt idx="126">
                  <c:v>2081262.1029999999</c:v>
                </c:pt>
                <c:pt idx="127">
                  <c:v>2000161.8649999998</c:v>
                </c:pt>
                <c:pt idx="128">
                  <c:v>2045431.5550000002</c:v>
                </c:pt>
                <c:pt idx="129">
                  <c:v>2113469.9830000005</c:v>
                </c:pt>
                <c:pt idx="130">
                  <c:v>2128105.7220000001</c:v>
                </c:pt>
                <c:pt idx="131">
                  <c:v>2170232.2489999998</c:v>
                </c:pt>
                <c:pt idx="132">
                  <c:v>2182667.051</c:v>
                </c:pt>
                <c:pt idx="133">
                  <c:v>2184567.5550000002</c:v>
                </c:pt>
                <c:pt idx="134">
                  <c:v>2186468.0590000004</c:v>
                </c:pt>
                <c:pt idx="135">
                  <c:v>2188368.5630000005</c:v>
                </c:pt>
                <c:pt idx="136">
                  <c:v>2187306.5440000002</c:v>
                </c:pt>
                <c:pt idx="137">
                  <c:v>2143961.0530000003</c:v>
                </c:pt>
                <c:pt idx="138">
                  <c:v>2144087.0260000001</c:v>
                </c:pt>
                <c:pt idx="139">
                  <c:v>2212327.6080000005</c:v>
                </c:pt>
                <c:pt idx="140">
                  <c:v>2237265.2760000001</c:v>
                </c:pt>
                <c:pt idx="141">
                  <c:v>2208398.523</c:v>
                </c:pt>
                <c:pt idx="142">
                  <c:v>2258391.915</c:v>
                </c:pt>
                <c:pt idx="143">
                  <c:v>2193730.2370000002</c:v>
                </c:pt>
                <c:pt idx="144">
                  <c:v>2207321.7440000004</c:v>
                </c:pt>
                <c:pt idx="145">
                  <c:v>2204482.3629999999</c:v>
                </c:pt>
                <c:pt idx="146">
                  <c:v>2201642.9819999998</c:v>
                </c:pt>
                <c:pt idx="147">
                  <c:v>2198803.6009999998</c:v>
                </c:pt>
                <c:pt idx="148">
                  <c:v>2197351.5340000005</c:v>
                </c:pt>
                <c:pt idx="149">
                  <c:v>2228791.8190000001</c:v>
                </c:pt>
                <c:pt idx="150">
                  <c:v>2262293.8939999999</c:v>
                </c:pt>
                <c:pt idx="151">
                  <c:v>2281670.102</c:v>
                </c:pt>
                <c:pt idx="152">
                  <c:v>2362771.1759999995</c:v>
                </c:pt>
                <c:pt idx="153">
                  <c:v>2314542.9949999996</c:v>
                </c:pt>
                <c:pt idx="154">
                  <c:v>2264571.9020000002</c:v>
                </c:pt>
                <c:pt idx="155">
                  <c:v>2299366.8850000002</c:v>
                </c:pt>
                <c:pt idx="156">
                  <c:v>2286742.4610000001</c:v>
                </c:pt>
                <c:pt idx="157">
                  <c:v>2290108.915</c:v>
                </c:pt>
                <c:pt idx="158">
                  <c:v>2293475.3689999999</c:v>
                </c:pt>
                <c:pt idx="159">
                  <c:v>2296841.8229999999</c:v>
                </c:pt>
                <c:pt idx="160">
                  <c:v>2300130.9949999996</c:v>
                </c:pt>
                <c:pt idx="161">
                  <c:v>2320647.2299999995</c:v>
                </c:pt>
                <c:pt idx="162">
                  <c:v>2269177.8189999997</c:v>
                </c:pt>
                <c:pt idx="163">
                  <c:v>2216730.6079999995</c:v>
                </c:pt>
                <c:pt idx="164">
                  <c:v>2181528.2989999996</c:v>
                </c:pt>
                <c:pt idx="165">
                  <c:v>2195038.165</c:v>
                </c:pt>
                <c:pt idx="166">
                  <c:v>2143367.7960000001</c:v>
                </c:pt>
                <c:pt idx="167">
                  <c:v>2099594.3509999998</c:v>
                </c:pt>
                <c:pt idx="168">
                  <c:v>2076846.3909999998</c:v>
                </c:pt>
                <c:pt idx="169">
                  <c:v>2077527.956</c:v>
                </c:pt>
                <c:pt idx="170">
                  <c:v>2078209.5210000002</c:v>
                </c:pt>
                <c:pt idx="171">
                  <c:v>2078891.0860000004</c:v>
                </c:pt>
                <c:pt idx="172">
                  <c:v>2076505.09</c:v>
                </c:pt>
                <c:pt idx="173">
                  <c:v>2049575.4650000001</c:v>
                </c:pt>
                <c:pt idx="174">
                  <c:v>2072512.6240000001</c:v>
                </c:pt>
                <c:pt idx="175">
                  <c:v>2133508.2439999999</c:v>
                </c:pt>
                <c:pt idx="176">
                  <c:v>2141997.1680000001</c:v>
                </c:pt>
                <c:pt idx="177">
                  <c:v>2156216.0120000001</c:v>
                </c:pt>
                <c:pt idx="178">
                  <c:v>2232256.034</c:v>
                </c:pt>
                <c:pt idx="179">
                  <c:v>2274873.9029999999</c:v>
                </c:pt>
                <c:pt idx="180">
                  <c:v>2304097.8739999998</c:v>
                </c:pt>
                <c:pt idx="181">
                  <c:v>2304511.9109999998</c:v>
                </c:pt>
                <c:pt idx="182">
                  <c:v>2304925.9480000003</c:v>
                </c:pt>
                <c:pt idx="183">
                  <c:v>2305339.9849999999</c:v>
                </c:pt>
                <c:pt idx="184">
                  <c:v>2304579.5190000003</c:v>
                </c:pt>
                <c:pt idx="185">
                  <c:v>2308685.216</c:v>
                </c:pt>
                <c:pt idx="186">
                  <c:v>2287918.9329999997</c:v>
                </c:pt>
                <c:pt idx="187">
                  <c:v>2211180.6299999994</c:v>
                </c:pt>
              </c:numCache>
            </c:numRef>
          </c:val>
        </c:ser>
        <c:ser>
          <c:idx val="1"/>
          <c:order val="1"/>
          <c:tx>
            <c:strRef>
              <c:f>'Residential VOL Regn South'!$G$56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numRef>
              <c:f>'Residential VOL Regn South'!$A$57:$A$244</c:f>
              <c:numCache>
                <c:formatCode>mmm\-yy</c:formatCode>
                <c:ptCount val="188"/>
                <c:pt idx="0">
                  <c:v>35186</c:v>
                </c:pt>
                <c:pt idx="1">
                  <c:v>35217</c:v>
                </c:pt>
                <c:pt idx="2">
                  <c:v>35247</c:v>
                </c:pt>
                <c:pt idx="3">
                  <c:v>35278</c:v>
                </c:pt>
                <c:pt idx="4">
                  <c:v>35309</c:v>
                </c:pt>
                <c:pt idx="5">
                  <c:v>35339</c:v>
                </c:pt>
                <c:pt idx="6">
                  <c:v>35370</c:v>
                </c:pt>
                <c:pt idx="7">
                  <c:v>35400</c:v>
                </c:pt>
                <c:pt idx="8">
                  <c:v>35431</c:v>
                </c:pt>
                <c:pt idx="9">
                  <c:v>35462</c:v>
                </c:pt>
                <c:pt idx="10">
                  <c:v>35490</c:v>
                </c:pt>
                <c:pt idx="11">
                  <c:v>35521</c:v>
                </c:pt>
                <c:pt idx="12">
                  <c:v>35551</c:v>
                </c:pt>
                <c:pt idx="13">
                  <c:v>35582</c:v>
                </c:pt>
                <c:pt idx="14">
                  <c:v>35612</c:v>
                </c:pt>
                <c:pt idx="15">
                  <c:v>35643</c:v>
                </c:pt>
                <c:pt idx="16">
                  <c:v>35674</c:v>
                </c:pt>
                <c:pt idx="17">
                  <c:v>35704</c:v>
                </c:pt>
                <c:pt idx="18">
                  <c:v>35735</c:v>
                </c:pt>
                <c:pt idx="19">
                  <c:v>35765</c:v>
                </c:pt>
                <c:pt idx="20">
                  <c:v>35796</c:v>
                </c:pt>
                <c:pt idx="21">
                  <c:v>35827</c:v>
                </c:pt>
                <c:pt idx="22">
                  <c:v>35855</c:v>
                </c:pt>
                <c:pt idx="23">
                  <c:v>35886</c:v>
                </c:pt>
                <c:pt idx="24">
                  <c:v>35916</c:v>
                </c:pt>
                <c:pt idx="25">
                  <c:v>35947</c:v>
                </c:pt>
                <c:pt idx="26">
                  <c:v>35977</c:v>
                </c:pt>
                <c:pt idx="27">
                  <c:v>36008</c:v>
                </c:pt>
                <c:pt idx="28">
                  <c:v>36039</c:v>
                </c:pt>
                <c:pt idx="29">
                  <c:v>36069</c:v>
                </c:pt>
                <c:pt idx="30">
                  <c:v>36100</c:v>
                </c:pt>
                <c:pt idx="31">
                  <c:v>36130</c:v>
                </c:pt>
                <c:pt idx="32">
                  <c:v>36161</c:v>
                </c:pt>
                <c:pt idx="33">
                  <c:v>36192</c:v>
                </c:pt>
                <c:pt idx="34">
                  <c:v>36220</c:v>
                </c:pt>
                <c:pt idx="35">
                  <c:v>36251</c:v>
                </c:pt>
                <c:pt idx="36">
                  <c:v>36281</c:v>
                </c:pt>
                <c:pt idx="37">
                  <c:v>36312</c:v>
                </c:pt>
                <c:pt idx="38">
                  <c:v>36342</c:v>
                </c:pt>
                <c:pt idx="39">
                  <c:v>36373</c:v>
                </c:pt>
                <c:pt idx="40">
                  <c:v>36404</c:v>
                </c:pt>
                <c:pt idx="41">
                  <c:v>36434</c:v>
                </c:pt>
                <c:pt idx="42">
                  <c:v>36465</c:v>
                </c:pt>
                <c:pt idx="43">
                  <c:v>36495</c:v>
                </c:pt>
                <c:pt idx="44">
                  <c:v>36526</c:v>
                </c:pt>
                <c:pt idx="45">
                  <c:v>36557</c:v>
                </c:pt>
                <c:pt idx="46">
                  <c:v>36586</c:v>
                </c:pt>
                <c:pt idx="47">
                  <c:v>36617</c:v>
                </c:pt>
                <c:pt idx="48">
                  <c:v>36647</c:v>
                </c:pt>
                <c:pt idx="49">
                  <c:v>36678</c:v>
                </c:pt>
                <c:pt idx="50">
                  <c:v>36708</c:v>
                </c:pt>
                <c:pt idx="51">
                  <c:v>36739</c:v>
                </c:pt>
                <c:pt idx="52">
                  <c:v>36770</c:v>
                </c:pt>
                <c:pt idx="53">
                  <c:v>36800</c:v>
                </c:pt>
                <c:pt idx="54">
                  <c:v>36831</c:v>
                </c:pt>
                <c:pt idx="55">
                  <c:v>36861</c:v>
                </c:pt>
                <c:pt idx="56">
                  <c:v>36892</c:v>
                </c:pt>
                <c:pt idx="57">
                  <c:v>36923</c:v>
                </c:pt>
                <c:pt idx="58">
                  <c:v>36951</c:v>
                </c:pt>
                <c:pt idx="59">
                  <c:v>36982</c:v>
                </c:pt>
                <c:pt idx="60">
                  <c:v>37012</c:v>
                </c:pt>
                <c:pt idx="61">
                  <c:v>37043</c:v>
                </c:pt>
                <c:pt idx="62">
                  <c:v>37073</c:v>
                </c:pt>
                <c:pt idx="63">
                  <c:v>37104</c:v>
                </c:pt>
                <c:pt idx="64">
                  <c:v>37135</c:v>
                </c:pt>
                <c:pt idx="65">
                  <c:v>37165</c:v>
                </c:pt>
                <c:pt idx="66">
                  <c:v>37196</c:v>
                </c:pt>
                <c:pt idx="67">
                  <c:v>37226</c:v>
                </c:pt>
                <c:pt idx="68">
                  <c:v>37257</c:v>
                </c:pt>
                <c:pt idx="69">
                  <c:v>37288</c:v>
                </c:pt>
                <c:pt idx="70">
                  <c:v>37316</c:v>
                </c:pt>
                <c:pt idx="71">
                  <c:v>37347</c:v>
                </c:pt>
                <c:pt idx="72">
                  <c:v>37377</c:v>
                </c:pt>
                <c:pt idx="73">
                  <c:v>37408</c:v>
                </c:pt>
                <c:pt idx="74">
                  <c:v>37438</c:v>
                </c:pt>
                <c:pt idx="75">
                  <c:v>37469</c:v>
                </c:pt>
                <c:pt idx="76">
                  <c:v>37500</c:v>
                </c:pt>
                <c:pt idx="77">
                  <c:v>37530</c:v>
                </c:pt>
                <c:pt idx="78">
                  <c:v>37561</c:v>
                </c:pt>
                <c:pt idx="79">
                  <c:v>37591</c:v>
                </c:pt>
                <c:pt idx="80">
                  <c:v>37622</c:v>
                </c:pt>
                <c:pt idx="81">
                  <c:v>37653</c:v>
                </c:pt>
                <c:pt idx="82">
                  <c:v>37681</c:v>
                </c:pt>
                <c:pt idx="83">
                  <c:v>37712</c:v>
                </c:pt>
                <c:pt idx="84">
                  <c:v>37742</c:v>
                </c:pt>
                <c:pt idx="85">
                  <c:v>37773</c:v>
                </c:pt>
                <c:pt idx="86">
                  <c:v>37803</c:v>
                </c:pt>
                <c:pt idx="87">
                  <c:v>37834</c:v>
                </c:pt>
                <c:pt idx="88">
                  <c:v>37865</c:v>
                </c:pt>
                <c:pt idx="89">
                  <c:v>37895</c:v>
                </c:pt>
                <c:pt idx="90">
                  <c:v>37926</c:v>
                </c:pt>
                <c:pt idx="91">
                  <c:v>37956</c:v>
                </c:pt>
                <c:pt idx="92">
                  <c:v>37987</c:v>
                </c:pt>
                <c:pt idx="93">
                  <c:v>38018</c:v>
                </c:pt>
                <c:pt idx="94">
                  <c:v>38047</c:v>
                </c:pt>
                <c:pt idx="95">
                  <c:v>38078</c:v>
                </c:pt>
                <c:pt idx="96">
                  <c:v>38108</c:v>
                </c:pt>
                <c:pt idx="97">
                  <c:v>38139</c:v>
                </c:pt>
                <c:pt idx="98">
                  <c:v>38169</c:v>
                </c:pt>
                <c:pt idx="99">
                  <c:v>38200</c:v>
                </c:pt>
                <c:pt idx="100">
                  <c:v>38231</c:v>
                </c:pt>
                <c:pt idx="101">
                  <c:v>38261</c:v>
                </c:pt>
                <c:pt idx="102">
                  <c:v>38292</c:v>
                </c:pt>
                <c:pt idx="103">
                  <c:v>38322</c:v>
                </c:pt>
                <c:pt idx="104">
                  <c:v>38353</c:v>
                </c:pt>
                <c:pt idx="105">
                  <c:v>38384</c:v>
                </c:pt>
                <c:pt idx="106">
                  <c:v>38412</c:v>
                </c:pt>
                <c:pt idx="107">
                  <c:v>38443</c:v>
                </c:pt>
                <c:pt idx="108">
                  <c:v>38473</c:v>
                </c:pt>
                <c:pt idx="109">
                  <c:v>38504</c:v>
                </c:pt>
                <c:pt idx="110">
                  <c:v>38534</c:v>
                </c:pt>
                <c:pt idx="111">
                  <c:v>38565</c:v>
                </c:pt>
                <c:pt idx="112">
                  <c:v>38596</c:v>
                </c:pt>
                <c:pt idx="113">
                  <c:v>38626</c:v>
                </c:pt>
                <c:pt idx="114">
                  <c:v>38657</c:v>
                </c:pt>
                <c:pt idx="115">
                  <c:v>38687</c:v>
                </c:pt>
                <c:pt idx="116">
                  <c:v>38718</c:v>
                </c:pt>
                <c:pt idx="117">
                  <c:v>38749</c:v>
                </c:pt>
                <c:pt idx="118">
                  <c:v>38777</c:v>
                </c:pt>
                <c:pt idx="119">
                  <c:v>38808</c:v>
                </c:pt>
                <c:pt idx="120">
                  <c:v>38838</c:v>
                </c:pt>
                <c:pt idx="121">
                  <c:v>38869</c:v>
                </c:pt>
                <c:pt idx="122">
                  <c:v>38899</c:v>
                </c:pt>
                <c:pt idx="123">
                  <c:v>38930</c:v>
                </c:pt>
                <c:pt idx="124">
                  <c:v>38961</c:v>
                </c:pt>
                <c:pt idx="125">
                  <c:v>38991</c:v>
                </c:pt>
                <c:pt idx="126">
                  <c:v>39022</c:v>
                </c:pt>
                <c:pt idx="127">
                  <c:v>39052</c:v>
                </c:pt>
                <c:pt idx="128">
                  <c:v>39083</c:v>
                </c:pt>
                <c:pt idx="129">
                  <c:v>39114</c:v>
                </c:pt>
                <c:pt idx="130">
                  <c:v>39142</c:v>
                </c:pt>
                <c:pt idx="131">
                  <c:v>39173</c:v>
                </c:pt>
                <c:pt idx="132">
                  <c:v>39203</c:v>
                </c:pt>
                <c:pt idx="133">
                  <c:v>39234</c:v>
                </c:pt>
                <c:pt idx="134">
                  <c:v>39264</c:v>
                </c:pt>
                <c:pt idx="135">
                  <c:v>39295</c:v>
                </c:pt>
                <c:pt idx="136">
                  <c:v>39326</c:v>
                </c:pt>
                <c:pt idx="137">
                  <c:v>39356</c:v>
                </c:pt>
                <c:pt idx="138">
                  <c:v>39387</c:v>
                </c:pt>
                <c:pt idx="139">
                  <c:v>39417</c:v>
                </c:pt>
                <c:pt idx="140">
                  <c:v>39448</c:v>
                </c:pt>
                <c:pt idx="141">
                  <c:v>39479</c:v>
                </c:pt>
                <c:pt idx="142">
                  <c:v>39508</c:v>
                </c:pt>
                <c:pt idx="143">
                  <c:v>39539</c:v>
                </c:pt>
                <c:pt idx="144">
                  <c:v>39569</c:v>
                </c:pt>
                <c:pt idx="145">
                  <c:v>39600</c:v>
                </c:pt>
                <c:pt idx="146">
                  <c:v>39630</c:v>
                </c:pt>
                <c:pt idx="147">
                  <c:v>39661</c:v>
                </c:pt>
                <c:pt idx="148">
                  <c:v>39692</c:v>
                </c:pt>
                <c:pt idx="149">
                  <c:v>39722</c:v>
                </c:pt>
                <c:pt idx="150">
                  <c:v>39753</c:v>
                </c:pt>
                <c:pt idx="151">
                  <c:v>39783</c:v>
                </c:pt>
                <c:pt idx="152">
                  <c:v>39814</c:v>
                </c:pt>
                <c:pt idx="153">
                  <c:v>39845</c:v>
                </c:pt>
                <c:pt idx="154">
                  <c:v>39873</c:v>
                </c:pt>
                <c:pt idx="155">
                  <c:v>39904</c:v>
                </c:pt>
                <c:pt idx="156">
                  <c:v>39934</c:v>
                </c:pt>
                <c:pt idx="157">
                  <c:v>39965</c:v>
                </c:pt>
                <c:pt idx="158">
                  <c:v>39995</c:v>
                </c:pt>
                <c:pt idx="159">
                  <c:v>40026</c:v>
                </c:pt>
                <c:pt idx="160">
                  <c:v>40057</c:v>
                </c:pt>
                <c:pt idx="161">
                  <c:v>40087</c:v>
                </c:pt>
                <c:pt idx="162">
                  <c:v>40118</c:v>
                </c:pt>
                <c:pt idx="163">
                  <c:v>40148</c:v>
                </c:pt>
                <c:pt idx="164">
                  <c:v>40179</c:v>
                </c:pt>
                <c:pt idx="165">
                  <c:v>40210</c:v>
                </c:pt>
                <c:pt idx="166">
                  <c:v>40238</c:v>
                </c:pt>
                <c:pt idx="167">
                  <c:v>40269</c:v>
                </c:pt>
                <c:pt idx="168">
                  <c:v>40299</c:v>
                </c:pt>
                <c:pt idx="169">
                  <c:v>40330</c:v>
                </c:pt>
                <c:pt idx="170">
                  <c:v>40360</c:v>
                </c:pt>
                <c:pt idx="171">
                  <c:v>40391</c:v>
                </c:pt>
                <c:pt idx="172">
                  <c:v>40422</c:v>
                </c:pt>
                <c:pt idx="173">
                  <c:v>40452</c:v>
                </c:pt>
                <c:pt idx="174">
                  <c:v>40483</c:v>
                </c:pt>
                <c:pt idx="175">
                  <c:v>40513</c:v>
                </c:pt>
                <c:pt idx="176">
                  <c:v>40544</c:v>
                </c:pt>
                <c:pt idx="177">
                  <c:v>40575</c:v>
                </c:pt>
                <c:pt idx="178">
                  <c:v>40603</c:v>
                </c:pt>
                <c:pt idx="179">
                  <c:v>40634</c:v>
                </c:pt>
                <c:pt idx="180">
                  <c:v>40664</c:v>
                </c:pt>
                <c:pt idx="181">
                  <c:v>40695</c:v>
                </c:pt>
                <c:pt idx="182">
                  <c:v>40725</c:v>
                </c:pt>
                <c:pt idx="183">
                  <c:v>40756</c:v>
                </c:pt>
                <c:pt idx="184">
                  <c:v>40787</c:v>
                </c:pt>
                <c:pt idx="185">
                  <c:v>40817</c:v>
                </c:pt>
                <c:pt idx="186">
                  <c:v>40848</c:v>
                </c:pt>
                <c:pt idx="187">
                  <c:v>40878</c:v>
                </c:pt>
              </c:numCache>
            </c:numRef>
          </c:cat>
          <c:val>
            <c:numRef>
              <c:f>'Residential VOL Regn South'!$G$57:$G$244</c:f>
              <c:numCache>
                <c:formatCode>_-* #,##0_-;\-* #,##0_-;_-* "-"??_-;_-@_-</c:formatCode>
                <c:ptCount val="188"/>
                <c:pt idx="0">
                  <c:v>2189036.16</c:v>
                </c:pt>
                <c:pt idx="1">
                  <c:v>2190075.1800000002</c:v>
                </c:pt>
                <c:pt idx="2">
                  <c:v>2191307.5250000004</c:v>
                </c:pt>
                <c:pt idx="3">
                  <c:v>2192266.8730000006</c:v>
                </c:pt>
                <c:pt idx="4">
                  <c:v>2184174.568</c:v>
                </c:pt>
                <c:pt idx="5">
                  <c:v>2199048.4749999996</c:v>
                </c:pt>
                <c:pt idx="6">
                  <c:v>2201508.9309999999</c:v>
                </c:pt>
                <c:pt idx="7">
                  <c:v>2141824.5520000001</c:v>
                </c:pt>
                <c:pt idx="8">
                  <c:v>2191359.8459999999</c:v>
                </c:pt>
                <c:pt idx="9">
                  <c:v>2139251.6119999997</c:v>
                </c:pt>
                <c:pt idx="10">
                  <c:v>2097006.74</c:v>
                </c:pt>
                <c:pt idx="11">
                  <c:v>2088738.2289999998</c:v>
                </c:pt>
                <c:pt idx="12">
                  <c:v>2117633.7079999996</c:v>
                </c:pt>
                <c:pt idx="13">
                  <c:v>2119268.19</c:v>
                </c:pt>
                <c:pt idx="14">
                  <c:v>2120933.2599999998</c:v>
                </c:pt>
                <c:pt idx="15">
                  <c:v>2122816.88</c:v>
                </c:pt>
                <c:pt idx="16">
                  <c:v>2124703.2919999999</c:v>
                </c:pt>
                <c:pt idx="17">
                  <c:v>2128240.659</c:v>
                </c:pt>
                <c:pt idx="18">
                  <c:v>2115121.0249999999</c:v>
                </c:pt>
                <c:pt idx="19">
                  <c:v>2125239.8830000004</c:v>
                </c:pt>
                <c:pt idx="20">
                  <c:v>2052844.4129999997</c:v>
                </c:pt>
                <c:pt idx="21">
                  <c:v>2020283.6720000003</c:v>
                </c:pt>
                <c:pt idx="22">
                  <c:v>1985049.061</c:v>
                </c:pt>
                <c:pt idx="23">
                  <c:v>1948581.9879999999</c:v>
                </c:pt>
                <c:pt idx="24">
                  <c:v>1866551.365</c:v>
                </c:pt>
                <c:pt idx="25">
                  <c:v>1868314.6569999999</c:v>
                </c:pt>
                <c:pt idx="26">
                  <c:v>1869902.5720000002</c:v>
                </c:pt>
                <c:pt idx="27">
                  <c:v>1871261.977</c:v>
                </c:pt>
                <c:pt idx="28">
                  <c:v>1872213.4450000001</c:v>
                </c:pt>
                <c:pt idx="29">
                  <c:v>1859869.8330000001</c:v>
                </c:pt>
                <c:pt idx="30">
                  <c:v>1823402.3370000003</c:v>
                </c:pt>
                <c:pt idx="31">
                  <c:v>1796096.7680000002</c:v>
                </c:pt>
                <c:pt idx="32">
                  <c:v>1871406.67</c:v>
                </c:pt>
                <c:pt idx="33">
                  <c:v>1889568.1169999999</c:v>
                </c:pt>
                <c:pt idx="34">
                  <c:v>1926118.253</c:v>
                </c:pt>
                <c:pt idx="35">
                  <c:v>1933908.1929999997</c:v>
                </c:pt>
                <c:pt idx="36">
                  <c:v>1948937.9779999999</c:v>
                </c:pt>
                <c:pt idx="37">
                  <c:v>1949896.6139999998</c:v>
                </c:pt>
                <c:pt idx="38">
                  <c:v>1950827.3979999998</c:v>
                </c:pt>
                <c:pt idx="39">
                  <c:v>1952113.095</c:v>
                </c:pt>
                <c:pt idx="40">
                  <c:v>1953368.0940000003</c:v>
                </c:pt>
                <c:pt idx="41">
                  <c:v>1967452.308</c:v>
                </c:pt>
                <c:pt idx="42">
                  <c:v>1963491.6519999998</c:v>
                </c:pt>
                <c:pt idx="43">
                  <c:v>1982760.487</c:v>
                </c:pt>
                <c:pt idx="44">
                  <c:v>1972164.3839999998</c:v>
                </c:pt>
                <c:pt idx="45">
                  <c:v>1990464.7459999998</c:v>
                </c:pt>
                <c:pt idx="46">
                  <c:v>1927408.4339999999</c:v>
                </c:pt>
                <c:pt idx="47">
                  <c:v>1945510.7139999999</c:v>
                </c:pt>
                <c:pt idx="48">
                  <c:v>1957996.7789999999</c:v>
                </c:pt>
                <c:pt idx="49">
                  <c:v>1959095.0059999998</c:v>
                </c:pt>
                <c:pt idx="50">
                  <c:v>1960326.0929999999</c:v>
                </c:pt>
                <c:pt idx="51">
                  <c:v>1961503.4999999998</c:v>
                </c:pt>
                <c:pt idx="52">
                  <c:v>1968619.2689999996</c:v>
                </c:pt>
                <c:pt idx="53">
                  <c:v>1956298.6909999996</c:v>
                </c:pt>
                <c:pt idx="54">
                  <c:v>1982127.6459999997</c:v>
                </c:pt>
                <c:pt idx="55">
                  <c:v>2081265.4019999998</c:v>
                </c:pt>
                <c:pt idx="56">
                  <c:v>2060713.1950000001</c:v>
                </c:pt>
                <c:pt idx="57">
                  <c:v>2067730.2110000001</c:v>
                </c:pt>
                <c:pt idx="58">
                  <c:v>2140313.5019999999</c:v>
                </c:pt>
                <c:pt idx="59">
                  <c:v>2118261.6969999997</c:v>
                </c:pt>
                <c:pt idx="60">
                  <c:v>2115418.852</c:v>
                </c:pt>
                <c:pt idx="61">
                  <c:v>2116478.2280000001</c:v>
                </c:pt>
                <c:pt idx="62">
                  <c:v>2117517.5220000003</c:v>
                </c:pt>
                <c:pt idx="63">
                  <c:v>2118567.213</c:v>
                </c:pt>
                <c:pt idx="64">
                  <c:v>2117465.4970000004</c:v>
                </c:pt>
                <c:pt idx="65">
                  <c:v>2123422.9879999999</c:v>
                </c:pt>
                <c:pt idx="66">
                  <c:v>2079059.7930000001</c:v>
                </c:pt>
                <c:pt idx="67">
                  <c:v>1960193.1409999998</c:v>
                </c:pt>
                <c:pt idx="68">
                  <c:v>1911466.85</c:v>
                </c:pt>
                <c:pt idx="69">
                  <c:v>1889932.1200000003</c:v>
                </c:pt>
                <c:pt idx="70">
                  <c:v>1878024.345</c:v>
                </c:pt>
                <c:pt idx="71">
                  <c:v>1894335.713</c:v>
                </c:pt>
                <c:pt idx="72">
                  <c:v>1938513.378</c:v>
                </c:pt>
                <c:pt idx="73">
                  <c:v>1939518.4720000003</c:v>
                </c:pt>
                <c:pt idx="74">
                  <c:v>1940512.1290000002</c:v>
                </c:pt>
                <c:pt idx="75">
                  <c:v>1941553.1190000002</c:v>
                </c:pt>
                <c:pt idx="76">
                  <c:v>1938835.28</c:v>
                </c:pt>
                <c:pt idx="77">
                  <c:v>1960423.8320000004</c:v>
                </c:pt>
                <c:pt idx="78">
                  <c:v>2011736.8160000003</c:v>
                </c:pt>
                <c:pt idx="79">
                  <c:v>2061937.3760000002</c:v>
                </c:pt>
                <c:pt idx="80">
                  <c:v>2172304.821</c:v>
                </c:pt>
                <c:pt idx="81">
                  <c:v>2250781.2849999997</c:v>
                </c:pt>
                <c:pt idx="82">
                  <c:v>2263203.2769999998</c:v>
                </c:pt>
                <c:pt idx="83">
                  <c:v>2281769.5019999999</c:v>
                </c:pt>
                <c:pt idx="84">
                  <c:v>2272264.4270000001</c:v>
                </c:pt>
                <c:pt idx="85">
                  <c:v>2273394.1180000002</c:v>
                </c:pt>
                <c:pt idx="86">
                  <c:v>2274481.0729999999</c:v>
                </c:pt>
                <c:pt idx="87">
                  <c:v>2275543.4579999996</c:v>
                </c:pt>
                <c:pt idx="88">
                  <c:v>2276579.523</c:v>
                </c:pt>
                <c:pt idx="89">
                  <c:v>2270605.2940000002</c:v>
                </c:pt>
                <c:pt idx="90">
                  <c:v>2247252.4990000003</c:v>
                </c:pt>
                <c:pt idx="91">
                  <c:v>2221863.3559999997</c:v>
                </c:pt>
                <c:pt idx="92">
                  <c:v>2240607.1129999999</c:v>
                </c:pt>
                <c:pt idx="93">
                  <c:v>2206501.3339999998</c:v>
                </c:pt>
                <c:pt idx="94">
                  <c:v>2172208.1830000002</c:v>
                </c:pt>
                <c:pt idx="95">
                  <c:v>2152345.4600000004</c:v>
                </c:pt>
                <c:pt idx="96">
                  <c:v>2134026.648</c:v>
                </c:pt>
                <c:pt idx="97">
                  <c:v>2135255.5460000001</c:v>
                </c:pt>
                <c:pt idx="98">
                  <c:v>2136532.7620000001</c:v>
                </c:pt>
                <c:pt idx="99">
                  <c:v>2137827.6520000002</c:v>
                </c:pt>
                <c:pt idx="100">
                  <c:v>2139170.0389999999</c:v>
                </c:pt>
                <c:pt idx="101">
                  <c:v>2125990.8840000001</c:v>
                </c:pt>
                <c:pt idx="102">
                  <c:v>2129472.6829999997</c:v>
                </c:pt>
                <c:pt idx="103">
                  <c:v>2158990.128</c:v>
                </c:pt>
                <c:pt idx="104">
                  <c:v>2125737.872</c:v>
                </c:pt>
                <c:pt idx="105">
                  <c:v>2119870.7379999999</c:v>
                </c:pt>
                <c:pt idx="106">
                  <c:v>2177265.8650000002</c:v>
                </c:pt>
                <c:pt idx="107">
                  <c:v>2177558.8360000001</c:v>
                </c:pt>
                <c:pt idx="108">
                  <c:v>2195484.9770000004</c:v>
                </c:pt>
                <c:pt idx="109">
                  <c:v>2196547.8000000003</c:v>
                </c:pt>
                <c:pt idx="110">
                  <c:v>2197568.2149999999</c:v>
                </c:pt>
                <c:pt idx="111">
                  <c:v>2198594.2120000003</c:v>
                </c:pt>
                <c:pt idx="112">
                  <c:v>2199672.0830000001</c:v>
                </c:pt>
                <c:pt idx="113">
                  <c:v>2198949.2820000001</c:v>
                </c:pt>
                <c:pt idx="114">
                  <c:v>2201632.2379999999</c:v>
                </c:pt>
                <c:pt idx="115">
                  <c:v>2221994.73</c:v>
                </c:pt>
                <c:pt idx="116">
                  <c:v>2113096.7059999998</c:v>
                </c:pt>
                <c:pt idx="117">
                  <c:v>2108040.21</c:v>
                </c:pt>
                <c:pt idx="118">
                  <c:v>2063993.6830000002</c:v>
                </c:pt>
                <c:pt idx="119">
                  <c:v>2053530.5589999999</c:v>
                </c:pt>
                <c:pt idx="120">
                  <c:v>2035306.2859999998</c:v>
                </c:pt>
                <c:pt idx="121">
                  <c:v>2036383.6649999998</c:v>
                </c:pt>
                <c:pt idx="122">
                  <c:v>2037461.1529999999</c:v>
                </c:pt>
                <c:pt idx="123">
                  <c:v>2038495.577</c:v>
                </c:pt>
                <c:pt idx="124">
                  <c:v>2043027.004</c:v>
                </c:pt>
                <c:pt idx="125">
                  <c:v>2066709.4620000003</c:v>
                </c:pt>
                <c:pt idx="126">
                  <c:v>2064460.9240000001</c:v>
                </c:pt>
                <c:pt idx="127">
                  <c:v>1985713.4469999999</c:v>
                </c:pt>
                <c:pt idx="128">
                  <c:v>2037510.1189999999</c:v>
                </c:pt>
                <c:pt idx="129">
                  <c:v>2104525.611</c:v>
                </c:pt>
                <c:pt idx="130">
                  <c:v>2106055.585</c:v>
                </c:pt>
                <c:pt idx="131">
                  <c:v>2136861.969</c:v>
                </c:pt>
                <c:pt idx="132">
                  <c:v>2127783.1780000003</c:v>
                </c:pt>
                <c:pt idx="133">
                  <c:v>2128677.9570000004</c:v>
                </c:pt>
                <c:pt idx="134">
                  <c:v>2129566.17</c:v>
                </c:pt>
                <c:pt idx="135">
                  <c:v>2130496.352</c:v>
                </c:pt>
                <c:pt idx="136">
                  <c:v>2127841.159</c:v>
                </c:pt>
                <c:pt idx="137">
                  <c:v>2080455.9080000001</c:v>
                </c:pt>
                <c:pt idx="138">
                  <c:v>2110142.2719999999</c:v>
                </c:pt>
                <c:pt idx="139">
                  <c:v>2198225.0589999999</c:v>
                </c:pt>
                <c:pt idx="140">
                  <c:v>2221394.8529999997</c:v>
                </c:pt>
                <c:pt idx="141">
                  <c:v>2190841.71</c:v>
                </c:pt>
                <c:pt idx="142">
                  <c:v>2256800.3989999997</c:v>
                </c:pt>
                <c:pt idx="143">
                  <c:v>2219996.5290000001</c:v>
                </c:pt>
                <c:pt idx="144">
                  <c:v>2250670.4530000002</c:v>
                </c:pt>
                <c:pt idx="145">
                  <c:v>2251542.1939999997</c:v>
                </c:pt>
                <c:pt idx="146">
                  <c:v>2252335.6859999998</c:v>
                </c:pt>
                <c:pt idx="147">
                  <c:v>2253192.38</c:v>
                </c:pt>
                <c:pt idx="148">
                  <c:v>2254039.0050000004</c:v>
                </c:pt>
                <c:pt idx="149">
                  <c:v>2298204.7250000001</c:v>
                </c:pt>
                <c:pt idx="150">
                  <c:v>2296516.8859999999</c:v>
                </c:pt>
                <c:pt idx="151">
                  <c:v>2315893.094</c:v>
                </c:pt>
                <c:pt idx="152">
                  <c:v>2381811.1019999995</c:v>
                </c:pt>
                <c:pt idx="153">
                  <c:v>2346813.5489999996</c:v>
                </c:pt>
                <c:pt idx="154">
                  <c:v>2282588.5159999998</c:v>
                </c:pt>
                <c:pt idx="155">
                  <c:v>2300911.8490000004</c:v>
                </c:pt>
                <c:pt idx="156">
                  <c:v>2282183.6310000001</c:v>
                </c:pt>
                <c:pt idx="157">
                  <c:v>2282935.0989999999</c:v>
                </c:pt>
                <c:pt idx="158">
                  <c:v>2283732.1480000005</c:v>
                </c:pt>
                <c:pt idx="159">
                  <c:v>2284438.4720000005</c:v>
                </c:pt>
                <c:pt idx="160">
                  <c:v>2285082.3600000003</c:v>
                </c:pt>
                <c:pt idx="161">
                  <c:v>2290669.6170000001</c:v>
                </c:pt>
                <c:pt idx="162">
                  <c:v>2254095.9169999999</c:v>
                </c:pt>
                <c:pt idx="163">
                  <c:v>2206532.6739999996</c:v>
                </c:pt>
                <c:pt idx="164">
                  <c:v>2186513.4309999999</c:v>
                </c:pt>
                <c:pt idx="165">
                  <c:v>2191585.3560000001</c:v>
                </c:pt>
                <c:pt idx="166">
                  <c:v>2158678.4080000003</c:v>
                </c:pt>
                <c:pt idx="167">
                  <c:v>2122528.2510000002</c:v>
                </c:pt>
                <c:pt idx="168">
                  <c:v>2113016.42</c:v>
                </c:pt>
                <c:pt idx="169">
                  <c:v>2113710.0489999996</c:v>
                </c:pt>
                <c:pt idx="170">
                  <c:v>2114563.1309999996</c:v>
                </c:pt>
                <c:pt idx="171">
                  <c:v>2115238.3729999997</c:v>
                </c:pt>
                <c:pt idx="172">
                  <c:v>2115990.716</c:v>
                </c:pt>
                <c:pt idx="173">
                  <c:v>2098679.8639999996</c:v>
                </c:pt>
                <c:pt idx="174">
                  <c:v>2121895.2469999995</c:v>
                </c:pt>
                <c:pt idx="175">
                  <c:v>2178006.8989999997</c:v>
                </c:pt>
                <c:pt idx="176">
                  <c:v>2179309.682</c:v>
                </c:pt>
                <c:pt idx="177">
                  <c:v>2195090.8369999998</c:v>
                </c:pt>
                <c:pt idx="178">
                  <c:v>2255398.361</c:v>
                </c:pt>
                <c:pt idx="179">
                  <c:v>2305953.8940000003</c:v>
                </c:pt>
                <c:pt idx="180">
                  <c:v>2316173.4390000002</c:v>
                </c:pt>
                <c:pt idx="181">
                  <c:v>2316835.8219999997</c:v>
                </c:pt>
                <c:pt idx="182">
                  <c:v>2317355.9339999999</c:v>
                </c:pt>
                <c:pt idx="183">
                  <c:v>2318053.1199999996</c:v>
                </c:pt>
                <c:pt idx="184">
                  <c:v>2318760.3189999997</c:v>
                </c:pt>
                <c:pt idx="185">
                  <c:v>2319949.773</c:v>
                </c:pt>
                <c:pt idx="186">
                  <c:v>2291554.0389999999</c:v>
                </c:pt>
                <c:pt idx="187">
                  <c:v>2192507.2799999998</c:v>
                </c:pt>
              </c:numCache>
            </c:numRef>
          </c:val>
        </c:ser>
        <c:marker val="1"/>
        <c:axId val="46783488"/>
        <c:axId val="46805760"/>
      </c:lineChart>
      <c:dateAx>
        <c:axId val="46783488"/>
        <c:scaling>
          <c:orientation val="minMax"/>
        </c:scaling>
        <c:axPos val="b"/>
        <c:numFmt formatCode="mmm\-yy" sourceLinked="1"/>
        <c:tickLblPos val="nextTo"/>
        <c:crossAx val="46805760"/>
        <c:crosses val="autoZero"/>
        <c:auto val="1"/>
        <c:lblOffset val="100"/>
      </c:dateAx>
      <c:valAx>
        <c:axId val="46805760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</c:title>
        <c:numFmt formatCode="_-* #,##0_-;\-* #,##0_-;_-* &quot;-&quot;??_-;_-@_-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6783488"/>
        <c:crosses val="autoZero"/>
        <c:crossBetween val="between"/>
      </c:valAx>
    </c:plotArea>
    <c:legend>
      <c:legendPos val="b"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2" l="0.70000000000000062" r="0.70000000000000062" t="0.750000000000002" header="0.30000000000000032" footer="0.30000000000000032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Residential Volume Regression Residuals</a:t>
            </a:r>
          </a:p>
        </c:rich>
      </c:tx>
    </c:title>
    <c:plotArea>
      <c:layout/>
      <c:scatterChart>
        <c:scatterStyle val="lineMarker"/>
        <c:ser>
          <c:idx val="0"/>
          <c:order val="0"/>
          <c:tx>
            <c:strRef>
              <c:f>'Residential VOL Regn South'!$D$45</c:f>
              <c:strCache>
                <c:ptCount val="1"/>
                <c:pt idx="0">
                  <c:v>Residuals</c:v>
                </c:pt>
              </c:strCache>
            </c:strRef>
          </c:tx>
          <c:spPr>
            <a:ln w="28575">
              <a:noFill/>
            </a:ln>
          </c:spPr>
          <c:xVal>
            <c:numRef>
              <c:f>'Residential VOL Regn South'!$A$46:$A$244</c:f>
              <c:numCache>
                <c:formatCode>mmm\-yy</c:formatCode>
                <c:ptCount val="199"/>
                <c:pt idx="0">
                  <c:v>34851</c:v>
                </c:pt>
                <c:pt idx="1">
                  <c:v>34881</c:v>
                </c:pt>
                <c:pt idx="2">
                  <c:v>34912</c:v>
                </c:pt>
                <c:pt idx="3">
                  <c:v>34943</c:v>
                </c:pt>
                <c:pt idx="4">
                  <c:v>34973</c:v>
                </c:pt>
                <c:pt idx="5">
                  <c:v>35004</c:v>
                </c:pt>
                <c:pt idx="6">
                  <c:v>35034</c:v>
                </c:pt>
                <c:pt idx="7">
                  <c:v>35065</c:v>
                </c:pt>
                <c:pt idx="8">
                  <c:v>35096</c:v>
                </c:pt>
                <c:pt idx="9">
                  <c:v>35125</c:v>
                </c:pt>
                <c:pt idx="10">
                  <c:v>35156</c:v>
                </c:pt>
                <c:pt idx="11">
                  <c:v>35186</c:v>
                </c:pt>
                <c:pt idx="12">
                  <c:v>35217</c:v>
                </c:pt>
                <c:pt idx="13">
                  <c:v>35247</c:v>
                </c:pt>
                <c:pt idx="14">
                  <c:v>35278</c:v>
                </c:pt>
                <c:pt idx="15">
                  <c:v>35309</c:v>
                </c:pt>
                <c:pt idx="16">
                  <c:v>35339</c:v>
                </c:pt>
                <c:pt idx="17">
                  <c:v>35370</c:v>
                </c:pt>
                <c:pt idx="18">
                  <c:v>35400</c:v>
                </c:pt>
                <c:pt idx="19">
                  <c:v>35431</c:v>
                </c:pt>
                <c:pt idx="20">
                  <c:v>35462</c:v>
                </c:pt>
                <c:pt idx="21">
                  <c:v>35490</c:v>
                </c:pt>
                <c:pt idx="22">
                  <c:v>35521</c:v>
                </c:pt>
                <c:pt idx="23">
                  <c:v>35551</c:v>
                </c:pt>
                <c:pt idx="24">
                  <c:v>35582</c:v>
                </c:pt>
                <c:pt idx="25">
                  <c:v>35612</c:v>
                </c:pt>
                <c:pt idx="26">
                  <c:v>35643</c:v>
                </c:pt>
                <c:pt idx="27">
                  <c:v>35674</c:v>
                </c:pt>
                <c:pt idx="28">
                  <c:v>35704</c:v>
                </c:pt>
                <c:pt idx="29">
                  <c:v>35735</c:v>
                </c:pt>
                <c:pt idx="30">
                  <c:v>35765</c:v>
                </c:pt>
                <c:pt idx="31">
                  <c:v>35796</c:v>
                </c:pt>
                <c:pt idx="32">
                  <c:v>35827</c:v>
                </c:pt>
                <c:pt idx="33">
                  <c:v>35855</c:v>
                </c:pt>
                <c:pt idx="34">
                  <c:v>35886</c:v>
                </c:pt>
                <c:pt idx="35">
                  <c:v>35916</c:v>
                </c:pt>
                <c:pt idx="36">
                  <c:v>35947</c:v>
                </c:pt>
                <c:pt idx="37">
                  <c:v>35977</c:v>
                </c:pt>
                <c:pt idx="38">
                  <c:v>36008</c:v>
                </c:pt>
                <c:pt idx="39">
                  <c:v>36039</c:v>
                </c:pt>
                <c:pt idx="40">
                  <c:v>36069</c:v>
                </c:pt>
                <c:pt idx="41">
                  <c:v>36100</c:v>
                </c:pt>
                <c:pt idx="42">
                  <c:v>36130</c:v>
                </c:pt>
                <c:pt idx="43">
                  <c:v>36161</c:v>
                </c:pt>
                <c:pt idx="44">
                  <c:v>36192</c:v>
                </c:pt>
                <c:pt idx="45">
                  <c:v>36220</c:v>
                </c:pt>
                <c:pt idx="46">
                  <c:v>36251</c:v>
                </c:pt>
                <c:pt idx="47">
                  <c:v>36281</c:v>
                </c:pt>
                <c:pt idx="48">
                  <c:v>36312</c:v>
                </c:pt>
                <c:pt idx="49">
                  <c:v>36342</c:v>
                </c:pt>
                <c:pt idx="50">
                  <c:v>36373</c:v>
                </c:pt>
                <c:pt idx="51">
                  <c:v>36404</c:v>
                </c:pt>
                <c:pt idx="52">
                  <c:v>36434</c:v>
                </c:pt>
                <c:pt idx="53">
                  <c:v>36465</c:v>
                </c:pt>
                <c:pt idx="54">
                  <c:v>36495</c:v>
                </c:pt>
                <c:pt idx="55">
                  <c:v>36526</c:v>
                </c:pt>
                <c:pt idx="56">
                  <c:v>36557</c:v>
                </c:pt>
                <c:pt idx="57">
                  <c:v>36586</c:v>
                </c:pt>
                <c:pt idx="58">
                  <c:v>36617</c:v>
                </c:pt>
                <c:pt idx="59">
                  <c:v>36647</c:v>
                </c:pt>
                <c:pt idx="60">
                  <c:v>36678</c:v>
                </c:pt>
                <c:pt idx="61">
                  <c:v>36708</c:v>
                </c:pt>
                <c:pt idx="62">
                  <c:v>36739</c:v>
                </c:pt>
                <c:pt idx="63">
                  <c:v>36770</c:v>
                </c:pt>
                <c:pt idx="64">
                  <c:v>36800</c:v>
                </c:pt>
                <c:pt idx="65">
                  <c:v>36831</c:v>
                </c:pt>
                <c:pt idx="66">
                  <c:v>36861</c:v>
                </c:pt>
                <c:pt idx="67">
                  <c:v>36892</c:v>
                </c:pt>
                <c:pt idx="68">
                  <c:v>36923</c:v>
                </c:pt>
                <c:pt idx="69">
                  <c:v>36951</c:v>
                </c:pt>
                <c:pt idx="70">
                  <c:v>36982</c:v>
                </c:pt>
                <c:pt idx="71">
                  <c:v>37012</c:v>
                </c:pt>
                <c:pt idx="72">
                  <c:v>37043</c:v>
                </c:pt>
                <c:pt idx="73">
                  <c:v>37073</c:v>
                </c:pt>
                <c:pt idx="74">
                  <c:v>37104</c:v>
                </c:pt>
                <c:pt idx="75">
                  <c:v>37135</c:v>
                </c:pt>
                <c:pt idx="76">
                  <c:v>37165</c:v>
                </c:pt>
                <c:pt idx="77">
                  <c:v>37196</c:v>
                </c:pt>
                <c:pt idx="78">
                  <c:v>37226</c:v>
                </c:pt>
                <c:pt idx="79">
                  <c:v>37257</c:v>
                </c:pt>
                <c:pt idx="80">
                  <c:v>37288</c:v>
                </c:pt>
                <c:pt idx="81">
                  <c:v>37316</c:v>
                </c:pt>
                <c:pt idx="82">
                  <c:v>37347</c:v>
                </c:pt>
                <c:pt idx="83">
                  <c:v>37377</c:v>
                </c:pt>
                <c:pt idx="84">
                  <c:v>37408</c:v>
                </c:pt>
                <c:pt idx="85">
                  <c:v>37438</c:v>
                </c:pt>
                <c:pt idx="86">
                  <c:v>37469</c:v>
                </c:pt>
                <c:pt idx="87">
                  <c:v>37500</c:v>
                </c:pt>
                <c:pt idx="88">
                  <c:v>37530</c:v>
                </c:pt>
                <c:pt idx="89">
                  <c:v>37561</c:v>
                </c:pt>
                <c:pt idx="90">
                  <c:v>37591</c:v>
                </c:pt>
                <c:pt idx="91">
                  <c:v>37622</c:v>
                </c:pt>
                <c:pt idx="92">
                  <c:v>37653</c:v>
                </c:pt>
                <c:pt idx="93">
                  <c:v>37681</c:v>
                </c:pt>
                <c:pt idx="94">
                  <c:v>37712</c:v>
                </c:pt>
                <c:pt idx="95">
                  <c:v>37742</c:v>
                </c:pt>
                <c:pt idx="96">
                  <c:v>37773</c:v>
                </c:pt>
                <c:pt idx="97">
                  <c:v>37803</c:v>
                </c:pt>
                <c:pt idx="98">
                  <c:v>37834</c:v>
                </c:pt>
                <c:pt idx="99">
                  <c:v>37865</c:v>
                </c:pt>
                <c:pt idx="100">
                  <c:v>37895</c:v>
                </c:pt>
                <c:pt idx="101">
                  <c:v>37926</c:v>
                </c:pt>
                <c:pt idx="102">
                  <c:v>37956</c:v>
                </c:pt>
                <c:pt idx="103">
                  <c:v>37987</c:v>
                </c:pt>
                <c:pt idx="104">
                  <c:v>38018</c:v>
                </c:pt>
                <c:pt idx="105">
                  <c:v>38047</c:v>
                </c:pt>
                <c:pt idx="106">
                  <c:v>38078</c:v>
                </c:pt>
                <c:pt idx="107">
                  <c:v>38108</c:v>
                </c:pt>
                <c:pt idx="108">
                  <c:v>38139</c:v>
                </c:pt>
                <c:pt idx="109">
                  <c:v>38169</c:v>
                </c:pt>
                <c:pt idx="110">
                  <c:v>38200</c:v>
                </c:pt>
                <c:pt idx="111">
                  <c:v>38231</c:v>
                </c:pt>
                <c:pt idx="112">
                  <c:v>38261</c:v>
                </c:pt>
                <c:pt idx="113">
                  <c:v>38292</c:v>
                </c:pt>
                <c:pt idx="114">
                  <c:v>38322</c:v>
                </c:pt>
                <c:pt idx="115">
                  <c:v>38353</c:v>
                </c:pt>
                <c:pt idx="116">
                  <c:v>38384</c:v>
                </c:pt>
                <c:pt idx="117">
                  <c:v>38412</c:v>
                </c:pt>
                <c:pt idx="118">
                  <c:v>38443</c:v>
                </c:pt>
                <c:pt idx="119">
                  <c:v>38473</c:v>
                </c:pt>
                <c:pt idx="120">
                  <c:v>38504</c:v>
                </c:pt>
                <c:pt idx="121">
                  <c:v>38534</c:v>
                </c:pt>
                <c:pt idx="122">
                  <c:v>38565</c:v>
                </c:pt>
                <c:pt idx="123">
                  <c:v>38596</c:v>
                </c:pt>
                <c:pt idx="124">
                  <c:v>38626</c:v>
                </c:pt>
                <c:pt idx="125">
                  <c:v>38657</c:v>
                </c:pt>
                <c:pt idx="126">
                  <c:v>38687</c:v>
                </c:pt>
                <c:pt idx="127">
                  <c:v>38718</c:v>
                </c:pt>
                <c:pt idx="128">
                  <c:v>38749</c:v>
                </c:pt>
                <c:pt idx="129">
                  <c:v>38777</c:v>
                </c:pt>
                <c:pt idx="130">
                  <c:v>38808</c:v>
                </c:pt>
                <c:pt idx="131">
                  <c:v>38838</c:v>
                </c:pt>
                <c:pt idx="132">
                  <c:v>38869</c:v>
                </c:pt>
                <c:pt idx="133">
                  <c:v>38899</c:v>
                </c:pt>
                <c:pt idx="134">
                  <c:v>38930</c:v>
                </c:pt>
                <c:pt idx="135">
                  <c:v>38961</c:v>
                </c:pt>
                <c:pt idx="136">
                  <c:v>38991</c:v>
                </c:pt>
                <c:pt idx="137">
                  <c:v>39022</c:v>
                </c:pt>
                <c:pt idx="138">
                  <c:v>39052</c:v>
                </c:pt>
                <c:pt idx="139">
                  <c:v>39083</c:v>
                </c:pt>
                <c:pt idx="140">
                  <c:v>39114</c:v>
                </c:pt>
                <c:pt idx="141">
                  <c:v>39142</c:v>
                </c:pt>
                <c:pt idx="142">
                  <c:v>39173</c:v>
                </c:pt>
                <c:pt idx="143">
                  <c:v>39203</c:v>
                </c:pt>
                <c:pt idx="144">
                  <c:v>39234</c:v>
                </c:pt>
                <c:pt idx="145">
                  <c:v>39264</c:v>
                </c:pt>
                <c:pt idx="146">
                  <c:v>39295</c:v>
                </c:pt>
                <c:pt idx="147">
                  <c:v>39326</c:v>
                </c:pt>
                <c:pt idx="148">
                  <c:v>39356</c:v>
                </c:pt>
                <c:pt idx="149">
                  <c:v>39387</c:v>
                </c:pt>
                <c:pt idx="150">
                  <c:v>39417</c:v>
                </c:pt>
                <c:pt idx="151">
                  <c:v>39448</c:v>
                </c:pt>
                <c:pt idx="152">
                  <c:v>39479</c:v>
                </c:pt>
                <c:pt idx="153">
                  <c:v>39508</c:v>
                </c:pt>
                <c:pt idx="154">
                  <c:v>39539</c:v>
                </c:pt>
                <c:pt idx="155">
                  <c:v>39569</c:v>
                </c:pt>
                <c:pt idx="156">
                  <c:v>39600</c:v>
                </c:pt>
                <c:pt idx="157">
                  <c:v>39630</c:v>
                </c:pt>
                <c:pt idx="158">
                  <c:v>39661</c:v>
                </c:pt>
                <c:pt idx="159">
                  <c:v>39692</c:v>
                </c:pt>
                <c:pt idx="160">
                  <c:v>39722</c:v>
                </c:pt>
                <c:pt idx="161">
                  <c:v>39753</c:v>
                </c:pt>
                <c:pt idx="162">
                  <c:v>39783</c:v>
                </c:pt>
                <c:pt idx="163">
                  <c:v>39814</c:v>
                </c:pt>
                <c:pt idx="164">
                  <c:v>39845</c:v>
                </c:pt>
                <c:pt idx="165">
                  <c:v>39873</c:v>
                </c:pt>
                <c:pt idx="166">
                  <c:v>39904</c:v>
                </c:pt>
                <c:pt idx="167">
                  <c:v>39934</c:v>
                </c:pt>
                <c:pt idx="168">
                  <c:v>39965</c:v>
                </c:pt>
                <c:pt idx="169">
                  <c:v>39995</c:v>
                </c:pt>
                <c:pt idx="170">
                  <c:v>40026</c:v>
                </c:pt>
                <c:pt idx="171">
                  <c:v>40057</c:v>
                </c:pt>
                <c:pt idx="172">
                  <c:v>40087</c:v>
                </c:pt>
                <c:pt idx="173">
                  <c:v>40118</c:v>
                </c:pt>
                <c:pt idx="174">
                  <c:v>40148</c:v>
                </c:pt>
                <c:pt idx="175">
                  <c:v>40179</c:v>
                </c:pt>
                <c:pt idx="176">
                  <c:v>40210</c:v>
                </c:pt>
                <c:pt idx="177">
                  <c:v>40238</c:v>
                </c:pt>
                <c:pt idx="178">
                  <c:v>40269</c:v>
                </c:pt>
                <c:pt idx="179">
                  <c:v>40299</c:v>
                </c:pt>
                <c:pt idx="180">
                  <c:v>40330</c:v>
                </c:pt>
                <c:pt idx="181">
                  <c:v>40360</c:v>
                </c:pt>
                <c:pt idx="182">
                  <c:v>40391</c:v>
                </c:pt>
                <c:pt idx="183">
                  <c:v>40422</c:v>
                </c:pt>
                <c:pt idx="184">
                  <c:v>40452</c:v>
                </c:pt>
                <c:pt idx="185">
                  <c:v>40483</c:v>
                </c:pt>
                <c:pt idx="186">
                  <c:v>40513</c:v>
                </c:pt>
                <c:pt idx="187">
                  <c:v>40544</c:v>
                </c:pt>
                <c:pt idx="188">
                  <c:v>40575</c:v>
                </c:pt>
                <c:pt idx="189">
                  <c:v>40603</c:v>
                </c:pt>
                <c:pt idx="190">
                  <c:v>40634</c:v>
                </c:pt>
                <c:pt idx="191">
                  <c:v>40664</c:v>
                </c:pt>
                <c:pt idx="192">
                  <c:v>40695</c:v>
                </c:pt>
                <c:pt idx="193">
                  <c:v>40725</c:v>
                </c:pt>
                <c:pt idx="194">
                  <c:v>40756</c:v>
                </c:pt>
                <c:pt idx="195">
                  <c:v>40787</c:v>
                </c:pt>
                <c:pt idx="196">
                  <c:v>40817</c:v>
                </c:pt>
                <c:pt idx="197">
                  <c:v>40848</c:v>
                </c:pt>
                <c:pt idx="198">
                  <c:v>40878</c:v>
                </c:pt>
              </c:numCache>
            </c:numRef>
          </c:xVal>
          <c:yVal>
            <c:numRef>
              <c:f>'Residential VOL Regn South'!$D$46:$D$244</c:f>
              <c:numCache>
                <c:formatCode>#,##0.0_ ;[Red]\-#,##0.0\ </c:formatCode>
                <c:ptCount val="199"/>
                <c:pt idx="0">
                  <c:v>858.04200000000128</c:v>
                </c:pt>
                <c:pt idx="1">
                  <c:v>956.09999999999854</c:v>
                </c:pt>
                <c:pt idx="2">
                  <c:v>955.00499999999738</c:v>
                </c:pt>
                <c:pt idx="3">
                  <c:v>3468.1690000000017</c:v>
                </c:pt>
                <c:pt idx="4">
                  <c:v>-3309.0120000000024</c:v>
                </c:pt>
                <c:pt idx="5">
                  <c:v>-5125.6490000000049</c:v>
                </c:pt>
                <c:pt idx="6">
                  <c:v>-19172.95199999999</c:v>
                </c:pt>
                <c:pt idx="7">
                  <c:v>0</c:v>
                </c:pt>
                <c:pt idx="8">
                  <c:v>-23151.327000000048</c:v>
                </c:pt>
                <c:pt idx="9">
                  <c:v>-30209.967999999993</c:v>
                </c:pt>
                <c:pt idx="10">
                  <c:v>-2878.359999999986</c:v>
                </c:pt>
                <c:pt idx="11">
                  <c:v>6810.9910000000091</c:v>
                </c:pt>
                <c:pt idx="12">
                  <c:v>3133.9559999999983</c:v>
                </c:pt>
                <c:pt idx="13">
                  <c:v>3038.6889999999985</c:v>
                </c:pt>
                <c:pt idx="14">
                  <c:v>3310.5910000000003</c:v>
                </c:pt>
                <c:pt idx="15">
                  <c:v>13973.873999999996</c:v>
                </c:pt>
                <c:pt idx="16">
                  <c:v>3351.1809999999969</c:v>
                </c:pt>
                <c:pt idx="17">
                  <c:v>-7842.0050000000047</c:v>
                </c:pt>
                <c:pt idx="18">
                  <c:v>-16551.472999999998</c:v>
                </c:pt>
                <c:pt idx="19">
                  <c:v>-29499.893999999971</c:v>
                </c:pt>
                <c:pt idx="20">
                  <c:v>-13875.293000000005</c:v>
                </c:pt>
                <c:pt idx="21">
                  <c:v>-7662.0960000000196</c:v>
                </c:pt>
                <c:pt idx="22">
                  <c:v>-206.44899999999325</c:v>
                </c:pt>
                <c:pt idx="23">
                  <c:v>549.21199999999953</c:v>
                </c:pt>
                <c:pt idx="24">
                  <c:v>3609.4400000000023</c:v>
                </c:pt>
                <c:pt idx="25">
                  <c:v>3483.5849999999991</c:v>
                </c:pt>
                <c:pt idx="26">
                  <c:v>3536.9369999999981</c:v>
                </c:pt>
                <c:pt idx="27">
                  <c:v>14623.062000000005</c:v>
                </c:pt>
                <c:pt idx="28">
                  <c:v>5365.0139999999956</c:v>
                </c:pt>
                <c:pt idx="29">
                  <c:v>-4061.2709999999788</c:v>
                </c:pt>
                <c:pt idx="30">
                  <c:v>-15696.430999999982</c:v>
                </c:pt>
                <c:pt idx="31">
                  <c:v>-18910.624000000011</c:v>
                </c:pt>
                <c:pt idx="32">
                  <c:v>-13602.351999999984</c:v>
                </c:pt>
                <c:pt idx="33">
                  <c:v>3263.6149999999907</c:v>
                </c:pt>
                <c:pt idx="34">
                  <c:v>462.82399999999325</c:v>
                </c:pt>
                <c:pt idx="35">
                  <c:v>3927.5350000000035</c:v>
                </c:pt>
                <c:pt idx="36">
                  <c:v>2301.148000000001</c:v>
                </c:pt>
                <c:pt idx="37">
                  <c:v>2350.6699999999983</c:v>
                </c:pt>
                <c:pt idx="38">
                  <c:v>2632.5319999999992</c:v>
                </c:pt>
                <c:pt idx="39">
                  <c:v>4170.9939999999988</c:v>
                </c:pt>
                <c:pt idx="40">
                  <c:v>743.02599999999802</c:v>
                </c:pt>
                <c:pt idx="41">
                  <c:v>-5946.5750000000116</c:v>
                </c:pt>
                <c:pt idx="42">
                  <c:v>-18784.861999999994</c:v>
                </c:pt>
                <c:pt idx="43">
                  <c:v>-15419.326000000001</c:v>
                </c:pt>
                <c:pt idx="44">
                  <c:v>-5144.8989999999758</c:v>
                </c:pt>
                <c:pt idx="45">
                  <c:v>-5937.920999999973</c:v>
                </c:pt>
                <c:pt idx="46">
                  <c:v>-1961.9159999999974</c:v>
                </c:pt>
                <c:pt idx="47">
                  <c:v>4658.25</c:v>
                </c:pt>
                <c:pt idx="48">
                  <c:v>609.94600000000355</c:v>
                </c:pt>
                <c:pt idx="49">
                  <c:v>687.31999999999971</c:v>
                </c:pt>
                <c:pt idx="50">
                  <c:v>614.26900000000023</c:v>
                </c:pt>
                <c:pt idx="51">
                  <c:v>5557.2949999999983</c:v>
                </c:pt>
                <c:pt idx="52">
                  <c:v>17836.911999999997</c:v>
                </c:pt>
                <c:pt idx="53">
                  <c:v>-7087.3189999999886</c:v>
                </c:pt>
                <c:pt idx="54">
                  <c:v>-2597.0970000000088</c:v>
                </c:pt>
                <c:pt idx="55">
                  <c:v>-55302.254000000015</c:v>
                </c:pt>
                <c:pt idx="56">
                  <c:v>39071.55700000003</c:v>
                </c:pt>
                <c:pt idx="57">
                  <c:v>-7824.5180000000109</c:v>
                </c:pt>
                <c:pt idx="58">
                  <c:v>6043.9349999999977</c:v>
                </c:pt>
                <c:pt idx="59">
                  <c:v>11291.330000000002</c:v>
                </c:pt>
                <c:pt idx="60">
                  <c:v>5436.9050000000061</c:v>
                </c:pt>
                <c:pt idx="61">
                  <c:v>5381.4190000000017</c:v>
                </c:pt>
                <c:pt idx="62">
                  <c:v>5362.0480000000025</c:v>
                </c:pt>
                <c:pt idx="63">
                  <c:v>3230.3969999999972</c:v>
                </c:pt>
                <c:pt idx="64">
                  <c:v>20188.972000000009</c:v>
                </c:pt>
                <c:pt idx="65">
                  <c:v>-17014.850000000006</c:v>
                </c:pt>
                <c:pt idx="66">
                  <c:v>1541.6510000000126</c:v>
                </c:pt>
                <c:pt idx="67">
                  <c:v>-9823.570000000007</c:v>
                </c:pt>
                <c:pt idx="68">
                  <c:v>-5339.4890000000014</c:v>
                </c:pt>
                <c:pt idx="69">
                  <c:v>3955.4890000000014</c:v>
                </c:pt>
                <c:pt idx="70">
                  <c:v>2574.0430000000051</c:v>
                </c:pt>
                <c:pt idx="71">
                  <c:v>2241.3800000000047</c:v>
                </c:pt>
                <c:pt idx="72">
                  <c:v>-173.7870000000039</c:v>
                </c:pt>
                <c:pt idx="73">
                  <c:v>-209.19100000000617</c:v>
                </c:pt>
                <c:pt idx="74">
                  <c:v>-238.95900000000256</c:v>
                </c:pt>
                <c:pt idx="75">
                  <c:v>-816.81900000000314</c:v>
                </c:pt>
                <c:pt idx="76">
                  <c:v>4750.0779999999941</c:v>
                </c:pt>
                <c:pt idx="77">
                  <c:v>4505.7690000000002</c:v>
                </c:pt>
                <c:pt idx="78">
                  <c:v>-10730.614000000001</c:v>
                </c:pt>
                <c:pt idx="79">
                  <c:v>273.63800000003539</c:v>
                </c:pt>
                <c:pt idx="80">
                  <c:v>14273.929000000004</c:v>
                </c:pt>
                <c:pt idx="81">
                  <c:v>-5956.2449999999953</c:v>
                </c:pt>
                <c:pt idx="82">
                  <c:v>-1696.4899999999907</c:v>
                </c:pt>
                <c:pt idx="83">
                  <c:v>10350.979000000007</c:v>
                </c:pt>
                <c:pt idx="84">
                  <c:v>4168.0310000000027</c:v>
                </c:pt>
                <c:pt idx="85">
                  <c:v>4144.0639999999985</c:v>
                </c:pt>
                <c:pt idx="86">
                  <c:v>4066.9630000000034</c:v>
                </c:pt>
                <c:pt idx="87">
                  <c:v>-5204.9320000000007</c:v>
                </c:pt>
                <c:pt idx="88">
                  <c:v>477.34200000000419</c:v>
                </c:pt>
                <c:pt idx="89">
                  <c:v>8306.2799999999988</c:v>
                </c:pt>
                <c:pt idx="90">
                  <c:v>4348.8809999999939</c:v>
                </c:pt>
                <c:pt idx="91">
                  <c:v>11146.499000000011</c:v>
                </c:pt>
                <c:pt idx="92">
                  <c:v>466.0229999999865</c:v>
                </c:pt>
                <c:pt idx="93">
                  <c:v>-6466.6130000000121</c:v>
                </c:pt>
                <c:pt idx="94">
                  <c:v>-1493.3010000000068</c:v>
                </c:pt>
                <c:pt idx="95">
                  <c:v>-8905.3539999999921</c:v>
                </c:pt>
                <c:pt idx="96">
                  <c:v>2502.8210000000036</c:v>
                </c:pt>
                <c:pt idx="97">
                  <c:v>2521.5900000000038</c:v>
                </c:pt>
                <c:pt idx="98">
                  <c:v>2469.0590000000011</c:v>
                </c:pt>
                <c:pt idx="99">
                  <c:v>3623.5280000000057</c:v>
                </c:pt>
                <c:pt idx="100">
                  <c:v>4825.9570000000094</c:v>
                </c:pt>
                <c:pt idx="101">
                  <c:v>11700.777000000002</c:v>
                </c:pt>
                <c:pt idx="102">
                  <c:v>17053.609999999986</c:v>
                </c:pt>
                <c:pt idx="103">
                  <c:v>3098.6969999999856</c:v>
                </c:pt>
                <c:pt idx="104">
                  <c:v>-6124.5100000000093</c:v>
                </c:pt>
                <c:pt idx="105">
                  <c:v>-4201.1880000000237</c:v>
                </c:pt>
                <c:pt idx="106">
                  <c:v>5366.0540000000037</c:v>
                </c:pt>
                <c:pt idx="107">
                  <c:v>-809.0850000000064</c:v>
                </c:pt>
                <c:pt idx="108">
                  <c:v>-1144.0999999999985</c:v>
                </c:pt>
                <c:pt idx="109">
                  <c:v>-1173.6489999999976</c:v>
                </c:pt>
                <c:pt idx="110">
                  <c:v>-1243.8539999999994</c:v>
                </c:pt>
                <c:pt idx="111">
                  <c:v>5722.2099999999991</c:v>
                </c:pt>
                <c:pt idx="112">
                  <c:v>-7923.875</c:v>
                </c:pt>
                <c:pt idx="113">
                  <c:v>668.43599999998696</c:v>
                </c:pt>
                <c:pt idx="114">
                  <c:v>12050.755000000005</c:v>
                </c:pt>
                <c:pt idx="115">
                  <c:v>-2214.5589999999502</c:v>
                </c:pt>
                <c:pt idx="116">
                  <c:v>5421.4519999999902</c:v>
                </c:pt>
                <c:pt idx="117">
                  <c:v>-9029.414999999979</c:v>
                </c:pt>
                <c:pt idx="118">
                  <c:v>877.17700000002515</c:v>
                </c:pt>
                <c:pt idx="119">
                  <c:v>-2355.4949999999953</c:v>
                </c:pt>
                <c:pt idx="120">
                  <c:v>-2742.7229999999981</c:v>
                </c:pt>
                <c:pt idx="121">
                  <c:v>-2729.8639999999941</c:v>
                </c:pt>
                <c:pt idx="122">
                  <c:v>-2805.650999999998</c:v>
                </c:pt>
                <c:pt idx="123">
                  <c:v>-6274.8379999999961</c:v>
                </c:pt>
                <c:pt idx="124">
                  <c:v>-6635.9389999999985</c:v>
                </c:pt>
                <c:pt idx="125">
                  <c:v>-588.0229999999865</c:v>
                </c:pt>
                <c:pt idx="126">
                  <c:v>22194.966000000015</c:v>
                </c:pt>
                <c:pt idx="127">
                  <c:v>4759.1080000000075</c:v>
                </c:pt>
                <c:pt idx="128">
                  <c:v>5325.1329999999725</c:v>
                </c:pt>
                <c:pt idx="129">
                  <c:v>2859.5320000000065</c:v>
                </c:pt>
                <c:pt idx="130">
                  <c:v>3078.4049999999988</c:v>
                </c:pt>
                <c:pt idx="131">
                  <c:v>-12637.84199999999</c:v>
                </c:pt>
                <c:pt idx="132">
                  <c:v>-2719.3830000000016</c:v>
                </c:pt>
                <c:pt idx="133">
                  <c:v>-2706.6330000000016</c:v>
                </c:pt>
                <c:pt idx="134">
                  <c:v>-2739.3559999999998</c:v>
                </c:pt>
                <c:pt idx="135">
                  <c:v>-7030.7609999999986</c:v>
                </c:pt>
                <c:pt idx="136">
                  <c:v>-6086.9529999999941</c:v>
                </c:pt>
                <c:pt idx="137">
                  <c:v>12504.963000000018</c:v>
                </c:pt>
                <c:pt idx="138">
                  <c:v>19842.205000000016</c:v>
                </c:pt>
                <c:pt idx="139">
                  <c:v>-1767.8740000000107</c:v>
                </c:pt>
                <c:pt idx="140">
                  <c:v>6348.0690000000177</c:v>
                </c:pt>
                <c:pt idx="141">
                  <c:v>15965.29700000002</c:v>
                </c:pt>
                <c:pt idx="142">
                  <c:v>14398.54800000001</c:v>
                </c:pt>
                <c:pt idx="143">
                  <c:v>8875.7510000000038</c:v>
                </c:pt>
                <c:pt idx="144">
                  <c:v>-1713.6579999999958</c:v>
                </c:pt>
                <c:pt idx="145">
                  <c:v>-1694.3419999999969</c:v>
                </c:pt>
                <c:pt idx="146">
                  <c:v>-1769.0339999999997</c:v>
                </c:pt>
                <c:pt idx="147">
                  <c:v>-5437.5869999999995</c:v>
                </c:pt>
                <c:pt idx="148">
                  <c:v>-2047.1929999999993</c:v>
                </c:pt>
                <c:pt idx="149">
                  <c:v>-17055.427999999985</c:v>
                </c:pt>
                <c:pt idx="150">
                  <c:v>0</c:v>
                </c:pt>
                <c:pt idx="151">
                  <c:v>0</c:v>
                </c:pt>
                <c:pt idx="152">
                  <c:v>8034.4589999999735</c:v>
                </c:pt>
                <c:pt idx="153">
                  <c:v>0</c:v>
                </c:pt>
                <c:pt idx="154">
                  <c:v>-13459.260000000009</c:v>
                </c:pt>
                <c:pt idx="155">
                  <c:v>-8206.6659999999974</c:v>
                </c:pt>
                <c:pt idx="156">
                  <c:v>-5424.7799999999988</c:v>
                </c:pt>
                <c:pt idx="157">
                  <c:v>-5327.2149999999965</c:v>
                </c:pt>
                <c:pt idx="158">
                  <c:v>-5465.1089999999967</c:v>
                </c:pt>
                <c:pt idx="159">
                  <c:v>-7736.2790000000023</c:v>
                </c:pt>
                <c:pt idx="160">
                  <c:v>-14772.628000000012</c:v>
                </c:pt>
                <c:pt idx="161">
                  <c:v>18134.486000000004</c:v>
                </c:pt>
                <c:pt idx="162">
                  <c:v>0</c:v>
                </c:pt>
                <c:pt idx="163">
                  <c:v>15183.065999999992</c:v>
                </c:pt>
                <c:pt idx="164">
                  <c:v>-5196.1689999999944</c:v>
                </c:pt>
                <c:pt idx="165">
                  <c:v>14253.940000000002</c:v>
                </c:pt>
                <c:pt idx="166">
                  <c:v>3012.390000000014</c:v>
                </c:pt>
                <c:pt idx="167">
                  <c:v>-2102.872000000003</c:v>
                </c:pt>
                <c:pt idx="168">
                  <c:v>-2809.7940000000017</c:v>
                </c:pt>
                <c:pt idx="169">
                  <c:v>-2757.8100000000049</c:v>
                </c:pt>
                <c:pt idx="170">
                  <c:v>-2804.9789999999994</c:v>
                </c:pt>
                <c:pt idx="171">
                  <c:v>-5090.9950000000026</c:v>
                </c:pt>
                <c:pt idx="172">
                  <c:v>156.35000000000582</c:v>
                </c:pt>
                <c:pt idx="173">
                  <c:v>3238.7749999999942</c:v>
                </c:pt>
                <c:pt idx="174">
                  <c:v>-4883.9679999999935</c:v>
                </c:pt>
                <c:pt idx="175">
                  <c:v>0</c:v>
                </c:pt>
                <c:pt idx="176">
                  <c:v>3241.7719999999972</c:v>
                </c:pt>
                <c:pt idx="177">
                  <c:v>-4509.4809999999998</c:v>
                </c:pt>
                <c:pt idx="178">
                  <c:v>-4610.8980000000156</c:v>
                </c:pt>
                <c:pt idx="179">
                  <c:v>-15339.001000000004</c:v>
                </c:pt>
                <c:pt idx="180">
                  <c:v>-2821.8580000000002</c:v>
                </c:pt>
                <c:pt idx="181">
                  <c:v>-2929.3269999999975</c:v>
                </c:pt>
                <c:pt idx="182">
                  <c:v>-2798.6560000000027</c:v>
                </c:pt>
                <c:pt idx="183">
                  <c:v>-8229.3340000000026</c:v>
                </c:pt>
                <c:pt idx="184">
                  <c:v>-9462.4229999999952</c:v>
                </c:pt>
                <c:pt idx="185">
                  <c:v>2960.5510000000068</c:v>
                </c:pt>
                <c:pt idx="186">
                  <c:v>0</c:v>
                </c:pt>
                <c:pt idx="187">
                  <c:v>7186.1410000000033</c:v>
                </c:pt>
                <c:pt idx="188">
                  <c:v>1679.4610000000102</c:v>
                </c:pt>
                <c:pt idx="189">
                  <c:v>11223.016999999993</c:v>
                </c:pt>
                <c:pt idx="190">
                  <c:v>-12548.562000000005</c:v>
                </c:pt>
                <c:pt idx="191">
                  <c:v>3665.4250000000029</c:v>
                </c:pt>
                <c:pt idx="192">
                  <c:v>-3070.2040000000052</c:v>
                </c:pt>
                <c:pt idx="193">
                  <c:v>-3035.4020000000019</c:v>
                </c:pt>
                <c:pt idx="194">
                  <c:v>-3081.8050000000003</c:v>
                </c:pt>
                <c:pt idx="195">
                  <c:v>-9696.9990000000034</c:v>
                </c:pt>
                <c:pt idx="196">
                  <c:v>-6546.179999999993</c:v>
                </c:pt>
                <c:pt idx="197">
                  <c:v>10590.002000000008</c:v>
                </c:pt>
                <c:pt idx="198">
                  <c:v>22308.456000000006</c:v>
                </c:pt>
              </c:numCache>
            </c:numRef>
          </c:yVal>
        </c:ser>
        <c:axId val="47067904"/>
        <c:axId val="47069440"/>
      </c:scatterChart>
      <c:valAx>
        <c:axId val="47067904"/>
        <c:scaling>
          <c:orientation val="minMax"/>
        </c:scaling>
        <c:axPos val="b"/>
        <c:numFmt formatCode="mmm\-yy" sourceLinked="1"/>
        <c:tickLblPos val="nextTo"/>
        <c:crossAx val="47069440"/>
        <c:crosses val="autoZero"/>
        <c:crossBetween val="midCat"/>
      </c:valAx>
      <c:valAx>
        <c:axId val="47069440"/>
        <c:scaling>
          <c:orientation val="minMax"/>
          <c:min val="-80000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</c:title>
        <c:numFmt formatCode="#,##0.0_ ;[Red]\-#,##0.0\ 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7067904"/>
        <c:crosses val="autoZero"/>
        <c:crossBetween val="midCat"/>
      </c:valAx>
    </c:plotArea>
    <c:legend>
      <c:legendPos val="b"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2" l="0.70000000000000062" r="0.70000000000000062" t="0.750000000000002" header="0.30000000000000032" footer="0.30000000000000032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Commercial Mkt. Usage: Regression Results</a:t>
            </a:r>
          </a:p>
        </c:rich>
      </c:tx>
      <c:layout/>
    </c:title>
    <c:plotArea>
      <c:layout/>
      <c:lineChart>
        <c:grouping val="standard"/>
        <c:ser>
          <c:idx val="0"/>
          <c:order val="0"/>
          <c:tx>
            <c:strRef>
              <c:f>'Commercial Regression'!$B$38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numRef>
              <c:f>'Commercial Regression'!$A$39:$A$290</c:f>
              <c:numCache>
                <c:formatCode>mmm\-yy</c:formatCode>
                <c:ptCount val="252"/>
                <c:pt idx="0">
                  <c:v>33239</c:v>
                </c:pt>
                <c:pt idx="1">
                  <c:v>33270</c:v>
                </c:pt>
                <c:pt idx="2">
                  <c:v>33298</c:v>
                </c:pt>
                <c:pt idx="3">
                  <c:v>33329</c:v>
                </c:pt>
                <c:pt idx="4">
                  <c:v>33359</c:v>
                </c:pt>
                <c:pt idx="5">
                  <c:v>33390</c:v>
                </c:pt>
                <c:pt idx="6">
                  <c:v>33420</c:v>
                </c:pt>
                <c:pt idx="7">
                  <c:v>33451</c:v>
                </c:pt>
                <c:pt idx="8">
                  <c:v>33482</c:v>
                </c:pt>
                <c:pt idx="9">
                  <c:v>33512</c:v>
                </c:pt>
                <c:pt idx="10">
                  <c:v>33543</c:v>
                </c:pt>
                <c:pt idx="11">
                  <c:v>33573</c:v>
                </c:pt>
                <c:pt idx="12">
                  <c:v>33604</c:v>
                </c:pt>
                <c:pt idx="13">
                  <c:v>33635</c:v>
                </c:pt>
                <c:pt idx="14">
                  <c:v>33664</c:v>
                </c:pt>
                <c:pt idx="15">
                  <c:v>33695</c:v>
                </c:pt>
                <c:pt idx="16">
                  <c:v>33725</c:v>
                </c:pt>
                <c:pt idx="17">
                  <c:v>33756</c:v>
                </c:pt>
                <c:pt idx="18">
                  <c:v>33786</c:v>
                </c:pt>
                <c:pt idx="19">
                  <c:v>33817</c:v>
                </c:pt>
                <c:pt idx="20">
                  <c:v>33848</c:v>
                </c:pt>
                <c:pt idx="21">
                  <c:v>33878</c:v>
                </c:pt>
                <c:pt idx="22">
                  <c:v>33909</c:v>
                </c:pt>
                <c:pt idx="23">
                  <c:v>33939</c:v>
                </c:pt>
                <c:pt idx="24">
                  <c:v>33970</c:v>
                </c:pt>
                <c:pt idx="25">
                  <c:v>34001</c:v>
                </c:pt>
                <c:pt idx="26">
                  <c:v>34029</c:v>
                </c:pt>
                <c:pt idx="27">
                  <c:v>34060</c:v>
                </c:pt>
                <c:pt idx="28">
                  <c:v>34090</c:v>
                </c:pt>
                <c:pt idx="29">
                  <c:v>34121</c:v>
                </c:pt>
                <c:pt idx="30">
                  <c:v>34151</c:v>
                </c:pt>
                <c:pt idx="31">
                  <c:v>34182</c:v>
                </c:pt>
                <c:pt idx="32">
                  <c:v>34213</c:v>
                </c:pt>
                <c:pt idx="33">
                  <c:v>34243</c:v>
                </c:pt>
                <c:pt idx="34">
                  <c:v>34274</c:v>
                </c:pt>
                <c:pt idx="35">
                  <c:v>34304</c:v>
                </c:pt>
                <c:pt idx="36">
                  <c:v>34335</c:v>
                </c:pt>
                <c:pt idx="37">
                  <c:v>34366</c:v>
                </c:pt>
                <c:pt idx="38">
                  <c:v>34394</c:v>
                </c:pt>
                <c:pt idx="39">
                  <c:v>34425</c:v>
                </c:pt>
                <c:pt idx="40">
                  <c:v>34455</c:v>
                </c:pt>
                <c:pt idx="41">
                  <c:v>34486</c:v>
                </c:pt>
                <c:pt idx="42">
                  <c:v>34516</c:v>
                </c:pt>
                <c:pt idx="43">
                  <c:v>34547</c:v>
                </c:pt>
                <c:pt idx="44">
                  <c:v>34578</c:v>
                </c:pt>
                <c:pt idx="45">
                  <c:v>34608</c:v>
                </c:pt>
                <c:pt idx="46">
                  <c:v>34639</c:v>
                </c:pt>
                <c:pt idx="47">
                  <c:v>34669</c:v>
                </c:pt>
                <c:pt idx="48">
                  <c:v>34700</c:v>
                </c:pt>
                <c:pt idx="49">
                  <c:v>34731</c:v>
                </c:pt>
                <c:pt idx="50">
                  <c:v>34759</c:v>
                </c:pt>
                <c:pt idx="51">
                  <c:v>34790</c:v>
                </c:pt>
                <c:pt idx="52">
                  <c:v>34820</c:v>
                </c:pt>
                <c:pt idx="53">
                  <c:v>34851</c:v>
                </c:pt>
                <c:pt idx="54">
                  <c:v>34881</c:v>
                </c:pt>
                <c:pt idx="55">
                  <c:v>34912</c:v>
                </c:pt>
                <c:pt idx="56">
                  <c:v>34943</c:v>
                </c:pt>
                <c:pt idx="57">
                  <c:v>34973</c:v>
                </c:pt>
                <c:pt idx="58">
                  <c:v>35004</c:v>
                </c:pt>
                <c:pt idx="59">
                  <c:v>35034</c:v>
                </c:pt>
                <c:pt idx="60">
                  <c:v>35065</c:v>
                </c:pt>
                <c:pt idx="61">
                  <c:v>35096</c:v>
                </c:pt>
                <c:pt idx="62">
                  <c:v>35125</c:v>
                </c:pt>
                <c:pt idx="63">
                  <c:v>35156</c:v>
                </c:pt>
                <c:pt idx="64">
                  <c:v>35186</c:v>
                </c:pt>
                <c:pt idx="65">
                  <c:v>35217</c:v>
                </c:pt>
                <c:pt idx="66">
                  <c:v>35247</c:v>
                </c:pt>
                <c:pt idx="67">
                  <c:v>35278</c:v>
                </c:pt>
                <c:pt idx="68">
                  <c:v>35309</c:v>
                </c:pt>
                <c:pt idx="69">
                  <c:v>35339</c:v>
                </c:pt>
                <c:pt idx="70">
                  <c:v>35370</c:v>
                </c:pt>
                <c:pt idx="71">
                  <c:v>35400</c:v>
                </c:pt>
                <c:pt idx="72">
                  <c:v>35431</c:v>
                </c:pt>
                <c:pt idx="73">
                  <c:v>35462</c:v>
                </c:pt>
                <c:pt idx="74">
                  <c:v>35490</c:v>
                </c:pt>
                <c:pt idx="75">
                  <c:v>35521</c:v>
                </c:pt>
                <c:pt idx="76">
                  <c:v>35551</c:v>
                </c:pt>
                <c:pt idx="77">
                  <c:v>35582</c:v>
                </c:pt>
                <c:pt idx="78">
                  <c:v>35612</c:v>
                </c:pt>
                <c:pt idx="79">
                  <c:v>35643</c:v>
                </c:pt>
                <c:pt idx="80">
                  <c:v>35674</c:v>
                </c:pt>
                <c:pt idx="81">
                  <c:v>35704</c:v>
                </c:pt>
                <c:pt idx="82">
                  <c:v>35735</c:v>
                </c:pt>
                <c:pt idx="83">
                  <c:v>35765</c:v>
                </c:pt>
                <c:pt idx="84">
                  <c:v>35796</c:v>
                </c:pt>
                <c:pt idx="85">
                  <c:v>35827</c:v>
                </c:pt>
                <c:pt idx="86">
                  <c:v>35855</c:v>
                </c:pt>
                <c:pt idx="87">
                  <c:v>35886</c:v>
                </c:pt>
                <c:pt idx="88">
                  <c:v>35916</c:v>
                </c:pt>
                <c:pt idx="89">
                  <c:v>35947</c:v>
                </c:pt>
                <c:pt idx="90">
                  <c:v>35977</c:v>
                </c:pt>
                <c:pt idx="91">
                  <c:v>36008</c:v>
                </c:pt>
                <c:pt idx="92">
                  <c:v>36039</c:v>
                </c:pt>
                <c:pt idx="93">
                  <c:v>36069</c:v>
                </c:pt>
                <c:pt idx="94">
                  <c:v>36100</c:v>
                </c:pt>
                <c:pt idx="95">
                  <c:v>36130</c:v>
                </c:pt>
                <c:pt idx="96">
                  <c:v>36161</c:v>
                </c:pt>
                <c:pt idx="97">
                  <c:v>36192</c:v>
                </c:pt>
                <c:pt idx="98">
                  <c:v>36220</c:v>
                </c:pt>
                <c:pt idx="99">
                  <c:v>36251</c:v>
                </c:pt>
                <c:pt idx="100">
                  <c:v>36281</c:v>
                </c:pt>
                <c:pt idx="101">
                  <c:v>36312</c:v>
                </c:pt>
                <c:pt idx="102">
                  <c:v>36342</c:v>
                </c:pt>
                <c:pt idx="103">
                  <c:v>36373</c:v>
                </c:pt>
                <c:pt idx="104">
                  <c:v>36404</c:v>
                </c:pt>
                <c:pt idx="105">
                  <c:v>36434</c:v>
                </c:pt>
                <c:pt idx="106">
                  <c:v>36465</c:v>
                </c:pt>
                <c:pt idx="107">
                  <c:v>36495</c:v>
                </c:pt>
                <c:pt idx="108">
                  <c:v>36526</c:v>
                </c:pt>
                <c:pt idx="109">
                  <c:v>36557</c:v>
                </c:pt>
                <c:pt idx="110">
                  <c:v>36586</c:v>
                </c:pt>
                <c:pt idx="111">
                  <c:v>36617</c:v>
                </c:pt>
                <c:pt idx="112">
                  <c:v>36647</c:v>
                </c:pt>
                <c:pt idx="113">
                  <c:v>36678</c:v>
                </c:pt>
                <c:pt idx="114">
                  <c:v>36708</c:v>
                </c:pt>
                <c:pt idx="115">
                  <c:v>36739</c:v>
                </c:pt>
                <c:pt idx="116">
                  <c:v>36770</c:v>
                </c:pt>
                <c:pt idx="117">
                  <c:v>36800</c:v>
                </c:pt>
                <c:pt idx="118">
                  <c:v>36831</c:v>
                </c:pt>
                <c:pt idx="119">
                  <c:v>36861</c:v>
                </c:pt>
                <c:pt idx="120">
                  <c:v>36892</c:v>
                </c:pt>
                <c:pt idx="121">
                  <c:v>36923</c:v>
                </c:pt>
                <c:pt idx="122">
                  <c:v>36951</c:v>
                </c:pt>
                <c:pt idx="123">
                  <c:v>36982</c:v>
                </c:pt>
                <c:pt idx="124">
                  <c:v>37012</c:v>
                </c:pt>
                <c:pt idx="125">
                  <c:v>37043</c:v>
                </c:pt>
                <c:pt idx="126">
                  <c:v>37073</c:v>
                </c:pt>
                <c:pt idx="127">
                  <c:v>37104</c:v>
                </c:pt>
                <c:pt idx="128">
                  <c:v>37135</c:v>
                </c:pt>
                <c:pt idx="129">
                  <c:v>37165</c:v>
                </c:pt>
                <c:pt idx="130">
                  <c:v>37196</c:v>
                </c:pt>
                <c:pt idx="131">
                  <c:v>37226</c:v>
                </c:pt>
                <c:pt idx="132">
                  <c:v>37257</c:v>
                </c:pt>
                <c:pt idx="133">
                  <c:v>37288</c:v>
                </c:pt>
                <c:pt idx="134">
                  <c:v>37316</c:v>
                </c:pt>
                <c:pt idx="135">
                  <c:v>37347</c:v>
                </c:pt>
                <c:pt idx="136">
                  <c:v>37377</c:v>
                </c:pt>
                <c:pt idx="137">
                  <c:v>37408</c:v>
                </c:pt>
                <c:pt idx="138">
                  <c:v>37438</c:v>
                </c:pt>
                <c:pt idx="139">
                  <c:v>37469</c:v>
                </c:pt>
                <c:pt idx="140">
                  <c:v>37500</c:v>
                </c:pt>
                <c:pt idx="141">
                  <c:v>37530</c:v>
                </c:pt>
                <c:pt idx="142">
                  <c:v>37561</c:v>
                </c:pt>
                <c:pt idx="143">
                  <c:v>37591</c:v>
                </c:pt>
                <c:pt idx="144">
                  <c:v>37622</c:v>
                </c:pt>
                <c:pt idx="145">
                  <c:v>37653</c:v>
                </c:pt>
                <c:pt idx="146">
                  <c:v>37681</c:v>
                </c:pt>
                <c:pt idx="147">
                  <c:v>37712</c:v>
                </c:pt>
                <c:pt idx="148">
                  <c:v>37742</c:v>
                </c:pt>
                <c:pt idx="149">
                  <c:v>37773</c:v>
                </c:pt>
                <c:pt idx="150">
                  <c:v>37803</c:v>
                </c:pt>
                <c:pt idx="151">
                  <c:v>37834</c:v>
                </c:pt>
                <c:pt idx="152">
                  <c:v>37865</c:v>
                </c:pt>
                <c:pt idx="153">
                  <c:v>37895</c:v>
                </c:pt>
                <c:pt idx="154">
                  <c:v>37926</c:v>
                </c:pt>
                <c:pt idx="155">
                  <c:v>37956</c:v>
                </c:pt>
                <c:pt idx="156">
                  <c:v>37987</c:v>
                </c:pt>
                <c:pt idx="157">
                  <c:v>38018</c:v>
                </c:pt>
                <c:pt idx="158">
                  <c:v>38047</c:v>
                </c:pt>
                <c:pt idx="159">
                  <c:v>38078</c:v>
                </c:pt>
                <c:pt idx="160">
                  <c:v>38108</c:v>
                </c:pt>
                <c:pt idx="161">
                  <c:v>38139</c:v>
                </c:pt>
                <c:pt idx="162">
                  <c:v>38169</c:v>
                </c:pt>
                <c:pt idx="163">
                  <c:v>38200</c:v>
                </c:pt>
                <c:pt idx="164">
                  <c:v>38231</c:v>
                </c:pt>
                <c:pt idx="165">
                  <c:v>38261</c:v>
                </c:pt>
                <c:pt idx="166">
                  <c:v>38292</c:v>
                </c:pt>
                <c:pt idx="167">
                  <c:v>38322</c:v>
                </c:pt>
                <c:pt idx="168">
                  <c:v>38353</c:v>
                </c:pt>
                <c:pt idx="169">
                  <c:v>38384</c:v>
                </c:pt>
                <c:pt idx="170">
                  <c:v>38412</c:v>
                </c:pt>
                <c:pt idx="171">
                  <c:v>38443</c:v>
                </c:pt>
                <c:pt idx="172">
                  <c:v>38473</c:v>
                </c:pt>
                <c:pt idx="173">
                  <c:v>38504</c:v>
                </c:pt>
                <c:pt idx="174">
                  <c:v>38534</c:v>
                </c:pt>
                <c:pt idx="175">
                  <c:v>38565</c:v>
                </c:pt>
                <c:pt idx="176">
                  <c:v>38596</c:v>
                </c:pt>
                <c:pt idx="177">
                  <c:v>38626</c:v>
                </c:pt>
                <c:pt idx="178">
                  <c:v>38657</c:v>
                </c:pt>
                <c:pt idx="179">
                  <c:v>38687</c:v>
                </c:pt>
                <c:pt idx="180">
                  <c:v>38718</c:v>
                </c:pt>
                <c:pt idx="181">
                  <c:v>38749</c:v>
                </c:pt>
                <c:pt idx="182">
                  <c:v>38777</c:v>
                </c:pt>
                <c:pt idx="183">
                  <c:v>38808</c:v>
                </c:pt>
                <c:pt idx="184">
                  <c:v>38838</c:v>
                </c:pt>
                <c:pt idx="185">
                  <c:v>38869</c:v>
                </c:pt>
                <c:pt idx="186">
                  <c:v>38899</c:v>
                </c:pt>
                <c:pt idx="187">
                  <c:v>38930</c:v>
                </c:pt>
                <c:pt idx="188">
                  <c:v>38961</c:v>
                </c:pt>
                <c:pt idx="189">
                  <c:v>38991</c:v>
                </c:pt>
                <c:pt idx="190">
                  <c:v>39022</c:v>
                </c:pt>
                <c:pt idx="191">
                  <c:v>39052</c:v>
                </c:pt>
                <c:pt idx="192">
                  <c:v>39083</c:v>
                </c:pt>
                <c:pt idx="193">
                  <c:v>39114</c:v>
                </c:pt>
                <c:pt idx="194">
                  <c:v>39142</c:v>
                </c:pt>
                <c:pt idx="195">
                  <c:v>39173</c:v>
                </c:pt>
                <c:pt idx="196">
                  <c:v>39203</c:v>
                </c:pt>
                <c:pt idx="197">
                  <c:v>39234</c:v>
                </c:pt>
                <c:pt idx="198">
                  <c:v>39264</c:v>
                </c:pt>
                <c:pt idx="199">
                  <c:v>39295</c:v>
                </c:pt>
                <c:pt idx="200">
                  <c:v>39326</c:v>
                </c:pt>
                <c:pt idx="201">
                  <c:v>39356</c:v>
                </c:pt>
                <c:pt idx="202">
                  <c:v>39387</c:v>
                </c:pt>
                <c:pt idx="203">
                  <c:v>39417</c:v>
                </c:pt>
                <c:pt idx="204">
                  <c:v>39448</c:v>
                </c:pt>
                <c:pt idx="205">
                  <c:v>39479</c:v>
                </c:pt>
                <c:pt idx="206">
                  <c:v>39508</c:v>
                </c:pt>
                <c:pt idx="207">
                  <c:v>39539</c:v>
                </c:pt>
                <c:pt idx="208">
                  <c:v>39569</c:v>
                </c:pt>
                <c:pt idx="209">
                  <c:v>39600</c:v>
                </c:pt>
                <c:pt idx="210">
                  <c:v>39630</c:v>
                </c:pt>
                <c:pt idx="211">
                  <c:v>39661</c:v>
                </c:pt>
                <c:pt idx="212">
                  <c:v>39692</c:v>
                </c:pt>
                <c:pt idx="213">
                  <c:v>39722</c:v>
                </c:pt>
                <c:pt idx="214">
                  <c:v>39753</c:v>
                </c:pt>
                <c:pt idx="215">
                  <c:v>39783</c:v>
                </c:pt>
                <c:pt idx="216">
                  <c:v>39814</c:v>
                </c:pt>
                <c:pt idx="217">
                  <c:v>39845</c:v>
                </c:pt>
                <c:pt idx="218">
                  <c:v>39873</c:v>
                </c:pt>
                <c:pt idx="219">
                  <c:v>39904</c:v>
                </c:pt>
                <c:pt idx="220">
                  <c:v>39934</c:v>
                </c:pt>
                <c:pt idx="221">
                  <c:v>39965</c:v>
                </c:pt>
                <c:pt idx="222">
                  <c:v>39995</c:v>
                </c:pt>
                <c:pt idx="223">
                  <c:v>40026</c:v>
                </c:pt>
                <c:pt idx="224">
                  <c:v>40057</c:v>
                </c:pt>
                <c:pt idx="225">
                  <c:v>40087</c:v>
                </c:pt>
                <c:pt idx="226">
                  <c:v>40118</c:v>
                </c:pt>
                <c:pt idx="227">
                  <c:v>40148</c:v>
                </c:pt>
                <c:pt idx="228">
                  <c:v>40179</c:v>
                </c:pt>
                <c:pt idx="229">
                  <c:v>40210</c:v>
                </c:pt>
                <c:pt idx="230">
                  <c:v>40238</c:v>
                </c:pt>
                <c:pt idx="231">
                  <c:v>40269</c:v>
                </c:pt>
                <c:pt idx="232">
                  <c:v>40299</c:v>
                </c:pt>
                <c:pt idx="233">
                  <c:v>40330</c:v>
                </c:pt>
                <c:pt idx="234">
                  <c:v>40360</c:v>
                </c:pt>
                <c:pt idx="235">
                  <c:v>40391</c:v>
                </c:pt>
                <c:pt idx="236">
                  <c:v>40422</c:v>
                </c:pt>
                <c:pt idx="237">
                  <c:v>40452</c:v>
                </c:pt>
                <c:pt idx="238">
                  <c:v>40483</c:v>
                </c:pt>
                <c:pt idx="239">
                  <c:v>40513</c:v>
                </c:pt>
                <c:pt idx="240">
                  <c:v>40544</c:v>
                </c:pt>
                <c:pt idx="241">
                  <c:v>40575</c:v>
                </c:pt>
                <c:pt idx="242">
                  <c:v>40603</c:v>
                </c:pt>
                <c:pt idx="243">
                  <c:v>40634</c:v>
                </c:pt>
                <c:pt idx="244">
                  <c:v>40664</c:v>
                </c:pt>
                <c:pt idx="245">
                  <c:v>40695</c:v>
                </c:pt>
                <c:pt idx="246">
                  <c:v>40725</c:v>
                </c:pt>
                <c:pt idx="247">
                  <c:v>40756</c:v>
                </c:pt>
                <c:pt idx="248">
                  <c:v>40787</c:v>
                </c:pt>
                <c:pt idx="249">
                  <c:v>40817</c:v>
                </c:pt>
                <c:pt idx="250">
                  <c:v>40848</c:v>
                </c:pt>
                <c:pt idx="251">
                  <c:v>40878</c:v>
                </c:pt>
              </c:numCache>
            </c:numRef>
          </c:cat>
          <c:val>
            <c:numRef>
              <c:f>'Commercial Regression'!$B$39:$B$290</c:f>
              <c:numCache>
                <c:formatCode>#,##0.0_ ;[Red]\-#,##0.0\ </c:formatCode>
                <c:ptCount val="252"/>
                <c:pt idx="0">
                  <c:v>3468.3661016949159</c:v>
                </c:pt>
                <c:pt idx="1">
                  <c:v>2830.0297395434159</c:v>
                </c:pt>
                <c:pt idx="2">
                  <c:v>2569.7571514604033</c:v>
                </c:pt>
                <c:pt idx="3">
                  <c:v>1518.0735792672208</c:v>
                </c:pt>
                <c:pt idx="4">
                  <c:v>777.98929032584761</c:v>
                </c:pt>
                <c:pt idx="5">
                  <c:v>476.6296658852624</c:v>
                </c:pt>
                <c:pt idx="6">
                  <c:v>376.78499009289521</c:v>
                </c:pt>
                <c:pt idx="7">
                  <c:v>511.81420171867933</c:v>
                </c:pt>
                <c:pt idx="8">
                  <c:v>570.86130671412729</c:v>
                </c:pt>
                <c:pt idx="9">
                  <c:v>1362.6762889229196</c:v>
                </c:pt>
                <c:pt idx="10">
                  <c:v>2141.3248900062858</c:v>
                </c:pt>
                <c:pt idx="11">
                  <c:v>2941.8637077279641</c:v>
                </c:pt>
                <c:pt idx="12">
                  <c:v>3199.4437903485123</c:v>
                </c:pt>
                <c:pt idx="13">
                  <c:v>2951.8619652694761</c:v>
                </c:pt>
                <c:pt idx="14">
                  <c:v>2857.1118093387608</c:v>
                </c:pt>
                <c:pt idx="15">
                  <c:v>1854.1592760069491</c:v>
                </c:pt>
                <c:pt idx="16">
                  <c:v>938.31430661822128</c:v>
                </c:pt>
                <c:pt idx="17">
                  <c:v>444.06601650412591</c:v>
                </c:pt>
                <c:pt idx="18">
                  <c:v>396.98405968496803</c:v>
                </c:pt>
                <c:pt idx="19">
                  <c:v>532.84836813298193</c:v>
                </c:pt>
                <c:pt idx="20">
                  <c:v>599.87032620354591</c:v>
                </c:pt>
                <c:pt idx="21">
                  <c:v>1374.4589487591768</c:v>
                </c:pt>
                <c:pt idx="22">
                  <c:v>2113.0115155607391</c:v>
                </c:pt>
                <c:pt idx="23">
                  <c:v>3045.9940692488117</c:v>
                </c:pt>
                <c:pt idx="24">
                  <c:v>3198.076018307188</c:v>
                </c:pt>
                <c:pt idx="25">
                  <c:v>3309.1357045736218</c:v>
                </c:pt>
                <c:pt idx="26">
                  <c:v>2782.4927218225416</c:v>
                </c:pt>
                <c:pt idx="27">
                  <c:v>1682.3361356648736</c:v>
                </c:pt>
                <c:pt idx="28">
                  <c:v>871.19139681005322</c:v>
                </c:pt>
                <c:pt idx="29">
                  <c:v>445.24676540687778</c:v>
                </c:pt>
                <c:pt idx="30">
                  <c:v>342.47135846886204</c:v>
                </c:pt>
                <c:pt idx="31">
                  <c:v>466.87717912970527</c:v>
                </c:pt>
                <c:pt idx="32">
                  <c:v>617.53528700757295</c:v>
                </c:pt>
                <c:pt idx="33">
                  <c:v>1421.3800412092878</c:v>
                </c:pt>
                <c:pt idx="34">
                  <c:v>2253.8770658575763</c:v>
                </c:pt>
                <c:pt idx="35">
                  <c:v>2809.91891446206</c:v>
                </c:pt>
                <c:pt idx="36">
                  <c:v>3924.4254367003564</c:v>
                </c:pt>
                <c:pt idx="37">
                  <c:v>3232.981774379386</c:v>
                </c:pt>
                <c:pt idx="38">
                  <c:v>2620.1425430688519</c:v>
                </c:pt>
                <c:pt idx="39">
                  <c:v>1655.9693179962201</c:v>
                </c:pt>
                <c:pt idx="40">
                  <c:v>1000.6185689288694</c:v>
                </c:pt>
                <c:pt idx="41">
                  <c:v>418.89189060980516</c:v>
                </c:pt>
                <c:pt idx="42">
                  <c:v>374.85765731388847</c:v>
                </c:pt>
                <c:pt idx="43">
                  <c:v>517.04662637375895</c:v>
                </c:pt>
                <c:pt idx="44">
                  <c:v>575.80230933645385</c:v>
                </c:pt>
                <c:pt idx="45">
                  <c:v>1066.8783842717555</c:v>
                </c:pt>
                <c:pt idx="46">
                  <c:v>1727.2894336334596</c:v>
                </c:pt>
                <c:pt idx="47">
                  <c:v>2426.1077929530588</c:v>
                </c:pt>
                <c:pt idx="48">
                  <c:v>2895.1578012569453</c:v>
                </c:pt>
                <c:pt idx="49">
                  <c:v>3093.833197500679</c:v>
                </c:pt>
                <c:pt idx="50">
                  <c:v>2334.5841532650247</c:v>
                </c:pt>
                <c:pt idx="51">
                  <c:v>1889.5248453538168</c:v>
                </c:pt>
                <c:pt idx="52">
                  <c:v>846.79058099093447</c:v>
                </c:pt>
                <c:pt idx="53">
                  <c:v>372.35944075240877</c:v>
                </c:pt>
                <c:pt idx="54">
                  <c:v>359.25339863015279</c:v>
                </c:pt>
                <c:pt idx="55">
                  <c:v>495.45159946298782</c:v>
                </c:pt>
                <c:pt idx="56">
                  <c:v>518.19956142868625</c:v>
                </c:pt>
                <c:pt idx="57">
                  <c:v>1103.4038334434897</c:v>
                </c:pt>
                <c:pt idx="58">
                  <c:v>2279.2563513483374</c:v>
                </c:pt>
                <c:pt idx="59">
                  <c:v>3144.00724853869</c:v>
                </c:pt>
                <c:pt idx="60">
                  <c:v>3339.7593269051458</c:v>
                </c:pt>
                <c:pt idx="61">
                  <c:v>3113.3392303324158</c:v>
                </c:pt>
                <c:pt idx="62">
                  <c:v>2890.7695333413462</c:v>
                </c:pt>
                <c:pt idx="63">
                  <c:v>1894.208659089416</c:v>
                </c:pt>
                <c:pt idx="64">
                  <c:v>1068.1384510541011</c:v>
                </c:pt>
                <c:pt idx="65">
                  <c:v>395.58830076125184</c:v>
                </c:pt>
                <c:pt idx="66">
                  <c:v>391.72057642544837</c:v>
                </c:pt>
                <c:pt idx="67">
                  <c:v>388.23728240662496</c:v>
                </c:pt>
                <c:pt idx="68">
                  <c:v>540.70855764290661</c:v>
                </c:pt>
                <c:pt idx="69">
                  <c:v>1276.0070554514386</c:v>
                </c:pt>
                <c:pt idx="70">
                  <c:v>2278.1142508816997</c:v>
                </c:pt>
                <c:pt idx="71">
                  <c:v>2691.0275850943699</c:v>
                </c:pt>
                <c:pt idx="72">
                  <c:v>3294.2586339545223</c:v>
                </c:pt>
                <c:pt idx="73">
                  <c:v>2725.634312473393</c:v>
                </c:pt>
                <c:pt idx="74">
                  <c:v>2643.6231760752116</c:v>
                </c:pt>
                <c:pt idx="75">
                  <c:v>1737.7228133204367</c:v>
                </c:pt>
                <c:pt idx="76">
                  <c:v>1240.5869194716659</c:v>
                </c:pt>
                <c:pt idx="77">
                  <c:v>425.96007441940043</c:v>
                </c:pt>
                <c:pt idx="78">
                  <c:v>356.76088631160002</c:v>
                </c:pt>
                <c:pt idx="79">
                  <c:v>389.72218785609635</c:v>
                </c:pt>
                <c:pt idx="80">
                  <c:v>550.74580484773151</c:v>
                </c:pt>
                <c:pt idx="81">
                  <c:v>1199.3622110018603</c:v>
                </c:pt>
                <c:pt idx="82">
                  <c:v>2158.3961372940066</c:v>
                </c:pt>
                <c:pt idx="83">
                  <c:v>2642.2142362939785</c:v>
                </c:pt>
                <c:pt idx="84">
                  <c:v>2886.5255232128548</c:v>
                </c:pt>
                <c:pt idx="85">
                  <c:v>2215.1417482386682</c:v>
                </c:pt>
                <c:pt idx="86">
                  <c:v>2182.2727841484993</c:v>
                </c:pt>
                <c:pt idx="87">
                  <c:v>1403.4054041101897</c:v>
                </c:pt>
                <c:pt idx="88">
                  <c:v>574.07694944416903</c:v>
                </c:pt>
                <c:pt idx="89">
                  <c:v>423.02183733372192</c:v>
                </c:pt>
                <c:pt idx="90">
                  <c:v>353.86244821721118</c:v>
                </c:pt>
                <c:pt idx="91">
                  <c:v>504.11771511511716</c:v>
                </c:pt>
                <c:pt idx="92">
                  <c:v>491.97880072846704</c:v>
                </c:pt>
                <c:pt idx="93">
                  <c:v>1056.9003371412737</c:v>
                </c:pt>
                <c:pt idx="94">
                  <c:v>1665.9345324151109</c:v>
                </c:pt>
                <c:pt idx="95">
                  <c:v>2189.225206059793</c:v>
                </c:pt>
                <c:pt idx="96">
                  <c:v>3270.3328748569575</c:v>
                </c:pt>
                <c:pt idx="97">
                  <c:v>2375.125000703958</c:v>
                </c:pt>
                <c:pt idx="98">
                  <c:v>2419.6833624213587</c:v>
                </c:pt>
                <c:pt idx="99">
                  <c:v>1408.5560501485488</c:v>
                </c:pt>
                <c:pt idx="100">
                  <c:v>662.11754249436342</c:v>
                </c:pt>
                <c:pt idx="101">
                  <c:v>360.02065963084516</c:v>
                </c:pt>
                <c:pt idx="102">
                  <c:v>334.43318429169972</c:v>
                </c:pt>
                <c:pt idx="103">
                  <c:v>354.11884852222977</c:v>
                </c:pt>
                <c:pt idx="104">
                  <c:v>549.46183562516205</c:v>
                </c:pt>
                <c:pt idx="105">
                  <c:v>1138.1521261781456</c:v>
                </c:pt>
                <c:pt idx="106">
                  <c:v>1680.0434784437139</c:v>
                </c:pt>
                <c:pt idx="107">
                  <c:v>2405.2121285180001</c:v>
                </c:pt>
                <c:pt idx="108">
                  <c:v>2875.547137355522</c:v>
                </c:pt>
                <c:pt idx="109">
                  <c:v>2635.9417226367941</c:v>
                </c:pt>
                <c:pt idx="110">
                  <c:v>2545.6834748436922</c:v>
                </c:pt>
                <c:pt idx="111">
                  <c:v>999.43232010454938</c:v>
                </c:pt>
                <c:pt idx="112">
                  <c:v>899.01799074023506</c:v>
                </c:pt>
                <c:pt idx="113">
                  <c:v>327.00298779986588</c:v>
                </c:pt>
                <c:pt idx="114">
                  <c:v>426.41658611061246</c:v>
                </c:pt>
                <c:pt idx="115">
                  <c:v>512.87899032859423</c:v>
                </c:pt>
                <c:pt idx="116">
                  <c:v>476.66978708254226</c:v>
                </c:pt>
                <c:pt idx="117">
                  <c:v>730.00063236297569</c:v>
                </c:pt>
                <c:pt idx="118">
                  <c:v>2028.3323467825894</c:v>
                </c:pt>
                <c:pt idx="119">
                  <c:v>3161.4233233682498</c:v>
                </c:pt>
                <c:pt idx="120">
                  <c:v>2740.3834723138316</c:v>
                </c:pt>
                <c:pt idx="121">
                  <c:v>2621.508644149827</c:v>
                </c:pt>
                <c:pt idx="122">
                  <c:v>2421.950880911269</c:v>
                </c:pt>
                <c:pt idx="123">
                  <c:v>1427.2466165625638</c:v>
                </c:pt>
                <c:pt idx="124">
                  <c:v>783.11024914527206</c:v>
                </c:pt>
                <c:pt idx="125">
                  <c:v>373.52143527426875</c:v>
                </c:pt>
                <c:pt idx="126">
                  <c:v>319.67357177429722</c:v>
                </c:pt>
                <c:pt idx="127">
                  <c:v>388.75546436593874</c:v>
                </c:pt>
                <c:pt idx="128">
                  <c:v>478.92225960142855</c:v>
                </c:pt>
                <c:pt idx="129">
                  <c:v>1167.1660905186777</c:v>
                </c:pt>
                <c:pt idx="130">
                  <c:v>1441.3396720585556</c:v>
                </c:pt>
                <c:pt idx="131">
                  <c:v>2266.9427792078204</c:v>
                </c:pt>
                <c:pt idx="132">
                  <c:v>2461.2309880763955</c:v>
                </c:pt>
                <c:pt idx="133">
                  <c:v>2553.513555214638</c:v>
                </c:pt>
                <c:pt idx="134">
                  <c:v>2423.0122553529654</c:v>
                </c:pt>
                <c:pt idx="135">
                  <c:v>1405.5225604529917</c:v>
                </c:pt>
                <c:pt idx="136">
                  <c:v>1098.5623975320395</c:v>
                </c:pt>
                <c:pt idx="137">
                  <c:v>375.44377651199062</c:v>
                </c:pt>
                <c:pt idx="138">
                  <c:v>420.34940589654161</c:v>
                </c:pt>
                <c:pt idx="139">
                  <c:v>353.67399310747817</c:v>
                </c:pt>
                <c:pt idx="140">
                  <c:v>401.64684783222179</c:v>
                </c:pt>
                <c:pt idx="141">
                  <c:v>1305.5925024565943</c:v>
                </c:pt>
                <c:pt idx="142">
                  <c:v>2109.6846882919035</c:v>
                </c:pt>
                <c:pt idx="143">
                  <c:v>2514.5014641903599</c:v>
                </c:pt>
                <c:pt idx="144">
                  <c:v>3300.949679625759</c:v>
                </c:pt>
                <c:pt idx="145">
                  <c:v>2975.007259073845</c:v>
                </c:pt>
                <c:pt idx="146">
                  <c:v>2437.995178025923</c:v>
                </c:pt>
                <c:pt idx="147">
                  <c:v>1609.7318557504825</c:v>
                </c:pt>
                <c:pt idx="148">
                  <c:v>777.07037904411391</c:v>
                </c:pt>
                <c:pt idx="149">
                  <c:v>364.23955360028964</c:v>
                </c:pt>
                <c:pt idx="150">
                  <c:v>388.45796940940374</c:v>
                </c:pt>
                <c:pt idx="151">
                  <c:v>371.21677554206326</c:v>
                </c:pt>
                <c:pt idx="152">
                  <c:v>425.17761076730324</c:v>
                </c:pt>
                <c:pt idx="153">
                  <c:v>1167.2165834596351</c:v>
                </c:pt>
                <c:pt idx="154">
                  <c:v>1849.0787522761425</c:v>
                </c:pt>
                <c:pt idx="155">
                  <c:v>2523.9373867101949</c:v>
                </c:pt>
                <c:pt idx="156">
                  <c:v>3385.0639632999482</c:v>
                </c:pt>
                <c:pt idx="157">
                  <c:v>2639.1150455724783</c:v>
                </c:pt>
                <c:pt idx="158">
                  <c:v>2061.8182276199905</c:v>
                </c:pt>
                <c:pt idx="159">
                  <c:v>1387.6029428999361</c:v>
                </c:pt>
                <c:pt idx="160">
                  <c:v>772.29917132362596</c:v>
                </c:pt>
                <c:pt idx="161">
                  <c:v>367.96038917427791</c:v>
                </c:pt>
                <c:pt idx="162">
                  <c:v>402.07783241916661</c:v>
                </c:pt>
                <c:pt idx="163">
                  <c:v>375.21116208208059</c:v>
                </c:pt>
                <c:pt idx="164">
                  <c:v>435.56680802547498</c:v>
                </c:pt>
                <c:pt idx="165">
                  <c:v>983.06051763484345</c:v>
                </c:pt>
                <c:pt idx="166">
                  <c:v>1736.3367890859611</c:v>
                </c:pt>
                <c:pt idx="167">
                  <c:v>2740.4575627277045</c:v>
                </c:pt>
                <c:pt idx="168">
                  <c:v>3136.5517700460432</c:v>
                </c:pt>
                <c:pt idx="169">
                  <c:v>2623.9650727287058</c:v>
                </c:pt>
                <c:pt idx="170">
                  <c:v>2431.7099267628278</c:v>
                </c:pt>
                <c:pt idx="171">
                  <c:v>1316.7540361675301</c:v>
                </c:pt>
                <c:pt idx="172">
                  <c:v>805.65967550256971</c:v>
                </c:pt>
                <c:pt idx="173">
                  <c:v>383.93347962276152</c:v>
                </c:pt>
                <c:pt idx="174">
                  <c:v>316.03721902424701</c:v>
                </c:pt>
                <c:pt idx="175">
                  <c:v>340.26414047212705</c:v>
                </c:pt>
                <c:pt idx="176">
                  <c:v>379.155268138721</c:v>
                </c:pt>
                <c:pt idx="177">
                  <c:v>928.85518204533787</c:v>
                </c:pt>
                <c:pt idx="178">
                  <c:v>1713.3883167573035</c:v>
                </c:pt>
                <c:pt idx="179">
                  <c:v>2724.3350566206841</c:v>
                </c:pt>
                <c:pt idx="180">
                  <c:v>2386.2147099818194</c:v>
                </c:pt>
                <c:pt idx="181">
                  <c:v>2568.5651873202319</c:v>
                </c:pt>
                <c:pt idx="182">
                  <c:v>2178.4976056147707</c:v>
                </c:pt>
                <c:pt idx="183">
                  <c:v>1237.5496380561517</c:v>
                </c:pt>
                <c:pt idx="184">
                  <c:v>690.0554976928056</c:v>
                </c:pt>
                <c:pt idx="185">
                  <c:v>341.18293673073782</c:v>
                </c:pt>
                <c:pt idx="186">
                  <c:v>378.61840167874135</c:v>
                </c:pt>
                <c:pt idx="187">
                  <c:v>335.39716866806293</c:v>
                </c:pt>
                <c:pt idx="188">
                  <c:v>424.86449003818325</c:v>
                </c:pt>
                <c:pt idx="189">
                  <c:v>1209.7775737250286</c:v>
                </c:pt>
                <c:pt idx="190">
                  <c:v>1750.0379081054593</c:v>
                </c:pt>
                <c:pt idx="191">
                  <c:v>2246.7835351236308</c:v>
                </c:pt>
                <c:pt idx="192">
                  <c:v>2667.9115303311669</c:v>
                </c:pt>
                <c:pt idx="193">
                  <c:v>2917.1167667039899</c:v>
                </c:pt>
                <c:pt idx="194">
                  <c:v>2280.7684420425721</c:v>
                </c:pt>
                <c:pt idx="195">
                  <c:v>1534.8567092551227</c:v>
                </c:pt>
                <c:pt idx="196">
                  <c:v>741.8438198408561</c:v>
                </c:pt>
                <c:pt idx="197">
                  <c:v>357.81708872557755</c:v>
                </c:pt>
                <c:pt idx="198">
                  <c:v>354.873504443493</c:v>
                </c:pt>
                <c:pt idx="199">
                  <c:v>344.71813354948546</c:v>
                </c:pt>
                <c:pt idx="200">
                  <c:v>395.57348101160989</c:v>
                </c:pt>
                <c:pt idx="201">
                  <c:v>800.12132951243552</c:v>
                </c:pt>
                <c:pt idx="202">
                  <c:v>1788.152974837285</c:v>
                </c:pt>
                <c:pt idx="203">
                  <c:v>2497.9372981290499</c:v>
                </c:pt>
                <c:pt idx="204">
                  <c:v>2696.9501557045201</c:v>
                </c:pt>
                <c:pt idx="205">
                  <c:v>2784.24994441533</c:v>
                </c:pt>
                <c:pt idx="206">
                  <c:v>2702.7370636977284</c:v>
                </c:pt>
                <c:pt idx="207">
                  <c:v>1210.3041370315777</c:v>
                </c:pt>
                <c:pt idx="208">
                  <c:v>889.42472151037623</c:v>
                </c:pt>
                <c:pt idx="209">
                  <c:v>316.19360311234527</c:v>
                </c:pt>
                <c:pt idx="210">
                  <c:v>380.28620795326793</c:v>
                </c:pt>
                <c:pt idx="211">
                  <c:v>365.49316489672657</c:v>
                </c:pt>
                <c:pt idx="212">
                  <c:v>406.59458977415443</c:v>
                </c:pt>
                <c:pt idx="213">
                  <c:v>1111.7950862516254</c:v>
                </c:pt>
                <c:pt idx="214">
                  <c:v>1882.6063980857703</c:v>
                </c:pt>
                <c:pt idx="215">
                  <c:v>2748.8094896433054</c:v>
                </c:pt>
                <c:pt idx="216">
                  <c:v>3281.7553480819392</c:v>
                </c:pt>
                <c:pt idx="217">
                  <c:v>2341.5000595604233</c:v>
                </c:pt>
                <c:pt idx="218">
                  <c:v>2185.15555298241</c:v>
                </c:pt>
                <c:pt idx="219">
                  <c:v>1367.4014059214542</c:v>
                </c:pt>
                <c:pt idx="220">
                  <c:v>794.6297152048603</c:v>
                </c:pt>
                <c:pt idx="221">
                  <c:v>302.61712730448164</c:v>
                </c:pt>
                <c:pt idx="222">
                  <c:v>388.20284895557683</c:v>
                </c:pt>
                <c:pt idx="223">
                  <c:v>375.31524390535259</c:v>
                </c:pt>
                <c:pt idx="224">
                  <c:v>408.82727363726309</c:v>
                </c:pt>
                <c:pt idx="225">
                  <c:v>1084.1150791483549</c:v>
                </c:pt>
                <c:pt idx="226">
                  <c:v>1696.5820318280407</c:v>
                </c:pt>
                <c:pt idx="227">
                  <c:v>2767.1682219970635</c:v>
                </c:pt>
                <c:pt idx="228">
                  <c:v>2899.3496935750168</c:v>
                </c:pt>
                <c:pt idx="229">
                  <c:v>2435.7710753734091</c:v>
                </c:pt>
                <c:pt idx="230">
                  <c:v>1933.7861042670206</c:v>
                </c:pt>
                <c:pt idx="231">
                  <c:v>1086.9743619313217</c:v>
                </c:pt>
                <c:pt idx="232">
                  <c:v>593.13099634985826</c:v>
                </c:pt>
                <c:pt idx="233">
                  <c:v>420.48869890438971</c:v>
                </c:pt>
                <c:pt idx="234">
                  <c:v>341.73166271578873</c:v>
                </c:pt>
                <c:pt idx="235">
                  <c:v>342.15520466765099</c:v>
                </c:pt>
                <c:pt idx="236">
                  <c:v>406.24938713530884</c:v>
                </c:pt>
                <c:pt idx="237">
                  <c:v>1027.2829159869452</c:v>
                </c:pt>
                <c:pt idx="238">
                  <c:v>1762.8867287708786</c:v>
                </c:pt>
                <c:pt idx="239">
                  <c:v>2632.9293461950901</c:v>
                </c:pt>
                <c:pt idx="240">
                  <c:v>3201.3363055005402</c:v>
                </c:pt>
                <c:pt idx="241">
                  <c:v>2554.4457609126234</c:v>
                </c:pt>
                <c:pt idx="242">
                  <c:v>2538.2094067629864</c:v>
                </c:pt>
                <c:pt idx="243">
                  <c:v>1452.6390453857427</c:v>
                </c:pt>
                <c:pt idx="244">
                  <c:v>837.09893734960303</c:v>
                </c:pt>
                <c:pt idx="245">
                  <c:v>451.33255722714239</c:v>
                </c:pt>
                <c:pt idx="246">
                  <c:v>382.08843606326809</c:v>
                </c:pt>
                <c:pt idx="247">
                  <c:v>348.5994849360323</c:v>
                </c:pt>
                <c:pt idx="248">
                  <c:v>466.90741984828026</c:v>
                </c:pt>
                <c:pt idx="249">
                  <c:v>990.60990094557883</c:v>
                </c:pt>
                <c:pt idx="250">
                  <c:v>1799.0162879586521</c:v>
                </c:pt>
                <c:pt idx="251">
                  <c:v>2422.1268010555609</c:v>
                </c:pt>
              </c:numCache>
            </c:numRef>
          </c:val>
        </c:ser>
        <c:ser>
          <c:idx val="1"/>
          <c:order val="1"/>
          <c:tx>
            <c:strRef>
              <c:f>'Commercial Regression'!$C$38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numRef>
              <c:f>'Commercial Regression'!$A$39:$A$290</c:f>
              <c:numCache>
                <c:formatCode>mmm\-yy</c:formatCode>
                <c:ptCount val="252"/>
                <c:pt idx="0">
                  <c:v>33239</c:v>
                </c:pt>
                <c:pt idx="1">
                  <c:v>33270</c:v>
                </c:pt>
                <c:pt idx="2">
                  <c:v>33298</c:v>
                </c:pt>
                <c:pt idx="3">
                  <c:v>33329</c:v>
                </c:pt>
                <c:pt idx="4">
                  <c:v>33359</c:v>
                </c:pt>
                <c:pt idx="5">
                  <c:v>33390</c:v>
                </c:pt>
                <c:pt idx="6">
                  <c:v>33420</c:v>
                </c:pt>
                <c:pt idx="7">
                  <c:v>33451</c:v>
                </c:pt>
                <c:pt idx="8">
                  <c:v>33482</c:v>
                </c:pt>
                <c:pt idx="9">
                  <c:v>33512</c:v>
                </c:pt>
                <c:pt idx="10">
                  <c:v>33543</c:v>
                </c:pt>
                <c:pt idx="11">
                  <c:v>33573</c:v>
                </c:pt>
                <c:pt idx="12">
                  <c:v>33604</c:v>
                </c:pt>
                <c:pt idx="13">
                  <c:v>33635</c:v>
                </c:pt>
                <c:pt idx="14">
                  <c:v>33664</c:v>
                </c:pt>
                <c:pt idx="15">
                  <c:v>33695</c:v>
                </c:pt>
                <c:pt idx="16">
                  <c:v>33725</c:v>
                </c:pt>
                <c:pt idx="17">
                  <c:v>33756</c:v>
                </c:pt>
                <c:pt idx="18">
                  <c:v>33786</c:v>
                </c:pt>
                <c:pt idx="19">
                  <c:v>33817</c:v>
                </c:pt>
                <c:pt idx="20">
                  <c:v>33848</c:v>
                </c:pt>
                <c:pt idx="21">
                  <c:v>33878</c:v>
                </c:pt>
                <c:pt idx="22">
                  <c:v>33909</c:v>
                </c:pt>
                <c:pt idx="23">
                  <c:v>33939</c:v>
                </c:pt>
                <c:pt idx="24">
                  <c:v>33970</c:v>
                </c:pt>
                <c:pt idx="25">
                  <c:v>34001</c:v>
                </c:pt>
                <c:pt idx="26">
                  <c:v>34029</c:v>
                </c:pt>
                <c:pt idx="27">
                  <c:v>34060</c:v>
                </c:pt>
                <c:pt idx="28">
                  <c:v>34090</c:v>
                </c:pt>
                <c:pt idx="29">
                  <c:v>34121</c:v>
                </c:pt>
                <c:pt idx="30">
                  <c:v>34151</c:v>
                </c:pt>
                <c:pt idx="31">
                  <c:v>34182</c:v>
                </c:pt>
                <c:pt idx="32">
                  <c:v>34213</c:v>
                </c:pt>
                <c:pt idx="33">
                  <c:v>34243</c:v>
                </c:pt>
                <c:pt idx="34">
                  <c:v>34274</c:v>
                </c:pt>
                <c:pt idx="35">
                  <c:v>34304</c:v>
                </c:pt>
                <c:pt idx="36">
                  <c:v>34335</c:v>
                </c:pt>
                <c:pt idx="37">
                  <c:v>34366</c:v>
                </c:pt>
                <c:pt idx="38">
                  <c:v>34394</c:v>
                </c:pt>
                <c:pt idx="39">
                  <c:v>34425</c:v>
                </c:pt>
                <c:pt idx="40">
                  <c:v>34455</c:v>
                </c:pt>
                <c:pt idx="41">
                  <c:v>34486</c:v>
                </c:pt>
                <c:pt idx="42">
                  <c:v>34516</c:v>
                </c:pt>
                <c:pt idx="43">
                  <c:v>34547</c:v>
                </c:pt>
                <c:pt idx="44">
                  <c:v>34578</c:v>
                </c:pt>
                <c:pt idx="45">
                  <c:v>34608</c:v>
                </c:pt>
                <c:pt idx="46">
                  <c:v>34639</c:v>
                </c:pt>
                <c:pt idx="47">
                  <c:v>34669</c:v>
                </c:pt>
                <c:pt idx="48">
                  <c:v>34700</c:v>
                </c:pt>
                <c:pt idx="49">
                  <c:v>34731</c:v>
                </c:pt>
                <c:pt idx="50">
                  <c:v>34759</c:v>
                </c:pt>
                <c:pt idx="51">
                  <c:v>34790</c:v>
                </c:pt>
                <c:pt idx="52">
                  <c:v>34820</c:v>
                </c:pt>
                <c:pt idx="53">
                  <c:v>34851</c:v>
                </c:pt>
                <c:pt idx="54">
                  <c:v>34881</c:v>
                </c:pt>
                <c:pt idx="55">
                  <c:v>34912</c:v>
                </c:pt>
                <c:pt idx="56">
                  <c:v>34943</c:v>
                </c:pt>
                <c:pt idx="57">
                  <c:v>34973</c:v>
                </c:pt>
                <c:pt idx="58">
                  <c:v>35004</c:v>
                </c:pt>
                <c:pt idx="59">
                  <c:v>35034</c:v>
                </c:pt>
                <c:pt idx="60">
                  <c:v>35065</c:v>
                </c:pt>
                <c:pt idx="61">
                  <c:v>35096</c:v>
                </c:pt>
                <c:pt idx="62">
                  <c:v>35125</c:v>
                </c:pt>
                <c:pt idx="63">
                  <c:v>35156</c:v>
                </c:pt>
                <c:pt idx="64">
                  <c:v>35186</c:v>
                </c:pt>
                <c:pt idx="65">
                  <c:v>35217</c:v>
                </c:pt>
                <c:pt idx="66">
                  <c:v>35247</c:v>
                </c:pt>
                <c:pt idx="67">
                  <c:v>35278</c:v>
                </c:pt>
                <c:pt idx="68">
                  <c:v>35309</c:v>
                </c:pt>
                <c:pt idx="69">
                  <c:v>35339</c:v>
                </c:pt>
                <c:pt idx="70">
                  <c:v>35370</c:v>
                </c:pt>
                <c:pt idx="71">
                  <c:v>35400</c:v>
                </c:pt>
                <c:pt idx="72">
                  <c:v>35431</c:v>
                </c:pt>
                <c:pt idx="73">
                  <c:v>35462</c:v>
                </c:pt>
                <c:pt idx="74">
                  <c:v>35490</c:v>
                </c:pt>
                <c:pt idx="75">
                  <c:v>35521</c:v>
                </c:pt>
                <c:pt idx="76">
                  <c:v>35551</c:v>
                </c:pt>
                <c:pt idx="77">
                  <c:v>35582</c:v>
                </c:pt>
                <c:pt idx="78">
                  <c:v>35612</c:v>
                </c:pt>
                <c:pt idx="79">
                  <c:v>35643</c:v>
                </c:pt>
                <c:pt idx="80">
                  <c:v>35674</c:v>
                </c:pt>
                <c:pt idx="81">
                  <c:v>35704</c:v>
                </c:pt>
                <c:pt idx="82">
                  <c:v>35735</c:v>
                </c:pt>
                <c:pt idx="83">
                  <c:v>35765</c:v>
                </c:pt>
                <c:pt idx="84">
                  <c:v>35796</c:v>
                </c:pt>
                <c:pt idx="85">
                  <c:v>35827</c:v>
                </c:pt>
                <c:pt idx="86">
                  <c:v>35855</c:v>
                </c:pt>
                <c:pt idx="87">
                  <c:v>35886</c:v>
                </c:pt>
                <c:pt idx="88">
                  <c:v>35916</c:v>
                </c:pt>
                <c:pt idx="89">
                  <c:v>35947</c:v>
                </c:pt>
                <c:pt idx="90">
                  <c:v>35977</c:v>
                </c:pt>
                <c:pt idx="91">
                  <c:v>36008</c:v>
                </c:pt>
                <c:pt idx="92">
                  <c:v>36039</c:v>
                </c:pt>
                <c:pt idx="93">
                  <c:v>36069</c:v>
                </c:pt>
                <c:pt idx="94">
                  <c:v>36100</c:v>
                </c:pt>
                <c:pt idx="95">
                  <c:v>36130</c:v>
                </c:pt>
                <c:pt idx="96">
                  <c:v>36161</c:v>
                </c:pt>
                <c:pt idx="97">
                  <c:v>36192</c:v>
                </c:pt>
                <c:pt idx="98">
                  <c:v>36220</c:v>
                </c:pt>
                <c:pt idx="99">
                  <c:v>36251</c:v>
                </c:pt>
                <c:pt idx="100">
                  <c:v>36281</c:v>
                </c:pt>
                <c:pt idx="101">
                  <c:v>36312</c:v>
                </c:pt>
                <c:pt idx="102">
                  <c:v>36342</c:v>
                </c:pt>
                <c:pt idx="103">
                  <c:v>36373</c:v>
                </c:pt>
                <c:pt idx="104">
                  <c:v>36404</c:v>
                </c:pt>
                <c:pt idx="105">
                  <c:v>36434</c:v>
                </c:pt>
                <c:pt idx="106">
                  <c:v>36465</c:v>
                </c:pt>
                <c:pt idx="107">
                  <c:v>36495</c:v>
                </c:pt>
                <c:pt idx="108">
                  <c:v>36526</c:v>
                </c:pt>
                <c:pt idx="109">
                  <c:v>36557</c:v>
                </c:pt>
                <c:pt idx="110">
                  <c:v>36586</c:v>
                </c:pt>
                <c:pt idx="111">
                  <c:v>36617</c:v>
                </c:pt>
                <c:pt idx="112">
                  <c:v>36647</c:v>
                </c:pt>
                <c:pt idx="113">
                  <c:v>36678</c:v>
                </c:pt>
                <c:pt idx="114">
                  <c:v>36708</c:v>
                </c:pt>
                <c:pt idx="115">
                  <c:v>36739</c:v>
                </c:pt>
                <c:pt idx="116">
                  <c:v>36770</c:v>
                </c:pt>
                <c:pt idx="117">
                  <c:v>36800</c:v>
                </c:pt>
                <c:pt idx="118">
                  <c:v>36831</c:v>
                </c:pt>
                <c:pt idx="119">
                  <c:v>36861</c:v>
                </c:pt>
                <c:pt idx="120">
                  <c:v>36892</c:v>
                </c:pt>
                <c:pt idx="121">
                  <c:v>36923</c:v>
                </c:pt>
                <c:pt idx="122">
                  <c:v>36951</c:v>
                </c:pt>
                <c:pt idx="123">
                  <c:v>36982</c:v>
                </c:pt>
                <c:pt idx="124">
                  <c:v>37012</c:v>
                </c:pt>
                <c:pt idx="125">
                  <c:v>37043</c:v>
                </c:pt>
                <c:pt idx="126">
                  <c:v>37073</c:v>
                </c:pt>
                <c:pt idx="127">
                  <c:v>37104</c:v>
                </c:pt>
                <c:pt idx="128">
                  <c:v>37135</c:v>
                </c:pt>
                <c:pt idx="129">
                  <c:v>37165</c:v>
                </c:pt>
                <c:pt idx="130">
                  <c:v>37196</c:v>
                </c:pt>
                <c:pt idx="131">
                  <c:v>37226</c:v>
                </c:pt>
                <c:pt idx="132">
                  <c:v>37257</c:v>
                </c:pt>
                <c:pt idx="133">
                  <c:v>37288</c:v>
                </c:pt>
                <c:pt idx="134">
                  <c:v>37316</c:v>
                </c:pt>
                <c:pt idx="135">
                  <c:v>37347</c:v>
                </c:pt>
                <c:pt idx="136">
                  <c:v>37377</c:v>
                </c:pt>
                <c:pt idx="137">
                  <c:v>37408</c:v>
                </c:pt>
                <c:pt idx="138">
                  <c:v>37438</c:v>
                </c:pt>
                <c:pt idx="139">
                  <c:v>37469</c:v>
                </c:pt>
                <c:pt idx="140">
                  <c:v>37500</c:v>
                </c:pt>
                <c:pt idx="141">
                  <c:v>37530</c:v>
                </c:pt>
                <c:pt idx="142">
                  <c:v>37561</c:v>
                </c:pt>
                <c:pt idx="143">
                  <c:v>37591</c:v>
                </c:pt>
                <c:pt idx="144">
                  <c:v>37622</c:v>
                </c:pt>
                <c:pt idx="145">
                  <c:v>37653</c:v>
                </c:pt>
                <c:pt idx="146">
                  <c:v>37681</c:v>
                </c:pt>
                <c:pt idx="147">
                  <c:v>37712</c:v>
                </c:pt>
                <c:pt idx="148">
                  <c:v>37742</c:v>
                </c:pt>
                <c:pt idx="149">
                  <c:v>37773</c:v>
                </c:pt>
                <c:pt idx="150">
                  <c:v>37803</c:v>
                </c:pt>
                <c:pt idx="151">
                  <c:v>37834</c:v>
                </c:pt>
                <c:pt idx="152">
                  <c:v>37865</c:v>
                </c:pt>
                <c:pt idx="153">
                  <c:v>37895</c:v>
                </c:pt>
                <c:pt idx="154">
                  <c:v>37926</c:v>
                </c:pt>
                <c:pt idx="155">
                  <c:v>37956</c:v>
                </c:pt>
                <c:pt idx="156">
                  <c:v>37987</c:v>
                </c:pt>
                <c:pt idx="157">
                  <c:v>38018</c:v>
                </c:pt>
                <c:pt idx="158">
                  <c:v>38047</c:v>
                </c:pt>
                <c:pt idx="159">
                  <c:v>38078</c:v>
                </c:pt>
                <c:pt idx="160">
                  <c:v>38108</c:v>
                </c:pt>
                <c:pt idx="161">
                  <c:v>38139</c:v>
                </c:pt>
                <c:pt idx="162">
                  <c:v>38169</c:v>
                </c:pt>
                <c:pt idx="163">
                  <c:v>38200</c:v>
                </c:pt>
                <c:pt idx="164">
                  <c:v>38231</c:v>
                </c:pt>
                <c:pt idx="165">
                  <c:v>38261</c:v>
                </c:pt>
                <c:pt idx="166">
                  <c:v>38292</c:v>
                </c:pt>
                <c:pt idx="167">
                  <c:v>38322</c:v>
                </c:pt>
                <c:pt idx="168">
                  <c:v>38353</c:v>
                </c:pt>
                <c:pt idx="169">
                  <c:v>38384</c:v>
                </c:pt>
                <c:pt idx="170">
                  <c:v>38412</c:v>
                </c:pt>
                <c:pt idx="171">
                  <c:v>38443</c:v>
                </c:pt>
                <c:pt idx="172">
                  <c:v>38473</c:v>
                </c:pt>
                <c:pt idx="173">
                  <c:v>38504</c:v>
                </c:pt>
                <c:pt idx="174">
                  <c:v>38534</c:v>
                </c:pt>
                <c:pt idx="175">
                  <c:v>38565</c:v>
                </c:pt>
                <c:pt idx="176">
                  <c:v>38596</c:v>
                </c:pt>
                <c:pt idx="177">
                  <c:v>38626</c:v>
                </c:pt>
                <c:pt idx="178">
                  <c:v>38657</c:v>
                </c:pt>
                <c:pt idx="179">
                  <c:v>38687</c:v>
                </c:pt>
                <c:pt idx="180">
                  <c:v>38718</c:v>
                </c:pt>
                <c:pt idx="181">
                  <c:v>38749</c:v>
                </c:pt>
                <c:pt idx="182">
                  <c:v>38777</c:v>
                </c:pt>
                <c:pt idx="183">
                  <c:v>38808</c:v>
                </c:pt>
                <c:pt idx="184">
                  <c:v>38838</c:v>
                </c:pt>
                <c:pt idx="185">
                  <c:v>38869</c:v>
                </c:pt>
                <c:pt idx="186">
                  <c:v>38899</c:v>
                </c:pt>
                <c:pt idx="187">
                  <c:v>38930</c:v>
                </c:pt>
                <c:pt idx="188">
                  <c:v>38961</c:v>
                </c:pt>
                <c:pt idx="189">
                  <c:v>38991</c:v>
                </c:pt>
                <c:pt idx="190">
                  <c:v>39022</c:v>
                </c:pt>
                <c:pt idx="191">
                  <c:v>39052</c:v>
                </c:pt>
                <c:pt idx="192">
                  <c:v>39083</c:v>
                </c:pt>
                <c:pt idx="193">
                  <c:v>39114</c:v>
                </c:pt>
                <c:pt idx="194">
                  <c:v>39142</c:v>
                </c:pt>
                <c:pt idx="195">
                  <c:v>39173</c:v>
                </c:pt>
                <c:pt idx="196">
                  <c:v>39203</c:v>
                </c:pt>
                <c:pt idx="197">
                  <c:v>39234</c:v>
                </c:pt>
                <c:pt idx="198">
                  <c:v>39264</c:v>
                </c:pt>
                <c:pt idx="199">
                  <c:v>39295</c:v>
                </c:pt>
                <c:pt idx="200">
                  <c:v>39326</c:v>
                </c:pt>
                <c:pt idx="201">
                  <c:v>39356</c:v>
                </c:pt>
                <c:pt idx="202">
                  <c:v>39387</c:v>
                </c:pt>
                <c:pt idx="203">
                  <c:v>39417</c:v>
                </c:pt>
                <c:pt idx="204">
                  <c:v>39448</c:v>
                </c:pt>
                <c:pt idx="205">
                  <c:v>39479</c:v>
                </c:pt>
                <c:pt idx="206">
                  <c:v>39508</c:v>
                </c:pt>
                <c:pt idx="207">
                  <c:v>39539</c:v>
                </c:pt>
                <c:pt idx="208">
                  <c:v>39569</c:v>
                </c:pt>
                <c:pt idx="209">
                  <c:v>39600</c:v>
                </c:pt>
                <c:pt idx="210">
                  <c:v>39630</c:v>
                </c:pt>
                <c:pt idx="211">
                  <c:v>39661</c:v>
                </c:pt>
                <c:pt idx="212">
                  <c:v>39692</c:v>
                </c:pt>
                <c:pt idx="213">
                  <c:v>39722</c:v>
                </c:pt>
                <c:pt idx="214">
                  <c:v>39753</c:v>
                </c:pt>
                <c:pt idx="215">
                  <c:v>39783</c:v>
                </c:pt>
                <c:pt idx="216">
                  <c:v>39814</c:v>
                </c:pt>
                <c:pt idx="217">
                  <c:v>39845</c:v>
                </c:pt>
                <c:pt idx="218">
                  <c:v>39873</c:v>
                </c:pt>
                <c:pt idx="219">
                  <c:v>39904</c:v>
                </c:pt>
                <c:pt idx="220">
                  <c:v>39934</c:v>
                </c:pt>
                <c:pt idx="221">
                  <c:v>39965</c:v>
                </c:pt>
                <c:pt idx="222">
                  <c:v>39995</c:v>
                </c:pt>
                <c:pt idx="223">
                  <c:v>40026</c:v>
                </c:pt>
                <c:pt idx="224">
                  <c:v>40057</c:v>
                </c:pt>
                <c:pt idx="225">
                  <c:v>40087</c:v>
                </c:pt>
                <c:pt idx="226">
                  <c:v>40118</c:v>
                </c:pt>
                <c:pt idx="227">
                  <c:v>40148</c:v>
                </c:pt>
                <c:pt idx="228">
                  <c:v>40179</c:v>
                </c:pt>
                <c:pt idx="229">
                  <c:v>40210</c:v>
                </c:pt>
                <c:pt idx="230">
                  <c:v>40238</c:v>
                </c:pt>
                <c:pt idx="231">
                  <c:v>40269</c:v>
                </c:pt>
                <c:pt idx="232">
                  <c:v>40299</c:v>
                </c:pt>
                <c:pt idx="233">
                  <c:v>40330</c:v>
                </c:pt>
                <c:pt idx="234">
                  <c:v>40360</c:v>
                </c:pt>
                <c:pt idx="235">
                  <c:v>40391</c:v>
                </c:pt>
                <c:pt idx="236">
                  <c:v>40422</c:v>
                </c:pt>
                <c:pt idx="237">
                  <c:v>40452</c:v>
                </c:pt>
                <c:pt idx="238">
                  <c:v>40483</c:v>
                </c:pt>
                <c:pt idx="239">
                  <c:v>40513</c:v>
                </c:pt>
                <c:pt idx="240">
                  <c:v>40544</c:v>
                </c:pt>
                <c:pt idx="241">
                  <c:v>40575</c:v>
                </c:pt>
                <c:pt idx="242">
                  <c:v>40603</c:v>
                </c:pt>
                <c:pt idx="243">
                  <c:v>40634</c:v>
                </c:pt>
                <c:pt idx="244">
                  <c:v>40664</c:v>
                </c:pt>
                <c:pt idx="245">
                  <c:v>40695</c:v>
                </c:pt>
                <c:pt idx="246">
                  <c:v>40725</c:v>
                </c:pt>
                <c:pt idx="247">
                  <c:v>40756</c:v>
                </c:pt>
                <c:pt idx="248">
                  <c:v>40787</c:v>
                </c:pt>
                <c:pt idx="249">
                  <c:v>40817</c:v>
                </c:pt>
                <c:pt idx="250">
                  <c:v>40848</c:v>
                </c:pt>
                <c:pt idx="251">
                  <c:v>40878</c:v>
                </c:pt>
              </c:numCache>
            </c:numRef>
          </c:cat>
          <c:val>
            <c:numRef>
              <c:f>'Commercial Regression'!$C$39:$C$290</c:f>
              <c:numCache>
                <c:formatCode>#,##0.0_ ;[Red]\-#,##0.0\ </c:formatCode>
                <c:ptCount val="252"/>
                <c:pt idx="0">
                  <c:v>3312.0586390485551</c:v>
                </c:pt>
                <c:pt idx="1">
                  <c:v>2665.2077522195441</c:v>
                </c:pt>
                <c:pt idx="2">
                  <c:v>2414.5690948175775</c:v>
                </c:pt>
                <c:pt idx="3">
                  <c:v>1506.8541543320612</c:v>
                </c:pt>
                <c:pt idx="4">
                  <c:v>840.57789702452487</c:v>
                </c:pt>
                <c:pt idx="5">
                  <c:v>553.537243666319</c:v>
                </c:pt>
                <c:pt idx="6">
                  <c:v>551.8791587258147</c:v>
                </c:pt>
                <c:pt idx="7">
                  <c:v>550.22107378531041</c:v>
                </c:pt>
                <c:pt idx="8">
                  <c:v>669.11209628020652</c:v>
                </c:pt>
                <c:pt idx="9">
                  <c:v>1205.0750807318084</c:v>
                </c:pt>
                <c:pt idx="10">
                  <c:v>2252.3977642681584</c:v>
                </c:pt>
                <c:pt idx="11">
                  <c:v>2792.1193397796724</c:v>
                </c:pt>
                <c:pt idx="12">
                  <c:v>3073.2656853614649</c:v>
                </c:pt>
                <c:pt idx="13">
                  <c:v>2873.1254724537948</c:v>
                </c:pt>
                <c:pt idx="14">
                  <c:v>2680.5921752272311</c:v>
                </c:pt>
                <c:pt idx="15">
                  <c:v>1829.9747686578633</c:v>
                </c:pt>
                <c:pt idx="16">
                  <c:v>1011.2190409776729</c:v>
                </c:pt>
                <c:pt idx="17">
                  <c:v>533.64022438026757</c:v>
                </c:pt>
                <c:pt idx="18">
                  <c:v>531.98213943976327</c:v>
                </c:pt>
                <c:pt idx="19">
                  <c:v>530.32405449925898</c:v>
                </c:pt>
                <c:pt idx="20">
                  <c:v>640.03621094577431</c:v>
                </c:pt>
                <c:pt idx="21">
                  <c:v>1452.0676838198856</c:v>
                </c:pt>
                <c:pt idx="22">
                  <c:v>2150.0673452734013</c:v>
                </c:pt>
                <c:pt idx="23">
                  <c:v>2792.2735402066664</c:v>
                </c:pt>
                <c:pt idx="24">
                  <c:v>3013.3312900396677</c:v>
                </c:pt>
                <c:pt idx="25">
                  <c:v>3199.0722106960957</c:v>
                </c:pt>
                <c:pt idx="26">
                  <c:v>2826.953779753806</c:v>
                </c:pt>
                <c:pt idx="27">
                  <c:v>1695.9676748636605</c:v>
                </c:pt>
                <c:pt idx="28">
                  <c:v>988.49084541763636</c:v>
                </c:pt>
                <c:pt idx="29">
                  <c:v>513.74320509421614</c:v>
                </c:pt>
                <c:pt idx="30">
                  <c:v>512.08512015371184</c:v>
                </c:pt>
                <c:pt idx="31">
                  <c:v>510.4270352132076</c:v>
                </c:pt>
                <c:pt idx="32">
                  <c:v>654.61093304141946</c:v>
                </c:pt>
                <c:pt idx="33">
                  <c:v>1379.4658882063352</c:v>
                </c:pt>
                <c:pt idx="34">
                  <c:v>2160.1960964140162</c:v>
                </c:pt>
                <c:pt idx="35">
                  <c:v>2882.2764828284853</c:v>
                </c:pt>
                <c:pt idx="36">
                  <c:v>3891.4688734245437</c:v>
                </c:pt>
                <c:pt idx="37">
                  <c:v>3235.3794856995924</c:v>
                </c:pt>
                <c:pt idx="38">
                  <c:v>2654.2181152588382</c:v>
                </c:pt>
                <c:pt idx="39">
                  <c:v>1590.1443946527959</c:v>
                </c:pt>
                <c:pt idx="40">
                  <c:v>1077.3109950526143</c:v>
                </c:pt>
                <c:pt idx="41">
                  <c:v>493.84618580816476</c:v>
                </c:pt>
                <c:pt idx="42">
                  <c:v>492.18810086766047</c:v>
                </c:pt>
                <c:pt idx="43">
                  <c:v>490.53001592715617</c:v>
                </c:pt>
                <c:pt idx="44">
                  <c:v>571.58371282261601</c:v>
                </c:pt>
                <c:pt idx="45">
                  <c:v>1185.523458315381</c:v>
                </c:pt>
                <c:pt idx="46">
                  <c:v>1821.1227153990549</c:v>
                </c:pt>
                <c:pt idx="47">
                  <c:v>2548.8529536082106</c:v>
                </c:pt>
                <c:pt idx="48">
                  <c:v>2902.0686643383374</c:v>
                </c:pt>
                <c:pt idx="49">
                  <c:v>3087.3366754333715</c:v>
                </c:pt>
                <c:pt idx="50">
                  <c:v>2339.4543438746086</c:v>
                </c:pt>
                <c:pt idx="51">
                  <c:v>1863.0840725985079</c:v>
                </c:pt>
                <c:pt idx="52">
                  <c:v>906.22916273575674</c:v>
                </c:pt>
                <c:pt idx="53">
                  <c:v>473.94916652211333</c:v>
                </c:pt>
                <c:pt idx="54">
                  <c:v>472.29108158160903</c:v>
                </c:pt>
                <c:pt idx="55">
                  <c:v>470.63299664110474</c:v>
                </c:pt>
                <c:pt idx="56">
                  <c:v>587.48427112524951</c:v>
                </c:pt>
                <c:pt idx="57">
                  <c:v>1086.2264560924941</c:v>
                </c:pt>
                <c:pt idx="58">
                  <c:v>2326.9752475140212</c:v>
                </c:pt>
                <c:pt idx="59">
                  <c:v>3013.740840265014</c:v>
                </c:pt>
                <c:pt idx="60">
                  <c:v>3297.8868298720358</c:v>
                </c:pt>
                <c:pt idx="61">
                  <c:v>3020.2280489441</c:v>
                </c:pt>
                <c:pt idx="62">
                  <c:v>2883.9419803112391</c:v>
                </c:pt>
                <c:pt idx="63">
                  <c:v>1809.5039590299291</c:v>
                </c:pt>
                <c:pt idx="64">
                  <c:v>1024.7766632475782</c:v>
                </c:pt>
                <c:pt idx="65">
                  <c:v>454.05214723606184</c:v>
                </c:pt>
                <c:pt idx="66">
                  <c:v>452.39406229555755</c:v>
                </c:pt>
                <c:pt idx="67">
                  <c:v>450.73597735505325</c:v>
                </c:pt>
                <c:pt idx="68">
                  <c:v>530.25986324244968</c:v>
                </c:pt>
                <c:pt idx="69">
                  <c:v>1182.5492500131013</c:v>
                </c:pt>
                <c:pt idx="70">
                  <c:v>2291.4154714321071</c:v>
                </c:pt>
                <c:pt idx="71">
                  <c:v>2583.103862256261</c:v>
                </c:pt>
                <c:pt idx="72">
                  <c:v>3222.6110100879437</c:v>
                </c:pt>
                <c:pt idx="73">
                  <c:v>2585.9180330964468</c:v>
                </c:pt>
                <c:pt idx="74">
                  <c:v>2521.8355066305894</c:v>
                </c:pt>
                <c:pt idx="75">
                  <c:v>1713.3044200426439</c:v>
                </c:pt>
                <c:pt idx="76">
                  <c:v>1188.3398665157636</c:v>
                </c:pt>
                <c:pt idx="77">
                  <c:v>434.15512795001041</c:v>
                </c:pt>
                <c:pt idx="78">
                  <c:v>432.49704300950611</c:v>
                </c:pt>
                <c:pt idx="79">
                  <c:v>430.83895806900182</c:v>
                </c:pt>
                <c:pt idx="80">
                  <c:v>515.15625178166374</c:v>
                </c:pt>
                <c:pt idx="81">
                  <c:v>1197.1129674642846</c:v>
                </c:pt>
                <c:pt idx="82">
                  <c:v>2147.6984057963678</c:v>
                </c:pt>
                <c:pt idx="83">
                  <c:v>2629.7465117410579</c:v>
                </c:pt>
                <c:pt idx="84">
                  <c:v>2652.6677966659495</c:v>
                </c:pt>
                <c:pt idx="85">
                  <c:v>2302.2355259447827</c:v>
                </c:pt>
                <c:pt idx="86">
                  <c:v>2214.1545017316507</c:v>
                </c:pt>
                <c:pt idx="87">
                  <c:v>1399.8832934374309</c:v>
                </c:pt>
                <c:pt idx="88">
                  <c:v>608.15306260805392</c:v>
                </c:pt>
                <c:pt idx="89">
                  <c:v>414.25810866395898</c:v>
                </c:pt>
                <c:pt idx="90">
                  <c:v>412.60002372345468</c:v>
                </c:pt>
                <c:pt idx="91">
                  <c:v>410.94193878295039</c:v>
                </c:pt>
                <c:pt idx="92">
                  <c:v>450.99670066230965</c:v>
                </c:pt>
                <c:pt idx="93">
                  <c:v>1047.0723034792654</c:v>
                </c:pt>
                <c:pt idx="94">
                  <c:v>1765.452083741648</c:v>
                </c:pt>
                <c:pt idx="95">
                  <c:v>2370.9654176623744</c:v>
                </c:pt>
                <c:pt idx="96">
                  <c:v>3183.5653336847336</c:v>
                </c:pt>
                <c:pt idx="97">
                  <c:v>2414.2312505915374</c:v>
                </c:pt>
                <c:pt idx="98">
                  <c:v>2470.858152555395</c:v>
                </c:pt>
                <c:pt idx="99">
                  <c:v>1434.9790811432599</c:v>
                </c:pt>
                <c:pt idx="100">
                  <c:v>681.11862510871481</c:v>
                </c:pt>
                <c:pt idx="101">
                  <c:v>394.36108937790755</c:v>
                </c:pt>
                <c:pt idx="102">
                  <c:v>392.70300443740325</c:v>
                </c:pt>
                <c:pt idx="103">
                  <c:v>391.04491949689896</c:v>
                </c:pt>
                <c:pt idx="104">
                  <c:v>454.45479609936035</c:v>
                </c:pt>
                <c:pt idx="105">
                  <c:v>1141.3910197288139</c:v>
                </c:pt>
                <c:pt idx="106">
                  <c:v>1719.9223457657827</c:v>
                </c:pt>
                <c:pt idx="107">
                  <c:v>2511.7515549549948</c:v>
                </c:pt>
                <c:pt idx="108">
                  <c:v>3077.9808460604977</c:v>
                </c:pt>
                <c:pt idx="109">
                  <c:v>2528.475147009874</c:v>
                </c:pt>
                <c:pt idx="110">
                  <c:v>2545.6834748436963</c:v>
                </c:pt>
                <c:pt idx="111">
                  <c:v>999.43232010455017</c:v>
                </c:pt>
                <c:pt idx="112">
                  <c:v>737.097129965465</c:v>
                </c:pt>
                <c:pt idx="113">
                  <c:v>374.46407009185606</c:v>
                </c:pt>
                <c:pt idx="114">
                  <c:v>372.80598515135182</c:v>
                </c:pt>
                <c:pt idx="115">
                  <c:v>371.14790021084752</c:v>
                </c:pt>
                <c:pt idx="116">
                  <c:v>476.37261103371003</c:v>
                </c:pt>
                <c:pt idx="117">
                  <c:v>1011.168748608538</c:v>
                </c:pt>
                <c:pt idx="118">
                  <c:v>1946.8237877860747</c:v>
                </c:pt>
                <c:pt idx="119">
                  <c:v>3174.2521978996674</c:v>
                </c:pt>
                <c:pt idx="120">
                  <c:v>2896.4375982936795</c:v>
                </c:pt>
                <c:pt idx="121">
                  <c:v>2553.5415631554615</c:v>
                </c:pt>
                <c:pt idx="122">
                  <c:v>2489.5901317828038</c:v>
                </c:pt>
                <c:pt idx="123">
                  <c:v>1345.6915162784644</c:v>
                </c:pt>
                <c:pt idx="124">
                  <c:v>690.8701713313518</c:v>
                </c:pt>
                <c:pt idx="125">
                  <c:v>354.56705080580463</c:v>
                </c:pt>
                <c:pt idx="126">
                  <c:v>352.90896586530033</c:v>
                </c:pt>
                <c:pt idx="127">
                  <c:v>351.25088092479609</c:v>
                </c:pt>
                <c:pt idx="128">
                  <c:v>446.78678869659007</c:v>
                </c:pt>
                <c:pt idx="129">
                  <c:v>1020.7177049736429</c:v>
                </c:pt>
                <c:pt idx="130">
                  <c:v>1528.535160270784</c:v>
                </c:pt>
                <c:pt idx="131">
                  <c:v>2295.9966355827296</c:v>
                </c:pt>
                <c:pt idx="132">
                  <c:v>2558.8705537218057</c:v>
                </c:pt>
                <c:pt idx="133">
                  <c:v>2412.5536325505577</c:v>
                </c:pt>
                <c:pt idx="134">
                  <c:v>2422.1895101713308</c:v>
                </c:pt>
                <c:pt idx="135">
                  <c:v>1497.9208235942301</c:v>
                </c:pt>
                <c:pt idx="136">
                  <c:v>1015.9098645802464</c:v>
                </c:pt>
                <c:pt idx="137">
                  <c:v>388.56182308902726</c:v>
                </c:pt>
                <c:pt idx="138">
                  <c:v>386.90373814852296</c:v>
                </c:pt>
                <c:pt idx="139">
                  <c:v>385.24565320801867</c:v>
                </c:pt>
                <c:pt idx="140">
                  <c:v>416.01956163845972</c:v>
                </c:pt>
                <c:pt idx="141">
                  <c:v>1231.161250819528</c:v>
                </c:pt>
                <c:pt idx="142">
                  <c:v>1946.2876952450345</c:v>
                </c:pt>
                <c:pt idx="143">
                  <c:v>2733.8960950813889</c:v>
                </c:pt>
                <c:pt idx="144">
                  <c:v>3354.3141174440675</c:v>
                </c:pt>
                <c:pt idx="145">
                  <c:v>2992.5437809816162</c:v>
                </c:pt>
                <c:pt idx="146">
                  <c:v>2490.6406833597021</c:v>
                </c:pt>
                <c:pt idx="147">
                  <c:v>1613.0998864819849</c:v>
                </c:pt>
                <c:pt idx="148">
                  <c:v>924.38408556237107</c:v>
                </c:pt>
                <c:pt idx="149">
                  <c:v>368.66480380297583</c:v>
                </c:pt>
                <c:pt idx="150">
                  <c:v>367.00671886247153</c:v>
                </c:pt>
                <c:pt idx="151">
                  <c:v>365.34863392196723</c:v>
                </c:pt>
                <c:pt idx="152">
                  <c:v>439.46718758087286</c:v>
                </c:pt>
                <c:pt idx="153">
                  <c:v>1151.9170724031319</c:v>
                </c:pt>
                <c:pt idx="154">
                  <c:v>1748.5405355243861</c:v>
                </c:pt>
                <c:pt idx="155">
                  <c:v>2505.5082470113834</c:v>
                </c:pt>
                <c:pt idx="156">
                  <c:v>3465.7546587986385</c:v>
                </c:pt>
                <c:pt idx="157">
                  <c:v>2699.493891448361</c:v>
                </c:pt>
                <c:pt idx="158">
                  <c:v>2192.2791080466732</c:v>
                </c:pt>
                <c:pt idx="159">
                  <c:v>1429.9429714387886</c:v>
                </c:pt>
                <c:pt idx="160">
                  <c:v>772.55425190861229</c:v>
                </c:pt>
                <c:pt idx="161">
                  <c:v>348.76778451692439</c:v>
                </c:pt>
                <c:pt idx="162">
                  <c:v>347.1096995764201</c:v>
                </c:pt>
                <c:pt idx="163">
                  <c:v>345.4516146359158</c:v>
                </c:pt>
                <c:pt idx="164">
                  <c:v>395.70511656903147</c:v>
                </c:pt>
                <c:pt idx="165">
                  <c:v>1026.6285918359774</c:v>
                </c:pt>
                <c:pt idx="166">
                  <c:v>1729.427998061893</c:v>
                </c:pt>
                <c:pt idx="167">
                  <c:v>2656.0607564909669</c:v>
                </c:pt>
                <c:pt idx="168">
                  <c:v>3188.4210534135882</c:v>
                </c:pt>
                <c:pt idx="169">
                  <c:v>2624.5166637585526</c:v>
                </c:pt>
                <c:pt idx="170">
                  <c:v>2613.7502739492979</c:v>
                </c:pt>
                <c:pt idx="171">
                  <c:v>1403.5155563224512</c:v>
                </c:pt>
                <c:pt idx="172">
                  <c:v>866.18740120936468</c:v>
                </c:pt>
                <c:pt idx="173">
                  <c:v>328.87076523087296</c:v>
                </c:pt>
                <c:pt idx="174">
                  <c:v>327.21268029036867</c:v>
                </c:pt>
                <c:pt idx="175">
                  <c:v>325.55459534986437</c:v>
                </c:pt>
                <c:pt idx="176">
                  <c:v>357.96030218890633</c:v>
                </c:pt>
                <c:pt idx="177">
                  <c:v>973.22712785348779</c:v>
                </c:pt>
                <c:pt idx="178">
                  <c:v>1709.7275149978127</c:v>
                </c:pt>
                <c:pt idx="179">
                  <c:v>2771.8220210149843</c:v>
                </c:pt>
                <c:pt idx="180">
                  <c:v>2348.3190970214232</c:v>
                </c:pt>
                <c:pt idx="181">
                  <c:v>2557.4080372692806</c:v>
                </c:pt>
                <c:pt idx="182">
                  <c:v>2240.0877075821199</c:v>
                </c:pt>
                <c:pt idx="183">
                  <c:v>1294.5989307182936</c:v>
                </c:pt>
                <c:pt idx="184">
                  <c:v>717.99747588790001</c:v>
                </c:pt>
                <c:pt idx="185">
                  <c:v>312.28991582583006</c:v>
                </c:pt>
                <c:pt idx="186">
                  <c:v>312.28991582583006</c:v>
                </c:pt>
                <c:pt idx="187">
                  <c:v>312.28991582583006</c:v>
                </c:pt>
                <c:pt idx="188">
                  <c:v>408.5660219332903</c:v>
                </c:pt>
                <c:pt idx="189">
                  <c:v>1160.1338836615816</c:v>
                </c:pt>
                <c:pt idx="190">
                  <c:v>1721.5701983570257</c:v>
                </c:pt>
                <c:pt idx="191">
                  <c:v>2240.9109011050759</c:v>
                </c:pt>
                <c:pt idx="192">
                  <c:v>2723.1386429128233</c:v>
                </c:pt>
                <c:pt idx="193">
                  <c:v>3066.675031308951</c:v>
                </c:pt>
                <c:pt idx="194">
                  <c:v>2243.2757260262883</c:v>
                </c:pt>
                <c:pt idx="195">
                  <c:v>1525.9124251278904</c:v>
                </c:pt>
                <c:pt idx="196">
                  <c:v>650.61548056705374</c:v>
                </c:pt>
                <c:pt idx="197">
                  <c:v>312.28991582583006</c:v>
                </c:pt>
                <c:pt idx="198">
                  <c:v>312.28991582583006</c:v>
                </c:pt>
                <c:pt idx="199">
                  <c:v>312.28991582583006</c:v>
                </c:pt>
                <c:pt idx="200">
                  <c:v>368.79093572364042</c:v>
                </c:pt>
                <c:pt idx="201">
                  <c:v>749.2351440166367</c:v>
                </c:pt>
                <c:pt idx="202">
                  <c:v>1939.6885660839744</c:v>
                </c:pt>
                <c:pt idx="203">
                  <c:v>2536.9702403881142</c:v>
                </c:pt>
                <c:pt idx="204">
                  <c:v>2704.2568261656484</c:v>
                </c:pt>
                <c:pt idx="205">
                  <c:v>2823.4646241492087</c:v>
                </c:pt>
                <c:pt idx="206">
                  <c:v>2537.9047610860025</c:v>
                </c:pt>
                <c:pt idx="207">
                  <c:v>1235.0281730389479</c:v>
                </c:pt>
                <c:pt idx="208">
                  <c:v>851.41729481411107</c:v>
                </c:pt>
                <c:pt idx="209">
                  <c:v>312.28991582583006</c:v>
                </c:pt>
                <c:pt idx="210">
                  <c:v>312.28991582583006</c:v>
                </c:pt>
                <c:pt idx="211">
                  <c:v>312.28991582583006</c:v>
                </c:pt>
                <c:pt idx="212">
                  <c:v>373.86180877101839</c:v>
                </c:pt>
                <c:pt idx="213">
                  <c:v>1124.5354618987906</c:v>
                </c:pt>
                <c:pt idx="214">
                  <c:v>1921.4503382585522</c:v>
                </c:pt>
                <c:pt idx="215">
                  <c:v>2757.7274691729976</c:v>
                </c:pt>
                <c:pt idx="216">
                  <c:v>3375.329397525159</c:v>
                </c:pt>
                <c:pt idx="217">
                  <c:v>2545.5341078659221</c:v>
                </c:pt>
                <c:pt idx="218">
                  <c:v>2243.9882585476621</c:v>
                </c:pt>
                <c:pt idx="219">
                  <c:v>1370.2037291808181</c:v>
                </c:pt>
                <c:pt idx="220">
                  <c:v>720.27678512667853</c:v>
                </c:pt>
                <c:pt idx="221">
                  <c:v>312.28991582583006</c:v>
                </c:pt>
                <c:pt idx="222">
                  <c:v>312.28991582583006</c:v>
                </c:pt>
                <c:pt idx="223">
                  <c:v>312.28991582583006</c:v>
                </c:pt>
                <c:pt idx="224">
                  <c:v>380.79755118355087</c:v>
                </c:pt>
                <c:pt idx="225">
                  <c:v>1169.0352494766476</c:v>
                </c:pt>
                <c:pt idx="226">
                  <c:v>1606.50835285224</c:v>
                </c:pt>
                <c:pt idx="227">
                  <c:v>2657.8915968755473</c:v>
                </c:pt>
                <c:pt idx="228">
                  <c:v>2991.0017693390382</c:v>
                </c:pt>
                <c:pt idx="229">
                  <c:v>2579.9930855932753</c:v>
                </c:pt>
                <c:pt idx="230">
                  <c:v>1980.6813353678349</c:v>
                </c:pt>
                <c:pt idx="231">
                  <c:v>1085.9829297372034</c:v>
                </c:pt>
                <c:pt idx="232">
                  <c:v>651.89814497798284</c:v>
                </c:pt>
                <c:pt idx="233">
                  <c:v>312.28991582583006</c:v>
                </c:pt>
                <c:pt idx="234">
                  <c:v>312.28991582583006</c:v>
                </c:pt>
                <c:pt idx="235">
                  <c:v>312.28991582583006</c:v>
                </c:pt>
                <c:pt idx="236">
                  <c:v>401.83026406478683</c:v>
                </c:pt>
                <c:pt idx="237">
                  <c:v>1003.3308751469056</c:v>
                </c:pt>
                <c:pt idx="238">
                  <c:v>1816.0763118257396</c:v>
                </c:pt>
                <c:pt idx="239">
                  <c:v>2795.7003023256607</c:v>
                </c:pt>
                <c:pt idx="240">
                  <c:v>3225.2896582396502</c:v>
                </c:pt>
                <c:pt idx="241">
                  <c:v>2696.4760795884604</c:v>
                </c:pt>
                <c:pt idx="242">
                  <c:v>2448.3031769162985</c:v>
                </c:pt>
                <c:pt idx="243">
                  <c:v>1471.2633231797092</c:v>
                </c:pt>
                <c:pt idx="244">
                  <c:v>715.73253486871181</c:v>
                </c:pt>
                <c:pt idx="245">
                  <c:v>312.28991582583006</c:v>
                </c:pt>
                <c:pt idx="246">
                  <c:v>312.28991582583006</c:v>
                </c:pt>
                <c:pt idx="247">
                  <c:v>312.28991582583006</c:v>
                </c:pt>
                <c:pt idx="248">
                  <c:v>390.51425203814148</c:v>
                </c:pt>
                <c:pt idx="249">
                  <c:v>1007.0415101719227</c:v>
                </c:pt>
                <c:pt idx="250">
                  <c:v>1556.9362643818865</c:v>
                </c:pt>
                <c:pt idx="251">
                  <c:v>2295.8148074946703</c:v>
                </c:pt>
              </c:numCache>
            </c:numRef>
          </c:val>
        </c:ser>
        <c:marker val="1"/>
        <c:axId val="48655744"/>
        <c:axId val="48673920"/>
      </c:lineChart>
      <c:dateAx>
        <c:axId val="48655744"/>
        <c:scaling>
          <c:orientation val="minMax"/>
        </c:scaling>
        <c:axPos val="b"/>
        <c:numFmt formatCode="mmm\-yy" sourceLinked="1"/>
        <c:tickLblPos val="nextTo"/>
        <c:crossAx val="48673920"/>
        <c:crosses val="autoZero"/>
        <c:auto val="1"/>
        <c:lblOffset val="100"/>
      </c:dateAx>
      <c:valAx>
        <c:axId val="48673920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  <c:layout/>
        </c:title>
        <c:numFmt formatCode="#,##0.0_ ;[Red]\-#,##0.0\ 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8655744"/>
        <c:crosses val="autoZero"/>
        <c:crossBetween val="between"/>
      </c:valAx>
    </c:plotArea>
    <c:legend>
      <c:legendPos val="b"/>
      <c:layout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11" l="0.70000000000000062" r="0.70000000000000062" t="0.75000000000000111" header="0.30000000000000032" footer="0.30000000000000032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 sz="1400"/>
              <a:t>Commercial Usage Regression</a:t>
            </a:r>
          </a:p>
          <a:p>
            <a:pPr>
              <a:defRPr/>
            </a:pPr>
            <a:r>
              <a:rPr lang="en-US" sz="1200" b="0"/>
              <a:t>Rolling 12 Months</a:t>
            </a:r>
            <a:r>
              <a:rPr lang="en-US" sz="1200" b="0" baseline="0"/>
              <a:t> Total Usage</a:t>
            </a:r>
            <a:endParaRPr lang="en-US" sz="1600" b="0"/>
          </a:p>
        </c:rich>
      </c:tx>
    </c:title>
    <c:plotArea>
      <c:layout/>
      <c:lineChart>
        <c:grouping val="standard"/>
        <c:ser>
          <c:idx val="0"/>
          <c:order val="0"/>
          <c:tx>
            <c:strRef>
              <c:f>'Commercial Regression'!$F$49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numRef>
              <c:f>'Commercial Regression'!$A$50:$A$290</c:f>
              <c:numCache>
                <c:formatCode>mmm\-yy</c:formatCode>
                <c:ptCount val="241"/>
                <c:pt idx="0">
                  <c:v>33573</c:v>
                </c:pt>
                <c:pt idx="1">
                  <c:v>33604</c:v>
                </c:pt>
                <c:pt idx="2">
                  <c:v>33635</c:v>
                </c:pt>
                <c:pt idx="3">
                  <c:v>33664</c:v>
                </c:pt>
                <c:pt idx="4">
                  <c:v>33695</c:v>
                </c:pt>
                <c:pt idx="5">
                  <c:v>33725</c:v>
                </c:pt>
                <c:pt idx="6">
                  <c:v>33756</c:v>
                </c:pt>
                <c:pt idx="7">
                  <c:v>33786</c:v>
                </c:pt>
                <c:pt idx="8">
                  <c:v>33817</c:v>
                </c:pt>
                <c:pt idx="9">
                  <c:v>33848</c:v>
                </c:pt>
                <c:pt idx="10">
                  <c:v>33878</c:v>
                </c:pt>
                <c:pt idx="11">
                  <c:v>33909</c:v>
                </c:pt>
                <c:pt idx="12">
                  <c:v>33939</c:v>
                </c:pt>
                <c:pt idx="13">
                  <c:v>33970</c:v>
                </c:pt>
                <c:pt idx="14">
                  <c:v>34001</c:v>
                </c:pt>
                <c:pt idx="15">
                  <c:v>34029</c:v>
                </c:pt>
                <c:pt idx="16">
                  <c:v>34060</c:v>
                </c:pt>
                <c:pt idx="17">
                  <c:v>34090</c:v>
                </c:pt>
                <c:pt idx="18">
                  <c:v>34121</c:v>
                </c:pt>
                <c:pt idx="19">
                  <c:v>34151</c:v>
                </c:pt>
                <c:pt idx="20">
                  <c:v>34182</c:v>
                </c:pt>
                <c:pt idx="21">
                  <c:v>34213</c:v>
                </c:pt>
                <c:pt idx="22">
                  <c:v>34243</c:v>
                </c:pt>
                <c:pt idx="23">
                  <c:v>34274</c:v>
                </c:pt>
                <c:pt idx="24">
                  <c:v>34304</c:v>
                </c:pt>
                <c:pt idx="25">
                  <c:v>34335</c:v>
                </c:pt>
                <c:pt idx="26">
                  <c:v>34366</c:v>
                </c:pt>
                <c:pt idx="27">
                  <c:v>34394</c:v>
                </c:pt>
                <c:pt idx="28">
                  <c:v>34425</c:v>
                </c:pt>
                <c:pt idx="29">
                  <c:v>34455</c:v>
                </c:pt>
                <c:pt idx="30">
                  <c:v>34486</c:v>
                </c:pt>
                <c:pt idx="31">
                  <c:v>34516</c:v>
                </c:pt>
                <c:pt idx="32">
                  <c:v>34547</c:v>
                </c:pt>
                <c:pt idx="33">
                  <c:v>34578</c:v>
                </c:pt>
                <c:pt idx="34">
                  <c:v>34608</c:v>
                </c:pt>
                <c:pt idx="35">
                  <c:v>34639</c:v>
                </c:pt>
                <c:pt idx="36">
                  <c:v>34669</c:v>
                </c:pt>
                <c:pt idx="37">
                  <c:v>34700</c:v>
                </c:pt>
                <c:pt idx="38">
                  <c:v>34731</c:v>
                </c:pt>
                <c:pt idx="39">
                  <c:v>34759</c:v>
                </c:pt>
                <c:pt idx="40">
                  <c:v>34790</c:v>
                </c:pt>
                <c:pt idx="41">
                  <c:v>34820</c:v>
                </c:pt>
                <c:pt idx="42">
                  <c:v>34851</c:v>
                </c:pt>
                <c:pt idx="43">
                  <c:v>34881</c:v>
                </c:pt>
                <c:pt idx="44">
                  <c:v>34912</c:v>
                </c:pt>
                <c:pt idx="45">
                  <c:v>34943</c:v>
                </c:pt>
                <c:pt idx="46">
                  <c:v>34973</c:v>
                </c:pt>
                <c:pt idx="47">
                  <c:v>35004</c:v>
                </c:pt>
                <c:pt idx="48">
                  <c:v>35034</c:v>
                </c:pt>
                <c:pt idx="49">
                  <c:v>35065</c:v>
                </c:pt>
                <c:pt idx="50">
                  <c:v>35096</c:v>
                </c:pt>
                <c:pt idx="51">
                  <c:v>35125</c:v>
                </c:pt>
                <c:pt idx="52">
                  <c:v>35156</c:v>
                </c:pt>
                <c:pt idx="53">
                  <c:v>35186</c:v>
                </c:pt>
                <c:pt idx="54">
                  <c:v>35217</c:v>
                </c:pt>
                <c:pt idx="55">
                  <c:v>35247</c:v>
                </c:pt>
                <c:pt idx="56">
                  <c:v>35278</c:v>
                </c:pt>
                <c:pt idx="57">
                  <c:v>35309</c:v>
                </c:pt>
                <c:pt idx="58">
                  <c:v>35339</c:v>
                </c:pt>
                <c:pt idx="59">
                  <c:v>35370</c:v>
                </c:pt>
                <c:pt idx="60">
                  <c:v>35400</c:v>
                </c:pt>
                <c:pt idx="61">
                  <c:v>35431</c:v>
                </c:pt>
                <c:pt idx="62">
                  <c:v>35462</c:v>
                </c:pt>
                <c:pt idx="63">
                  <c:v>35490</c:v>
                </c:pt>
                <c:pt idx="64">
                  <c:v>35521</c:v>
                </c:pt>
                <c:pt idx="65">
                  <c:v>35551</c:v>
                </c:pt>
                <c:pt idx="66">
                  <c:v>35582</c:v>
                </c:pt>
                <c:pt idx="67">
                  <c:v>35612</c:v>
                </c:pt>
                <c:pt idx="68">
                  <c:v>35643</c:v>
                </c:pt>
                <c:pt idx="69">
                  <c:v>35674</c:v>
                </c:pt>
                <c:pt idx="70">
                  <c:v>35704</c:v>
                </c:pt>
                <c:pt idx="71">
                  <c:v>35735</c:v>
                </c:pt>
                <c:pt idx="72">
                  <c:v>35765</c:v>
                </c:pt>
                <c:pt idx="73">
                  <c:v>35796</c:v>
                </c:pt>
                <c:pt idx="74">
                  <c:v>35827</c:v>
                </c:pt>
                <c:pt idx="75">
                  <c:v>35855</c:v>
                </c:pt>
                <c:pt idx="76">
                  <c:v>35886</c:v>
                </c:pt>
                <c:pt idx="77">
                  <c:v>35916</c:v>
                </c:pt>
                <c:pt idx="78">
                  <c:v>35947</c:v>
                </c:pt>
                <c:pt idx="79">
                  <c:v>35977</c:v>
                </c:pt>
                <c:pt idx="80">
                  <c:v>36008</c:v>
                </c:pt>
                <c:pt idx="81">
                  <c:v>36039</c:v>
                </c:pt>
                <c:pt idx="82">
                  <c:v>36069</c:v>
                </c:pt>
                <c:pt idx="83">
                  <c:v>36100</c:v>
                </c:pt>
                <c:pt idx="84">
                  <c:v>36130</c:v>
                </c:pt>
                <c:pt idx="85">
                  <c:v>36161</c:v>
                </c:pt>
                <c:pt idx="86">
                  <c:v>36192</c:v>
                </c:pt>
                <c:pt idx="87">
                  <c:v>36220</c:v>
                </c:pt>
                <c:pt idx="88">
                  <c:v>36251</c:v>
                </c:pt>
                <c:pt idx="89">
                  <c:v>36281</c:v>
                </c:pt>
                <c:pt idx="90">
                  <c:v>36312</c:v>
                </c:pt>
                <c:pt idx="91">
                  <c:v>36342</c:v>
                </c:pt>
                <c:pt idx="92">
                  <c:v>36373</c:v>
                </c:pt>
                <c:pt idx="93">
                  <c:v>36404</c:v>
                </c:pt>
                <c:pt idx="94">
                  <c:v>36434</c:v>
                </c:pt>
                <c:pt idx="95">
                  <c:v>36465</c:v>
                </c:pt>
                <c:pt idx="96">
                  <c:v>36495</c:v>
                </c:pt>
                <c:pt idx="97">
                  <c:v>36526</c:v>
                </c:pt>
                <c:pt idx="98">
                  <c:v>36557</c:v>
                </c:pt>
                <c:pt idx="99">
                  <c:v>36586</c:v>
                </c:pt>
                <c:pt idx="100">
                  <c:v>36617</c:v>
                </c:pt>
                <c:pt idx="101">
                  <c:v>36647</c:v>
                </c:pt>
                <c:pt idx="102">
                  <c:v>36678</c:v>
                </c:pt>
                <c:pt idx="103">
                  <c:v>36708</c:v>
                </c:pt>
                <c:pt idx="104">
                  <c:v>36739</c:v>
                </c:pt>
                <c:pt idx="105">
                  <c:v>36770</c:v>
                </c:pt>
                <c:pt idx="106">
                  <c:v>36800</c:v>
                </c:pt>
                <c:pt idx="107">
                  <c:v>36831</c:v>
                </c:pt>
                <c:pt idx="108">
                  <c:v>36861</c:v>
                </c:pt>
                <c:pt idx="109">
                  <c:v>36892</c:v>
                </c:pt>
                <c:pt idx="110">
                  <c:v>36923</c:v>
                </c:pt>
                <c:pt idx="111">
                  <c:v>36951</c:v>
                </c:pt>
                <c:pt idx="112">
                  <c:v>36982</c:v>
                </c:pt>
                <c:pt idx="113">
                  <c:v>37012</c:v>
                </c:pt>
                <c:pt idx="114">
                  <c:v>37043</c:v>
                </c:pt>
                <c:pt idx="115">
                  <c:v>37073</c:v>
                </c:pt>
                <c:pt idx="116">
                  <c:v>37104</c:v>
                </c:pt>
                <c:pt idx="117">
                  <c:v>37135</c:v>
                </c:pt>
                <c:pt idx="118">
                  <c:v>37165</c:v>
                </c:pt>
                <c:pt idx="119">
                  <c:v>37196</c:v>
                </c:pt>
                <c:pt idx="120">
                  <c:v>37226</c:v>
                </c:pt>
                <c:pt idx="121">
                  <c:v>37257</c:v>
                </c:pt>
                <c:pt idx="122">
                  <c:v>37288</c:v>
                </c:pt>
                <c:pt idx="123">
                  <c:v>37316</c:v>
                </c:pt>
                <c:pt idx="124">
                  <c:v>37347</c:v>
                </c:pt>
                <c:pt idx="125">
                  <c:v>37377</c:v>
                </c:pt>
                <c:pt idx="126">
                  <c:v>37408</c:v>
                </c:pt>
                <c:pt idx="127">
                  <c:v>37438</c:v>
                </c:pt>
                <c:pt idx="128">
                  <c:v>37469</c:v>
                </c:pt>
                <c:pt idx="129">
                  <c:v>37500</c:v>
                </c:pt>
                <c:pt idx="130">
                  <c:v>37530</c:v>
                </c:pt>
                <c:pt idx="131">
                  <c:v>37561</c:v>
                </c:pt>
                <c:pt idx="132">
                  <c:v>37591</c:v>
                </c:pt>
                <c:pt idx="133">
                  <c:v>37622</c:v>
                </c:pt>
                <c:pt idx="134">
                  <c:v>37653</c:v>
                </c:pt>
                <c:pt idx="135">
                  <c:v>37681</c:v>
                </c:pt>
                <c:pt idx="136">
                  <c:v>37712</c:v>
                </c:pt>
                <c:pt idx="137">
                  <c:v>37742</c:v>
                </c:pt>
                <c:pt idx="138">
                  <c:v>37773</c:v>
                </c:pt>
                <c:pt idx="139">
                  <c:v>37803</c:v>
                </c:pt>
                <c:pt idx="140">
                  <c:v>37834</c:v>
                </c:pt>
                <c:pt idx="141">
                  <c:v>37865</c:v>
                </c:pt>
                <c:pt idx="142">
                  <c:v>37895</c:v>
                </c:pt>
                <c:pt idx="143">
                  <c:v>37926</c:v>
                </c:pt>
                <c:pt idx="144">
                  <c:v>37956</c:v>
                </c:pt>
                <c:pt idx="145">
                  <c:v>37987</c:v>
                </c:pt>
                <c:pt idx="146">
                  <c:v>38018</c:v>
                </c:pt>
                <c:pt idx="147">
                  <c:v>38047</c:v>
                </c:pt>
                <c:pt idx="148">
                  <c:v>38078</c:v>
                </c:pt>
                <c:pt idx="149">
                  <c:v>38108</c:v>
                </c:pt>
                <c:pt idx="150">
                  <c:v>38139</c:v>
                </c:pt>
                <c:pt idx="151">
                  <c:v>38169</c:v>
                </c:pt>
                <c:pt idx="152">
                  <c:v>38200</c:v>
                </c:pt>
                <c:pt idx="153">
                  <c:v>38231</c:v>
                </c:pt>
                <c:pt idx="154">
                  <c:v>38261</c:v>
                </c:pt>
                <c:pt idx="155">
                  <c:v>38292</c:v>
                </c:pt>
                <c:pt idx="156">
                  <c:v>38322</c:v>
                </c:pt>
                <c:pt idx="157">
                  <c:v>38353</c:v>
                </c:pt>
                <c:pt idx="158">
                  <c:v>38384</c:v>
                </c:pt>
                <c:pt idx="159">
                  <c:v>38412</c:v>
                </c:pt>
                <c:pt idx="160">
                  <c:v>38443</c:v>
                </c:pt>
                <c:pt idx="161">
                  <c:v>38473</c:v>
                </c:pt>
                <c:pt idx="162">
                  <c:v>38504</c:v>
                </c:pt>
                <c:pt idx="163">
                  <c:v>38534</c:v>
                </c:pt>
                <c:pt idx="164">
                  <c:v>38565</c:v>
                </c:pt>
                <c:pt idx="165">
                  <c:v>38596</c:v>
                </c:pt>
                <c:pt idx="166">
                  <c:v>38626</c:v>
                </c:pt>
                <c:pt idx="167">
                  <c:v>38657</c:v>
                </c:pt>
                <c:pt idx="168">
                  <c:v>38687</c:v>
                </c:pt>
                <c:pt idx="169">
                  <c:v>38718</c:v>
                </c:pt>
                <c:pt idx="170">
                  <c:v>38749</c:v>
                </c:pt>
                <c:pt idx="171">
                  <c:v>38777</c:v>
                </c:pt>
                <c:pt idx="172">
                  <c:v>38808</c:v>
                </c:pt>
                <c:pt idx="173">
                  <c:v>38838</c:v>
                </c:pt>
                <c:pt idx="174">
                  <c:v>38869</c:v>
                </c:pt>
                <c:pt idx="175">
                  <c:v>38899</c:v>
                </c:pt>
                <c:pt idx="176">
                  <c:v>38930</c:v>
                </c:pt>
                <c:pt idx="177">
                  <c:v>38961</c:v>
                </c:pt>
                <c:pt idx="178">
                  <c:v>38991</c:v>
                </c:pt>
                <c:pt idx="179">
                  <c:v>39022</c:v>
                </c:pt>
                <c:pt idx="180">
                  <c:v>39052</c:v>
                </c:pt>
                <c:pt idx="181">
                  <c:v>39083</c:v>
                </c:pt>
                <c:pt idx="182">
                  <c:v>39114</c:v>
                </c:pt>
                <c:pt idx="183">
                  <c:v>39142</c:v>
                </c:pt>
                <c:pt idx="184">
                  <c:v>39173</c:v>
                </c:pt>
                <c:pt idx="185">
                  <c:v>39203</c:v>
                </c:pt>
                <c:pt idx="186">
                  <c:v>39234</c:v>
                </c:pt>
                <c:pt idx="187">
                  <c:v>39264</c:v>
                </c:pt>
                <c:pt idx="188">
                  <c:v>39295</c:v>
                </c:pt>
                <c:pt idx="189">
                  <c:v>39326</c:v>
                </c:pt>
                <c:pt idx="190">
                  <c:v>39356</c:v>
                </c:pt>
                <c:pt idx="191">
                  <c:v>39387</c:v>
                </c:pt>
                <c:pt idx="192">
                  <c:v>39417</c:v>
                </c:pt>
                <c:pt idx="193">
                  <c:v>39448</c:v>
                </c:pt>
                <c:pt idx="194">
                  <c:v>39479</c:v>
                </c:pt>
                <c:pt idx="195">
                  <c:v>39508</c:v>
                </c:pt>
                <c:pt idx="196">
                  <c:v>39539</c:v>
                </c:pt>
                <c:pt idx="197">
                  <c:v>39569</c:v>
                </c:pt>
                <c:pt idx="198">
                  <c:v>39600</c:v>
                </c:pt>
                <c:pt idx="199">
                  <c:v>39630</c:v>
                </c:pt>
                <c:pt idx="200">
                  <c:v>39661</c:v>
                </c:pt>
                <c:pt idx="201">
                  <c:v>39692</c:v>
                </c:pt>
                <c:pt idx="202">
                  <c:v>39722</c:v>
                </c:pt>
                <c:pt idx="203">
                  <c:v>39753</c:v>
                </c:pt>
                <c:pt idx="204">
                  <c:v>39783</c:v>
                </c:pt>
                <c:pt idx="205">
                  <c:v>39814</c:v>
                </c:pt>
                <c:pt idx="206">
                  <c:v>39845</c:v>
                </c:pt>
                <c:pt idx="207">
                  <c:v>39873</c:v>
                </c:pt>
                <c:pt idx="208">
                  <c:v>39904</c:v>
                </c:pt>
                <c:pt idx="209">
                  <c:v>39934</c:v>
                </c:pt>
                <c:pt idx="210">
                  <c:v>39965</c:v>
                </c:pt>
                <c:pt idx="211">
                  <c:v>39995</c:v>
                </c:pt>
                <c:pt idx="212">
                  <c:v>40026</c:v>
                </c:pt>
                <c:pt idx="213">
                  <c:v>40057</c:v>
                </c:pt>
                <c:pt idx="214">
                  <c:v>40087</c:v>
                </c:pt>
                <c:pt idx="215">
                  <c:v>40118</c:v>
                </c:pt>
                <c:pt idx="216">
                  <c:v>40148</c:v>
                </c:pt>
                <c:pt idx="217">
                  <c:v>40179</c:v>
                </c:pt>
                <c:pt idx="218">
                  <c:v>40210</c:v>
                </c:pt>
                <c:pt idx="219">
                  <c:v>40238</c:v>
                </c:pt>
                <c:pt idx="220">
                  <c:v>40269</c:v>
                </c:pt>
                <c:pt idx="221">
                  <c:v>40299</c:v>
                </c:pt>
                <c:pt idx="222">
                  <c:v>40330</c:v>
                </c:pt>
                <c:pt idx="223">
                  <c:v>40360</c:v>
                </c:pt>
                <c:pt idx="224">
                  <c:v>40391</c:v>
                </c:pt>
                <c:pt idx="225">
                  <c:v>40422</c:v>
                </c:pt>
                <c:pt idx="226">
                  <c:v>40452</c:v>
                </c:pt>
                <c:pt idx="227">
                  <c:v>40483</c:v>
                </c:pt>
                <c:pt idx="228">
                  <c:v>40513</c:v>
                </c:pt>
                <c:pt idx="229">
                  <c:v>40544</c:v>
                </c:pt>
                <c:pt idx="230">
                  <c:v>40575</c:v>
                </c:pt>
                <c:pt idx="231">
                  <c:v>40603</c:v>
                </c:pt>
                <c:pt idx="232">
                  <c:v>40634</c:v>
                </c:pt>
                <c:pt idx="233">
                  <c:v>40664</c:v>
                </c:pt>
                <c:pt idx="234">
                  <c:v>40695</c:v>
                </c:pt>
                <c:pt idx="235">
                  <c:v>40725</c:v>
                </c:pt>
                <c:pt idx="236">
                  <c:v>40756</c:v>
                </c:pt>
                <c:pt idx="237">
                  <c:v>40787</c:v>
                </c:pt>
                <c:pt idx="238">
                  <c:v>40817</c:v>
                </c:pt>
                <c:pt idx="239">
                  <c:v>40848</c:v>
                </c:pt>
                <c:pt idx="240">
                  <c:v>40878</c:v>
                </c:pt>
              </c:numCache>
            </c:numRef>
          </c:cat>
          <c:val>
            <c:numRef>
              <c:f>'Commercial Regression'!$F$50:$F$290</c:f>
              <c:numCache>
                <c:formatCode>_-* #,##0_-;\-* #,##0_-;_-* "-"??_-;_-@_-</c:formatCode>
                <c:ptCount val="241"/>
                <c:pt idx="0">
                  <c:v>19546.170913359936</c:v>
                </c:pt>
                <c:pt idx="1">
                  <c:v>19277.248602013533</c:v>
                </c:pt>
                <c:pt idx="2">
                  <c:v>19399.080827739592</c:v>
                </c:pt>
                <c:pt idx="3">
                  <c:v>19686.435485617949</c:v>
                </c:pt>
                <c:pt idx="4">
                  <c:v>20022.521182357679</c:v>
                </c:pt>
                <c:pt idx="5">
                  <c:v>20182.846198650052</c:v>
                </c:pt>
                <c:pt idx="6">
                  <c:v>20150.282549268915</c:v>
                </c:pt>
                <c:pt idx="7">
                  <c:v>20170.481618860991</c:v>
                </c:pt>
                <c:pt idx="8">
                  <c:v>20191.515785275293</c:v>
                </c:pt>
                <c:pt idx="9">
                  <c:v>20220.524804764711</c:v>
                </c:pt>
                <c:pt idx="10">
                  <c:v>20232.307464600966</c:v>
                </c:pt>
                <c:pt idx="11">
                  <c:v>20203.994090155422</c:v>
                </c:pt>
                <c:pt idx="12">
                  <c:v>20308.124451676271</c:v>
                </c:pt>
                <c:pt idx="13">
                  <c:v>20306.756679634946</c:v>
                </c:pt>
                <c:pt idx="14">
                  <c:v>20664.030418939092</c:v>
                </c:pt>
                <c:pt idx="15">
                  <c:v>20589.411331422871</c:v>
                </c:pt>
                <c:pt idx="16">
                  <c:v>20417.588191080798</c:v>
                </c:pt>
                <c:pt idx="17">
                  <c:v>20350.465281272627</c:v>
                </c:pt>
                <c:pt idx="18">
                  <c:v>20351.64603017538</c:v>
                </c:pt>
                <c:pt idx="19">
                  <c:v>20297.133328959273</c:v>
                </c:pt>
                <c:pt idx="20">
                  <c:v>20231.162139955995</c:v>
                </c:pt>
                <c:pt idx="21">
                  <c:v>20248.827100760023</c:v>
                </c:pt>
                <c:pt idx="22">
                  <c:v>20295.748193210136</c:v>
                </c:pt>
                <c:pt idx="23">
                  <c:v>20436.613743506972</c:v>
                </c:pt>
                <c:pt idx="24">
                  <c:v>20200.538588720221</c:v>
                </c:pt>
                <c:pt idx="25">
                  <c:v>20926.888007113386</c:v>
                </c:pt>
                <c:pt idx="26">
                  <c:v>20850.734076919151</c:v>
                </c:pt>
                <c:pt idx="27">
                  <c:v>20688.383898165459</c:v>
                </c:pt>
                <c:pt idx="28">
                  <c:v>20662.017080496807</c:v>
                </c:pt>
                <c:pt idx="29">
                  <c:v>20791.444252615624</c:v>
                </c:pt>
                <c:pt idx="30">
                  <c:v>20765.089377818549</c:v>
                </c:pt>
                <c:pt idx="31">
                  <c:v>20797.475676663576</c:v>
                </c:pt>
                <c:pt idx="32">
                  <c:v>20847.64512390763</c:v>
                </c:pt>
                <c:pt idx="33">
                  <c:v>20805.912146236515</c:v>
                </c:pt>
                <c:pt idx="34">
                  <c:v>20451.410489298982</c:v>
                </c:pt>
                <c:pt idx="35">
                  <c:v>19924.822857074865</c:v>
                </c:pt>
                <c:pt idx="36">
                  <c:v>19541.011735565862</c:v>
                </c:pt>
                <c:pt idx="37">
                  <c:v>18511.744100122451</c:v>
                </c:pt>
                <c:pt idx="38">
                  <c:v>18372.595523243748</c:v>
                </c:pt>
                <c:pt idx="39">
                  <c:v>18087.037133439917</c:v>
                </c:pt>
                <c:pt idx="40">
                  <c:v>18320.592660797513</c:v>
                </c:pt>
                <c:pt idx="41">
                  <c:v>18166.764672859579</c:v>
                </c:pt>
                <c:pt idx="42">
                  <c:v>18120.232223002182</c:v>
                </c:pt>
                <c:pt idx="43">
                  <c:v>18104.62796431845</c:v>
                </c:pt>
                <c:pt idx="44">
                  <c:v>18083.032937407675</c:v>
                </c:pt>
                <c:pt idx="45">
                  <c:v>18025.430189499912</c:v>
                </c:pt>
                <c:pt idx="46">
                  <c:v>18061.955638671643</c:v>
                </c:pt>
                <c:pt idx="47">
                  <c:v>18613.922556386522</c:v>
                </c:pt>
                <c:pt idx="48">
                  <c:v>19331.822011972152</c:v>
                </c:pt>
                <c:pt idx="49">
                  <c:v>19776.423537620354</c:v>
                </c:pt>
                <c:pt idx="50">
                  <c:v>19795.929570452088</c:v>
                </c:pt>
                <c:pt idx="51">
                  <c:v>20352.114950528412</c:v>
                </c:pt>
                <c:pt idx="52">
                  <c:v>20356.798764264007</c:v>
                </c:pt>
                <c:pt idx="53">
                  <c:v>20578.146634327182</c:v>
                </c:pt>
                <c:pt idx="54">
                  <c:v>20601.375494336018</c:v>
                </c:pt>
                <c:pt idx="55">
                  <c:v>20633.842672131315</c:v>
                </c:pt>
                <c:pt idx="56">
                  <c:v>20526.62835507495</c:v>
                </c:pt>
                <c:pt idx="57">
                  <c:v>20549.13735128917</c:v>
                </c:pt>
                <c:pt idx="58">
                  <c:v>20721.74057329712</c:v>
                </c:pt>
                <c:pt idx="59">
                  <c:v>20720.598472830483</c:v>
                </c:pt>
                <c:pt idx="60">
                  <c:v>20267.618809386164</c:v>
                </c:pt>
                <c:pt idx="61">
                  <c:v>20222.11811643554</c:v>
                </c:pt>
                <c:pt idx="62">
                  <c:v>19834.41319857652</c:v>
                </c:pt>
                <c:pt idx="63">
                  <c:v>19587.266841310386</c:v>
                </c:pt>
                <c:pt idx="64">
                  <c:v>19430.780995541409</c:v>
                </c:pt>
                <c:pt idx="65">
                  <c:v>19603.229463958971</c:v>
                </c:pt>
                <c:pt idx="66">
                  <c:v>19633.601237617117</c:v>
                </c:pt>
                <c:pt idx="67">
                  <c:v>19598.64154750327</c:v>
                </c:pt>
                <c:pt idx="68">
                  <c:v>19600.12645295274</c:v>
                </c:pt>
                <c:pt idx="69">
                  <c:v>19610.163700157565</c:v>
                </c:pt>
                <c:pt idx="70">
                  <c:v>19533.518855707985</c:v>
                </c:pt>
                <c:pt idx="71">
                  <c:v>19413.800742120296</c:v>
                </c:pt>
                <c:pt idx="72">
                  <c:v>19364.987393319901</c:v>
                </c:pt>
                <c:pt idx="73">
                  <c:v>18957.254282578237</c:v>
                </c:pt>
                <c:pt idx="74">
                  <c:v>18446.76171834351</c:v>
                </c:pt>
                <c:pt idx="75">
                  <c:v>17985.411326416797</c:v>
                </c:pt>
                <c:pt idx="76">
                  <c:v>17651.093917206548</c:v>
                </c:pt>
                <c:pt idx="77">
                  <c:v>16984.583947179053</c:v>
                </c:pt>
                <c:pt idx="78">
                  <c:v>16981.645710093377</c:v>
                </c:pt>
                <c:pt idx="79">
                  <c:v>16978.747271998989</c:v>
                </c:pt>
                <c:pt idx="80">
                  <c:v>17093.142799258007</c:v>
                </c:pt>
                <c:pt idx="81">
                  <c:v>17034.375795138742</c:v>
                </c:pt>
                <c:pt idx="82">
                  <c:v>16891.913921278156</c:v>
                </c:pt>
                <c:pt idx="83">
                  <c:v>16399.45231639926</c:v>
                </c:pt>
                <c:pt idx="84">
                  <c:v>15946.463286165075</c:v>
                </c:pt>
                <c:pt idx="85">
                  <c:v>16330.270637809179</c:v>
                </c:pt>
                <c:pt idx="86">
                  <c:v>16490.253890274471</c:v>
                </c:pt>
                <c:pt idx="87">
                  <c:v>16727.664468547329</c:v>
                </c:pt>
                <c:pt idx="88">
                  <c:v>16732.815114585686</c:v>
                </c:pt>
                <c:pt idx="89">
                  <c:v>16820.855707635885</c:v>
                </c:pt>
                <c:pt idx="90">
                  <c:v>16757.854529933007</c:v>
                </c:pt>
                <c:pt idx="91">
                  <c:v>16738.425266007489</c:v>
                </c:pt>
                <c:pt idx="92">
                  <c:v>16588.426399414606</c:v>
                </c:pt>
                <c:pt idx="93">
                  <c:v>16645.909434311303</c:v>
                </c:pt>
                <c:pt idx="94">
                  <c:v>16727.161223348172</c:v>
                </c:pt>
                <c:pt idx="95">
                  <c:v>16741.270169376774</c:v>
                </c:pt>
                <c:pt idx="96">
                  <c:v>16957.257091834981</c:v>
                </c:pt>
                <c:pt idx="97">
                  <c:v>16562.471354333549</c:v>
                </c:pt>
                <c:pt idx="98">
                  <c:v>16823.288076266384</c:v>
                </c:pt>
                <c:pt idx="99">
                  <c:v>16949.288188688719</c:v>
                </c:pt>
                <c:pt idx="100">
                  <c:v>16540.164458644718</c:v>
                </c:pt>
                <c:pt idx="101">
                  <c:v>16777.064906890591</c:v>
                </c:pt>
                <c:pt idx="102">
                  <c:v>16744.04723505961</c:v>
                </c:pt>
                <c:pt idx="103">
                  <c:v>16836.030636878524</c:v>
                </c:pt>
                <c:pt idx="104">
                  <c:v>16994.790778684888</c:v>
                </c:pt>
                <c:pt idx="105">
                  <c:v>16921.998730142266</c:v>
                </c:pt>
                <c:pt idx="106">
                  <c:v>16513.847236327099</c:v>
                </c:pt>
                <c:pt idx="107">
                  <c:v>16862.136104665973</c:v>
                </c:pt>
                <c:pt idx="108">
                  <c:v>17618.347299516223</c:v>
                </c:pt>
                <c:pt idx="109">
                  <c:v>17483.183634474532</c:v>
                </c:pt>
                <c:pt idx="110">
                  <c:v>17468.750555987564</c:v>
                </c:pt>
                <c:pt idx="111">
                  <c:v>17345.017962055143</c:v>
                </c:pt>
                <c:pt idx="112">
                  <c:v>17772.832258513157</c:v>
                </c:pt>
                <c:pt idx="113">
                  <c:v>17656.924516918196</c:v>
                </c:pt>
                <c:pt idx="114">
                  <c:v>17703.442964392598</c:v>
                </c:pt>
                <c:pt idx="115">
                  <c:v>17596.699950056282</c:v>
                </c:pt>
                <c:pt idx="116">
                  <c:v>17472.576424093626</c:v>
                </c:pt>
                <c:pt idx="117">
                  <c:v>17474.828896612515</c:v>
                </c:pt>
                <c:pt idx="118">
                  <c:v>17911.994354768212</c:v>
                </c:pt>
                <c:pt idx="119">
                  <c:v>17325.001680044184</c:v>
                </c:pt>
                <c:pt idx="120">
                  <c:v>16430.521135883755</c:v>
                </c:pt>
                <c:pt idx="121">
                  <c:v>16151.368651646313</c:v>
                </c:pt>
                <c:pt idx="122">
                  <c:v>16083.373562711124</c:v>
                </c:pt>
                <c:pt idx="123">
                  <c:v>16084.434937152821</c:v>
                </c:pt>
                <c:pt idx="124">
                  <c:v>16062.710881043249</c:v>
                </c:pt>
                <c:pt idx="125">
                  <c:v>16378.163029430018</c:v>
                </c:pt>
                <c:pt idx="126">
                  <c:v>16380.085370667739</c:v>
                </c:pt>
                <c:pt idx="127">
                  <c:v>16480.761204789986</c:v>
                </c:pt>
                <c:pt idx="128">
                  <c:v>16445.679733531524</c:v>
                </c:pt>
                <c:pt idx="129">
                  <c:v>16368.404321762318</c:v>
                </c:pt>
                <c:pt idx="130">
                  <c:v>16506.830733700233</c:v>
                </c:pt>
                <c:pt idx="131">
                  <c:v>17175.17574993358</c:v>
                </c:pt>
                <c:pt idx="132">
                  <c:v>17422.734434916121</c:v>
                </c:pt>
                <c:pt idx="133">
                  <c:v>18262.453126465487</c:v>
                </c:pt>
                <c:pt idx="134">
                  <c:v>18683.94683032469</c:v>
                </c:pt>
                <c:pt idx="135">
                  <c:v>18698.929752997647</c:v>
                </c:pt>
                <c:pt idx="136">
                  <c:v>18903.139048295139</c:v>
                </c:pt>
                <c:pt idx="137">
                  <c:v>18581.647029807216</c:v>
                </c:pt>
                <c:pt idx="138">
                  <c:v>18570.442806895517</c:v>
                </c:pt>
                <c:pt idx="139">
                  <c:v>18538.551370408379</c:v>
                </c:pt>
                <c:pt idx="140">
                  <c:v>18556.094152842961</c:v>
                </c:pt>
                <c:pt idx="141">
                  <c:v>18579.624915778044</c:v>
                </c:pt>
                <c:pt idx="142">
                  <c:v>18441.248996781083</c:v>
                </c:pt>
                <c:pt idx="143">
                  <c:v>18180.64306076532</c:v>
                </c:pt>
                <c:pt idx="144">
                  <c:v>18190.078983285159</c:v>
                </c:pt>
                <c:pt idx="145">
                  <c:v>18274.193266959344</c:v>
                </c:pt>
                <c:pt idx="146">
                  <c:v>17938.301053457981</c:v>
                </c:pt>
                <c:pt idx="147">
                  <c:v>17562.124103052047</c:v>
                </c:pt>
                <c:pt idx="148">
                  <c:v>17339.995190201498</c:v>
                </c:pt>
                <c:pt idx="149">
                  <c:v>17335.223982481009</c:v>
                </c:pt>
                <c:pt idx="150">
                  <c:v>17338.944818054999</c:v>
                </c:pt>
                <c:pt idx="151">
                  <c:v>17352.564681064763</c:v>
                </c:pt>
                <c:pt idx="152">
                  <c:v>17356.55906760478</c:v>
                </c:pt>
                <c:pt idx="153">
                  <c:v>17366.948264862953</c:v>
                </c:pt>
                <c:pt idx="154">
                  <c:v>17182.792199038155</c:v>
                </c:pt>
                <c:pt idx="155">
                  <c:v>17070.050235847975</c:v>
                </c:pt>
                <c:pt idx="156">
                  <c:v>17286.570411865487</c:v>
                </c:pt>
                <c:pt idx="157">
                  <c:v>17038.058218611583</c:v>
                </c:pt>
                <c:pt idx="158">
                  <c:v>17022.908245767809</c:v>
                </c:pt>
                <c:pt idx="159">
                  <c:v>17392.799944910646</c:v>
                </c:pt>
                <c:pt idx="160">
                  <c:v>17321.951038178242</c:v>
                </c:pt>
                <c:pt idx="161">
                  <c:v>17355.311542357187</c:v>
                </c:pt>
                <c:pt idx="162">
                  <c:v>17371.284632805673</c:v>
                </c:pt>
                <c:pt idx="163">
                  <c:v>17285.244019410755</c:v>
                </c:pt>
                <c:pt idx="164">
                  <c:v>17250.296997800797</c:v>
                </c:pt>
                <c:pt idx="165">
                  <c:v>17193.885457914042</c:v>
                </c:pt>
                <c:pt idx="166">
                  <c:v>17139.680122324535</c:v>
                </c:pt>
                <c:pt idx="167">
                  <c:v>17116.731649995876</c:v>
                </c:pt>
                <c:pt idx="168">
                  <c:v>17100.609143888854</c:v>
                </c:pt>
                <c:pt idx="169">
                  <c:v>16350.272083824633</c:v>
                </c:pt>
                <c:pt idx="170">
                  <c:v>16294.87219841616</c:v>
                </c:pt>
                <c:pt idx="171">
                  <c:v>16041.659877268103</c:v>
                </c:pt>
                <c:pt idx="172">
                  <c:v>15962.455479156728</c:v>
                </c:pt>
                <c:pt idx="173">
                  <c:v>15846.851301346962</c:v>
                </c:pt>
                <c:pt idx="174">
                  <c:v>15804.100758454937</c:v>
                </c:pt>
                <c:pt idx="175">
                  <c:v>15866.681941109433</c:v>
                </c:pt>
                <c:pt idx="176">
                  <c:v>15861.814969305367</c:v>
                </c:pt>
                <c:pt idx="177">
                  <c:v>15907.524191204833</c:v>
                </c:pt>
                <c:pt idx="178">
                  <c:v>16188.446582884522</c:v>
                </c:pt>
                <c:pt idx="179">
                  <c:v>16225.096174232678</c:v>
                </c:pt>
                <c:pt idx="180">
                  <c:v>15747.544652735622</c:v>
                </c:pt>
                <c:pt idx="181">
                  <c:v>16029.241473084974</c:v>
                </c:pt>
                <c:pt idx="182">
                  <c:v>16377.793052468727</c:v>
                </c:pt>
                <c:pt idx="183">
                  <c:v>16480.063888896533</c:v>
                </c:pt>
                <c:pt idx="184">
                  <c:v>16777.370960095501</c:v>
                </c:pt>
                <c:pt idx="185">
                  <c:v>16829.159282243552</c:v>
                </c:pt>
                <c:pt idx="186">
                  <c:v>16845.793434238389</c:v>
                </c:pt>
                <c:pt idx="187">
                  <c:v>16822.048537003146</c:v>
                </c:pt>
                <c:pt idx="188">
                  <c:v>16831.369501884568</c:v>
                </c:pt>
                <c:pt idx="189">
                  <c:v>16802.078492857989</c:v>
                </c:pt>
                <c:pt idx="190">
                  <c:v>16392.422248645398</c:v>
                </c:pt>
                <c:pt idx="191">
                  <c:v>16430.537315377227</c:v>
                </c:pt>
                <c:pt idx="192">
                  <c:v>16681.691078382646</c:v>
                </c:pt>
                <c:pt idx="193">
                  <c:v>16710.729703755998</c:v>
                </c:pt>
                <c:pt idx="194">
                  <c:v>16577.862881467339</c:v>
                </c:pt>
                <c:pt idx="195">
                  <c:v>16999.831503122496</c:v>
                </c:pt>
                <c:pt idx="196">
                  <c:v>16675.278930898949</c:v>
                </c:pt>
                <c:pt idx="197">
                  <c:v>16822.859832568465</c:v>
                </c:pt>
                <c:pt idx="198">
                  <c:v>16781.236346955233</c:v>
                </c:pt>
                <c:pt idx="199">
                  <c:v>16806.649050465014</c:v>
                </c:pt>
                <c:pt idx="200">
                  <c:v>16827.424081812253</c:v>
                </c:pt>
                <c:pt idx="201">
                  <c:v>16838.445190574796</c:v>
                </c:pt>
                <c:pt idx="202">
                  <c:v>17150.118947313986</c:v>
                </c:pt>
                <c:pt idx="203">
                  <c:v>17244.57237056247</c:v>
                </c:pt>
                <c:pt idx="204">
                  <c:v>17495.444562076729</c:v>
                </c:pt>
                <c:pt idx="205">
                  <c:v>18080.249754454147</c:v>
                </c:pt>
                <c:pt idx="206">
                  <c:v>17637.49986959924</c:v>
                </c:pt>
                <c:pt idx="207">
                  <c:v>17119.918358883922</c:v>
                </c:pt>
                <c:pt idx="208">
                  <c:v>17277.015627773795</c:v>
                </c:pt>
                <c:pt idx="209">
                  <c:v>17182.220621468281</c:v>
                </c:pt>
                <c:pt idx="210">
                  <c:v>17168.644145660419</c:v>
                </c:pt>
                <c:pt idx="211">
                  <c:v>17176.560786662729</c:v>
                </c:pt>
                <c:pt idx="212">
                  <c:v>17186.382865671352</c:v>
                </c:pt>
                <c:pt idx="213">
                  <c:v>17188.615549534465</c:v>
                </c:pt>
                <c:pt idx="214">
                  <c:v>17160.935542431191</c:v>
                </c:pt>
                <c:pt idx="215">
                  <c:v>16974.911176173464</c:v>
                </c:pt>
                <c:pt idx="216">
                  <c:v>16993.269908527218</c:v>
                </c:pt>
                <c:pt idx="217">
                  <c:v>16610.864254020296</c:v>
                </c:pt>
                <c:pt idx="218">
                  <c:v>16705.135269833285</c:v>
                </c:pt>
                <c:pt idx="219">
                  <c:v>16453.765821117893</c:v>
                </c:pt>
                <c:pt idx="220">
                  <c:v>16173.338777127763</c:v>
                </c:pt>
                <c:pt idx="221">
                  <c:v>15971.840058272761</c:v>
                </c:pt>
                <c:pt idx="222">
                  <c:v>16089.711629872669</c:v>
                </c:pt>
                <c:pt idx="223">
                  <c:v>16043.24044363288</c:v>
                </c:pt>
                <c:pt idx="224">
                  <c:v>16010.080404395179</c:v>
                </c:pt>
                <c:pt idx="225">
                  <c:v>16007.502517893225</c:v>
                </c:pt>
                <c:pt idx="226">
                  <c:v>15950.670354731817</c:v>
                </c:pt>
                <c:pt idx="227">
                  <c:v>16016.975051674652</c:v>
                </c:pt>
                <c:pt idx="228">
                  <c:v>15882.73617587268</c:v>
                </c:pt>
                <c:pt idx="229">
                  <c:v>16184.7227877982</c:v>
                </c:pt>
                <c:pt idx="230">
                  <c:v>16303.397473337414</c:v>
                </c:pt>
                <c:pt idx="231">
                  <c:v>16907.820775833381</c:v>
                </c:pt>
                <c:pt idx="232">
                  <c:v>17273.485459287804</c:v>
                </c:pt>
                <c:pt idx="233">
                  <c:v>17517.453400287548</c:v>
                </c:pt>
                <c:pt idx="234">
                  <c:v>17548.297258610299</c:v>
                </c:pt>
                <c:pt idx="235">
                  <c:v>17588.654031957776</c:v>
                </c:pt>
                <c:pt idx="236">
                  <c:v>17595.098312226157</c:v>
                </c:pt>
                <c:pt idx="237">
                  <c:v>17655.756344939138</c:v>
                </c:pt>
                <c:pt idx="238">
                  <c:v>17619.083329897767</c:v>
                </c:pt>
                <c:pt idx="239">
                  <c:v>17655.212889085538</c:v>
                </c:pt>
                <c:pt idx="240">
                  <c:v>17444.410343946009</c:v>
                </c:pt>
              </c:numCache>
            </c:numRef>
          </c:val>
        </c:ser>
        <c:ser>
          <c:idx val="1"/>
          <c:order val="1"/>
          <c:tx>
            <c:strRef>
              <c:f>'Commercial Regression'!$G$49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numRef>
              <c:f>'Commercial Regression'!$A$50:$A$290</c:f>
              <c:numCache>
                <c:formatCode>mmm\-yy</c:formatCode>
                <c:ptCount val="241"/>
                <c:pt idx="0">
                  <c:v>33573</c:v>
                </c:pt>
                <c:pt idx="1">
                  <c:v>33604</c:v>
                </c:pt>
                <c:pt idx="2">
                  <c:v>33635</c:v>
                </c:pt>
                <c:pt idx="3">
                  <c:v>33664</c:v>
                </c:pt>
                <c:pt idx="4">
                  <c:v>33695</c:v>
                </c:pt>
                <c:pt idx="5">
                  <c:v>33725</c:v>
                </c:pt>
                <c:pt idx="6">
                  <c:v>33756</c:v>
                </c:pt>
                <c:pt idx="7">
                  <c:v>33786</c:v>
                </c:pt>
                <c:pt idx="8">
                  <c:v>33817</c:v>
                </c:pt>
                <c:pt idx="9">
                  <c:v>33848</c:v>
                </c:pt>
                <c:pt idx="10">
                  <c:v>33878</c:v>
                </c:pt>
                <c:pt idx="11">
                  <c:v>33909</c:v>
                </c:pt>
                <c:pt idx="12">
                  <c:v>33939</c:v>
                </c:pt>
                <c:pt idx="13">
                  <c:v>33970</c:v>
                </c:pt>
                <c:pt idx="14">
                  <c:v>34001</c:v>
                </c:pt>
                <c:pt idx="15">
                  <c:v>34029</c:v>
                </c:pt>
                <c:pt idx="16">
                  <c:v>34060</c:v>
                </c:pt>
                <c:pt idx="17">
                  <c:v>34090</c:v>
                </c:pt>
                <c:pt idx="18">
                  <c:v>34121</c:v>
                </c:pt>
                <c:pt idx="19">
                  <c:v>34151</c:v>
                </c:pt>
                <c:pt idx="20">
                  <c:v>34182</c:v>
                </c:pt>
                <c:pt idx="21">
                  <c:v>34213</c:v>
                </c:pt>
                <c:pt idx="22">
                  <c:v>34243</c:v>
                </c:pt>
                <c:pt idx="23">
                  <c:v>34274</c:v>
                </c:pt>
                <c:pt idx="24">
                  <c:v>34304</c:v>
                </c:pt>
                <c:pt idx="25">
                  <c:v>34335</c:v>
                </c:pt>
                <c:pt idx="26">
                  <c:v>34366</c:v>
                </c:pt>
                <c:pt idx="27">
                  <c:v>34394</c:v>
                </c:pt>
                <c:pt idx="28">
                  <c:v>34425</c:v>
                </c:pt>
                <c:pt idx="29">
                  <c:v>34455</c:v>
                </c:pt>
                <c:pt idx="30">
                  <c:v>34486</c:v>
                </c:pt>
                <c:pt idx="31">
                  <c:v>34516</c:v>
                </c:pt>
                <c:pt idx="32">
                  <c:v>34547</c:v>
                </c:pt>
                <c:pt idx="33">
                  <c:v>34578</c:v>
                </c:pt>
                <c:pt idx="34">
                  <c:v>34608</c:v>
                </c:pt>
                <c:pt idx="35">
                  <c:v>34639</c:v>
                </c:pt>
                <c:pt idx="36">
                  <c:v>34669</c:v>
                </c:pt>
                <c:pt idx="37">
                  <c:v>34700</c:v>
                </c:pt>
                <c:pt idx="38">
                  <c:v>34731</c:v>
                </c:pt>
                <c:pt idx="39">
                  <c:v>34759</c:v>
                </c:pt>
                <c:pt idx="40">
                  <c:v>34790</c:v>
                </c:pt>
                <c:pt idx="41">
                  <c:v>34820</c:v>
                </c:pt>
                <c:pt idx="42">
                  <c:v>34851</c:v>
                </c:pt>
                <c:pt idx="43">
                  <c:v>34881</c:v>
                </c:pt>
                <c:pt idx="44">
                  <c:v>34912</c:v>
                </c:pt>
                <c:pt idx="45">
                  <c:v>34943</c:v>
                </c:pt>
                <c:pt idx="46">
                  <c:v>34973</c:v>
                </c:pt>
                <c:pt idx="47">
                  <c:v>35004</c:v>
                </c:pt>
                <c:pt idx="48">
                  <c:v>35034</c:v>
                </c:pt>
                <c:pt idx="49">
                  <c:v>35065</c:v>
                </c:pt>
                <c:pt idx="50">
                  <c:v>35096</c:v>
                </c:pt>
                <c:pt idx="51">
                  <c:v>35125</c:v>
                </c:pt>
                <c:pt idx="52">
                  <c:v>35156</c:v>
                </c:pt>
                <c:pt idx="53">
                  <c:v>35186</c:v>
                </c:pt>
                <c:pt idx="54">
                  <c:v>35217</c:v>
                </c:pt>
                <c:pt idx="55">
                  <c:v>35247</c:v>
                </c:pt>
                <c:pt idx="56">
                  <c:v>35278</c:v>
                </c:pt>
                <c:pt idx="57">
                  <c:v>35309</c:v>
                </c:pt>
                <c:pt idx="58">
                  <c:v>35339</c:v>
                </c:pt>
                <c:pt idx="59">
                  <c:v>35370</c:v>
                </c:pt>
                <c:pt idx="60">
                  <c:v>35400</c:v>
                </c:pt>
                <c:pt idx="61">
                  <c:v>35431</c:v>
                </c:pt>
                <c:pt idx="62">
                  <c:v>35462</c:v>
                </c:pt>
                <c:pt idx="63">
                  <c:v>35490</c:v>
                </c:pt>
                <c:pt idx="64">
                  <c:v>35521</c:v>
                </c:pt>
                <c:pt idx="65">
                  <c:v>35551</c:v>
                </c:pt>
                <c:pt idx="66">
                  <c:v>35582</c:v>
                </c:pt>
                <c:pt idx="67">
                  <c:v>35612</c:v>
                </c:pt>
                <c:pt idx="68">
                  <c:v>35643</c:v>
                </c:pt>
                <c:pt idx="69">
                  <c:v>35674</c:v>
                </c:pt>
                <c:pt idx="70">
                  <c:v>35704</c:v>
                </c:pt>
                <c:pt idx="71">
                  <c:v>35735</c:v>
                </c:pt>
                <c:pt idx="72">
                  <c:v>35765</c:v>
                </c:pt>
                <c:pt idx="73">
                  <c:v>35796</c:v>
                </c:pt>
                <c:pt idx="74">
                  <c:v>35827</c:v>
                </c:pt>
                <c:pt idx="75">
                  <c:v>35855</c:v>
                </c:pt>
                <c:pt idx="76">
                  <c:v>35886</c:v>
                </c:pt>
                <c:pt idx="77">
                  <c:v>35916</c:v>
                </c:pt>
                <c:pt idx="78">
                  <c:v>35947</c:v>
                </c:pt>
                <c:pt idx="79">
                  <c:v>35977</c:v>
                </c:pt>
                <c:pt idx="80">
                  <c:v>36008</c:v>
                </c:pt>
                <c:pt idx="81">
                  <c:v>36039</c:v>
                </c:pt>
                <c:pt idx="82">
                  <c:v>36069</c:v>
                </c:pt>
                <c:pt idx="83">
                  <c:v>36100</c:v>
                </c:pt>
                <c:pt idx="84">
                  <c:v>36130</c:v>
                </c:pt>
                <c:pt idx="85">
                  <c:v>36161</c:v>
                </c:pt>
                <c:pt idx="86">
                  <c:v>36192</c:v>
                </c:pt>
                <c:pt idx="87">
                  <c:v>36220</c:v>
                </c:pt>
                <c:pt idx="88">
                  <c:v>36251</c:v>
                </c:pt>
                <c:pt idx="89">
                  <c:v>36281</c:v>
                </c:pt>
                <c:pt idx="90">
                  <c:v>36312</c:v>
                </c:pt>
                <c:pt idx="91">
                  <c:v>36342</c:v>
                </c:pt>
                <c:pt idx="92">
                  <c:v>36373</c:v>
                </c:pt>
                <c:pt idx="93">
                  <c:v>36404</c:v>
                </c:pt>
                <c:pt idx="94">
                  <c:v>36434</c:v>
                </c:pt>
                <c:pt idx="95">
                  <c:v>36465</c:v>
                </c:pt>
                <c:pt idx="96">
                  <c:v>36495</c:v>
                </c:pt>
                <c:pt idx="97">
                  <c:v>36526</c:v>
                </c:pt>
                <c:pt idx="98">
                  <c:v>36557</c:v>
                </c:pt>
                <c:pt idx="99">
                  <c:v>36586</c:v>
                </c:pt>
                <c:pt idx="100">
                  <c:v>36617</c:v>
                </c:pt>
                <c:pt idx="101">
                  <c:v>36647</c:v>
                </c:pt>
                <c:pt idx="102">
                  <c:v>36678</c:v>
                </c:pt>
                <c:pt idx="103">
                  <c:v>36708</c:v>
                </c:pt>
                <c:pt idx="104">
                  <c:v>36739</c:v>
                </c:pt>
                <c:pt idx="105">
                  <c:v>36770</c:v>
                </c:pt>
                <c:pt idx="106">
                  <c:v>36800</c:v>
                </c:pt>
                <c:pt idx="107">
                  <c:v>36831</c:v>
                </c:pt>
                <c:pt idx="108">
                  <c:v>36861</c:v>
                </c:pt>
                <c:pt idx="109">
                  <c:v>36892</c:v>
                </c:pt>
                <c:pt idx="110">
                  <c:v>36923</c:v>
                </c:pt>
                <c:pt idx="111">
                  <c:v>36951</c:v>
                </c:pt>
                <c:pt idx="112">
                  <c:v>36982</c:v>
                </c:pt>
                <c:pt idx="113">
                  <c:v>37012</c:v>
                </c:pt>
                <c:pt idx="114">
                  <c:v>37043</c:v>
                </c:pt>
                <c:pt idx="115">
                  <c:v>37073</c:v>
                </c:pt>
                <c:pt idx="116">
                  <c:v>37104</c:v>
                </c:pt>
                <c:pt idx="117">
                  <c:v>37135</c:v>
                </c:pt>
                <c:pt idx="118">
                  <c:v>37165</c:v>
                </c:pt>
                <c:pt idx="119">
                  <c:v>37196</c:v>
                </c:pt>
                <c:pt idx="120">
                  <c:v>37226</c:v>
                </c:pt>
                <c:pt idx="121">
                  <c:v>37257</c:v>
                </c:pt>
                <c:pt idx="122">
                  <c:v>37288</c:v>
                </c:pt>
                <c:pt idx="123">
                  <c:v>37316</c:v>
                </c:pt>
                <c:pt idx="124">
                  <c:v>37347</c:v>
                </c:pt>
                <c:pt idx="125">
                  <c:v>37377</c:v>
                </c:pt>
                <c:pt idx="126">
                  <c:v>37408</c:v>
                </c:pt>
                <c:pt idx="127">
                  <c:v>37438</c:v>
                </c:pt>
                <c:pt idx="128">
                  <c:v>37469</c:v>
                </c:pt>
                <c:pt idx="129">
                  <c:v>37500</c:v>
                </c:pt>
                <c:pt idx="130">
                  <c:v>37530</c:v>
                </c:pt>
                <c:pt idx="131">
                  <c:v>37561</c:v>
                </c:pt>
                <c:pt idx="132">
                  <c:v>37591</c:v>
                </c:pt>
                <c:pt idx="133">
                  <c:v>37622</c:v>
                </c:pt>
                <c:pt idx="134">
                  <c:v>37653</c:v>
                </c:pt>
                <c:pt idx="135">
                  <c:v>37681</c:v>
                </c:pt>
                <c:pt idx="136">
                  <c:v>37712</c:v>
                </c:pt>
                <c:pt idx="137">
                  <c:v>37742</c:v>
                </c:pt>
                <c:pt idx="138">
                  <c:v>37773</c:v>
                </c:pt>
                <c:pt idx="139">
                  <c:v>37803</c:v>
                </c:pt>
                <c:pt idx="140">
                  <c:v>37834</c:v>
                </c:pt>
                <c:pt idx="141">
                  <c:v>37865</c:v>
                </c:pt>
                <c:pt idx="142">
                  <c:v>37895</c:v>
                </c:pt>
                <c:pt idx="143">
                  <c:v>37926</c:v>
                </c:pt>
                <c:pt idx="144">
                  <c:v>37956</c:v>
                </c:pt>
                <c:pt idx="145">
                  <c:v>37987</c:v>
                </c:pt>
                <c:pt idx="146">
                  <c:v>38018</c:v>
                </c:pt>
                <c:pt idx="147">
                  <c:v>38047</c:v>
                </c:pt>
                <c:pt idx="148">
                  <c:v>38078</c:v>
                </c:pt>
                <c:pt idx="149">
                  <c:v>38108</c:v>
                </c:pt>
                <c:pt idx="150">
                  <c:v>38139</c:v>
                </c:pt>
                <c:pt idx="151">
                  <c:v>38169</c:v>
                </c:pt>
                <c:pt idx="152">
                  <c:v>38200</c:v>
                </c:pt>
                <c:pt idx="153">
                  <c:v>38231</c:v>
                </c:pt>
                <c:pt idx="154">
                  <c:v>38261</c:v>
                </c:pt>
                <c:pt idx="155">
                  <c:v>38292</c:v>
                </c:pt>
                <c:pt idx="156">
                  <c:v>38322</c:v>
                </c:pt>
                <c:pt idx="157">
                  <c:v>38353</c:v>
                </c:pt>
                <c:pt idx="158">
                  <c:v>38384</c:v>
                </c:pt>
                <c:pt idx="159">
                  <c:v>38412</c:v>
                </c:pt>
                <c:pt idx="160">
                  <c:v>38443</c:v>
                </c:pt>
                <c:pt idx="161">
                  <c:v>38473</c:v>
                </c:pt>
                <c:pt idx="162">
                  <c:v>38504</c:v>
                </c:pt>
                <c:pt idx="163">
                  <c:v>38534</c:v>
                </c:pt>
                <c:pt idx="164">
                  <c:v>38565</c:v>
                </c:pt>
                <c:pt idx="165">
                  <c:v>38596</c:v>
                </c:pt>
                <c:pt idx="166">
                  <c:v>38626</c:v>
                </c:pt>
                <c:pt idx="167">
                  <c:v>38657</c:v>
                </c:pt>
                <c:pt idx="168">
                  <c:v>38687</c:v>
                </c:pt>
                <c:pt idx="169">
                  <c:v>38718</c:v>
                </c:pt>
                <c:pt idx="170">
                  <c:v>38749</c:v>
                </c:pt>
                <c:pt idx="171">
                  <c:v>38777</c:v>
                </c:pt>
                <c:pt idx="172">
                  <c:v>38808</c:v>
                </c:pt>
                <c:pt idx="173">
                  <c:v>38838</c:v>
                </c:pt>
                <c:pt idx="174">
                  <c:v>38869</c:v>
                </c:pt>
                <c:pt idx="175">
                  <c:v>38899</c:v>
                </c:pt>
                <c:pt idx="176">
                  <c:v>38930</c:v>
                </c:pt>
                <c:pt idx="177">
                  <c:v>38961</c:v>
                </c:pt>
                <c:pt idx="178">
                  <c:v>38991</c:v>
                </c:pt>
                <c:pt idx="179">
                  <c:v>39022</c:v>
                </c:pt>
                <c:pt idx="180">
                  <c:v>39052</c:v>
                </c:pt>
                <c:pt idx="181">
                  <c:v>39083</c:v>
                </c:pt>
                <c:pt idx="182">
                  <c:v>39114</c:v>
                </c:pt>
                <c:pt idx="183">
                  <c:v>39142</c:v>
                </c:pt>
                <c:pt idx="184">
                  <c:v>39173</c:v>
                </c:pt>
                <c:pt idx="185">
                  <c:v>39203</c:v>
                </c:pt>
                <c:pt idx="186">
                  <c:v>39234</c:v>
                </c:pt>
                <c:pt idx="187">
                  <c:v>39264</c:v>
                </c:pt>
                <c:pt idx="188">
                  <c:v>39295</c:v>
                </c:pt>
                <c:pt idx="189">
                  <c:v>39326</c:v>
                </c:pt>
                <c:pt idx="190">
                  <c:v>39356</c:v>
                </c:pt>
                <c:pt idx="191">
                  <c:v>39387</c:v>
                </c:pt>
                <c:pt idx="192">
                  <c:v>39417</c:v>
                </c:pt>
                <c:pt idx="193">
                  <c:v>39448</c:v>
                </c:pt>
                <c:pt idx="194">
                  <c:v>39479</c:v>
                </c:pt>
                <c:pt idx="195">
                  <c:v>39508</c:v>
                </c:pt>
                <c:pt idx="196">
                  <c:v>39539</c:v>
                </c:pt>
                <c:pt idx="197">
                  <c:v>39569</c:v>
                </c:pt>
                <c:pt idx="198">
                  <c:v>39600</c:v>
                </c:pt>
                <c:pt idx="199">
                  <c:v>39630</c:v>
                </c:pt>
                <c:pt idx="200">
                  <c:v>39661</c:v>
                </c:pt>
                <c:pt idx="201">
                  <c:v>39692</c:v>
                </c:pt>
                <c:pt idx="202">
                  <c:v>39722</c:v>
                </c:pt>
                <c:pt idx="203">
                  <c:v>39753</c:v>
                </c:pt>
                <c:pt idx="204">
                  <c:v>39783</c:v>
                </c:pt>
                <c:pt idx="205">
                  <c:v>39814</c:v>
                </c:pt>
                <c:pt idx="206">
                  <c:v>39845</c:v>
                </c:pt>
                <c:pt idx="207">
                  <c:v>39873</c:v>
                </c:pt>
                <c:pt idx="208">
                  <c:v>39904</c:v>
                </c:pt>
                <c:pt idx="209">
                  <c:v>39934</c:v>
                </c:pt>
                <c:pt idx="210">
                  <c:v>39965</c:v>
                </c:pt>
                <c:pt idx="211">
                  <c:v>39995</c:v>
                </c:pt>
                <c:pt idx="212">
                  <c:v>40026</c:v>
                </c:pt>
                <c:pt idx="213">
                  <c:v>40057</c:v>
                </c:pt>
                <c:pt idx="214">
                  <c:v>40087</c:v>
                </c:pt>
                <c:pt idx="215">
                  <c:v>40118</c:v>
                </c:pt>
                <c:pt idx="216">
                  <c:v>40148</c:v>
                </c:pt>
                <c:pt idx="217">
                  <c:v>40179</c:v>
                </c:pt>
                <c:pt idx="218">
                  <c:v>40210</c:v>
                </c:pt>
                <c:pt idx="219">
                  <c:v>40238</c:v>
                </c:pt>
                <c:pt idx="220">
                  <c:v>40269</c:v>
                </c:pt>
                <c:pt idx="221">
                  <c:v>40299</c:v>
                </c:pt>
                <c:pt idx="222">
                  <c:v>40330</c:v>
                </c:pt>
                <c:pt idx="223">
                  <c:v>40360</c:v>
                </c:pt>
                <c:pt idx="224">
                  <c:v>40391</c:v>
                </c:pt>
                <c:pt idx="225">
                  <c:v>40422</c:v>
                </c:pt>
                <c:pt idx="226">
                  <c:v>40452</c:v>
                </c:pt>
                <c:pt idx="227">
                  <c:v>40483</c:v>
                </c:pt>
                <c:pt idx="228">
                  <c:v>40513</c:v>
                </c:pt>
                <c:pt idx="229">
                  <c:v>40544</c:v>
                </c:pt>
                <c:pt idx="230">
                  <c:v>40575</c:v>
                </c:pt>
                <c:pt idx="231">
                  <c:v>40603</c:v>
                </c:pt>
                <c:pt idx="232">
                  <c:v>40634</c:v>
                </c:pt>
                <c:pt idx="233">
                  <c:v>40664</c:v>
                </c:pt>
                <c:pt idx="234">
                  <c:v>40695</c:v>
                </c:pt>
                <c:pt idx="235">
                  <c:v>40725</c:v>
                </c:pt>
                <c:pt idx="236">
                  <c:v>40756</c:v>
                </c:pt>
                <c:pt idx="237">
                  <c:v>40787</c:v>
                </c:pt>
                <c:pt idx="238">
                  <c:v>40817</c:v>
                </c:pt>
                <c:pt idx="239">
                  <c:v>40848</c:v>
                </c:pt>
                <c:pt idx="240">
                  <c:v>40878</c:v>
                </c:pt>
              </c:numCache>
            </c:numRef>
          </c:cat>
          <c:val>
            <c:numRef>
              <c:f>'Commercial Regression'!$G$50:$G$290</c:f>
              <c:numCache>
                <c:formatCode>_-* #,##0_-;\-* #,##0_-;_-* "-"??_-;_-@_-</c:formatCode>
                <c:ptCount val="241"/>
                <c:pt idx="0">
                  <c:v>19313.609294679554</c:v>
                </c:pt>
                <c:pt idx="1">
                  <c:v>19074.816340992464</c:v>
                </c:pt>
                <c:pt idx="2">
                  <c:v>19282.734061226714</c:v>
                </c:pt>
                <c:pt idx="3">
                  <c:v>19548.757141636364</c:v>
                </c:pt>
                <c:pt idx="4">
                  <c:v>19871.877755962167</c:v>
                </c:pt>
                <c:pt idx="5">
                  <c:v>20042.518899915314</c:v>
                </c:pt>
                <c:pt idx="6">
                  <c:v>20022.621880629264</c:v>
                </c:pt>
                <c:pt idx="7">
                  <c:v>20002.724861343213</c:v>
                </c:pt>
                <c:pt idx="8">
                  <c:v>19982.827842057162</c:v>
                </c:pt>
                <c:pt idx="9">
                  <c:v>19953.751956722732</c:v>
                </c:pt>
                <c:pt idx="10">
                  <c:v>20200.744559810802</c:v>
                </c:pt>
                <c:pt idx="11">
                  <c:v>20098.41414081605</c:v>
                </c:pt>
                <c:pt idx="12">
                  <c:v>20098.568341243044</c:v>
                </c:pt>
                <c:pt idx="13">
                  <c:v>20038.633945921243</c:v>
                </c:pt>
                <c:pt idx="14">
                  <c:v>20364.580684163549</c:v>
                </c:pt>
                <c:pt idx="15">
                  <c:v>20510.942288690123</c:v>
                </c:pt>
                <c:pt idx="16">
                  <c:v>20376.935194895919</c:v>
                </c:pt>
                <c:pt idx="17">
                  <c:v>20354.206999335885</c:v>
                </c:pt>
                <c:pt idx="18">
                  <c:v>20334.309980049831</c:v>
                </c:pt>
                <c:pt idx="19">
                  <c:v>20314.412960763781</c:v>
                </c:pt>
                <c:pt idx="20">
                  <c:v>20294.51594147773</c:v>
                </c:pt>
                <c:pt idx="21">
                  <c:v>20309.090663573374</c:v>
                </c:pt>
                <c:pt idx="22">
                  <c:v>20236.488867959819</c:v>
                </c:pt>
                <c:pt idx="23">
                  <c:v>20246.617619100438</c:v>
                </c:pt>
                <c:pt idx="24">
                  <c:v>20336.620561722262</c:v>
                </c:pt>
                <c:pt idx="25">
                  <c:v>21214.758145107135</c:v>
                </c:pt>
                <c:pt idx="26">
                  <c:v>21251.06542011063</c:v>
                </c:pt>
                <c:pt idx="27">
                  <c:v>21078.329755615661</c:v>
                </c:pt>
                <c:pt idx="28">
                  <c:v>20972.506475404796</c:v>
                </c:pt>
                <c:pt idx="29">
                  <c:v>21061.326625039776</c:v>
                </c:pt>
                <c:pt idx="30">
                  <c:v>21041.429605753725</c:v>
                </c:pt>
                <c:pt idx="31">
                  <c:v>21021.532586467674</c:v>
                </c:pt>
                <c:pt idx="32">
                  <c:v>21001.635567181624</c:v>
                </c:pt>
                <c:pt idx="33">
                  <c:v>20918.608346962821</c:v>
                </c:pt>
                <c:pt idx="34">
                  <c:v>20724.665917071863</c:v>
                </c:pt>
                <c:pt idx="35">
                  <c:v>20385.592536056902</c:v>
                </c:pt>
                <c:pt idx="36">
                  <c:v>20052.169006836626</c:v>
                </c:pt>
                <c:pt idx="37">
                  <c:v>19062.768797750421</c:v>
                </c:pt>
                <c:pt idx="38">
                  <c:v>18914.725987484202</c:v>
                </c:pt>
                <c:pt idx="39">
                  <c:v>18599.962216099972</c:v>
                </c:pt>
                <c:pt idx="40">
                  <c:v>18872.901894045684</c:v>
                </c:pt>
                <c:pt idx="41">
                  <c:v>18701.820061728824</c:v>
                </c:pt>
                <c:pt idx="42">
                  <c:v>18681.923042442773</c:v>
                </c:pt>
                <c:pt idx="43">
                  <c:v>18662.026023156723</c:v>
                </c:pt>
                <c:pt idx="44">
                  <c:v>18642.129003870668</c:v>
                </c:pt>
                <c:pt idx="45">
                  <c:v>18658.029562173302</c:v>
                </c:pt>
                <c:pt idx="46">
                  <c:v>18558.732559950418</c:v>
                </c:pt>
                <c:pt idx="47">
                  <c:v>19064.585092065383</c:v>
                </c:pt>
                <c:pt idx="48">
                  <c:v>19529.472978722191</c:v>
                </c:pt>
                <c:pt idx="49">
                  <c:v>19925.291144255887</c:v>
                </c:pt>
                <c:pt idx="50">
                  <c:v>19858.182517766618</c:v>
                </c:pt>
                <c:pt idx="51">
                  <c:v>20402.670154203246</c:v>
                </c:pt>
                <c:pt idx="52">
                  <c:v>20349.090040634663</c:v>
                </c:pt>
                <c:pt idx="53">
                  <c:v>20467.637541146487</c:v>
                </c:pt>
                <c:pt idx="54">
                  <c:v>20447.740521860436</c:v>
                </c:pt>
                <c:pt idx="55">
                  <c:v>20427.843502574386</c:v>
                </c:pt>
                <c:pt idx="56">
                  <c:v>20407.946483288335</c:v>
                </c:pt>
                <c:pt idx="57">
                  <c:v>20350.722075405534</c:v>
                </c:pt>
                <c:pt idx="58">
                  <c:v>20447.044869326139</c:v>
                </c:pt>
                <c:pt idx="59">
                  <c:v>20411.485093244228</c:v>
                </c:pt>
                <c:pt idx="60">
                  <c:v>19980.848115235473</c:v>
                </c:pt>
                <c:pt idx="61">
                  <c:v>19905.57229545138</c:v>
                </c:pt>
                <c:pt idx="62">
                  <c:v>19471.262279603732</c:v>
                </c:pt>
                <c:pt idx="63">
                  <c:v>19109.155805923077</c:v>
                </c:pt>
                <c:pt idx="64">
                  <c:v>19012.956266935795</c:v>
                </c:pt>
                <c:pt idx="65">
                  <c:v>19176.519470203977</c:v>
                </c:pt>
                <c:pt idx="66">
                  <c:v>19156.622450917926</c:v>
                </c:pt>
                <c:pt idx="67">
                  <c:v>19136.725431631872</c:v>
                </c:pt>
                <c:pt idx="68">
                  <c:v>19116.828412345822</c:v>
                </c:pt>
                <c:pt idx="69">
                  <c:v>19101.724800885037</c:v>
                </c:pt>
                <c:pt idx="70">
                  <c:v>19116.28851833622</c:v>
                </c:pt>
                <c:pt idx="71">
                  <c:v>18972.571452700482</c:v>
                </c:pt>
                <c:pt idx="72">
                  <c:v>19019.21410218528</c:v>
                </c:pt>
                <c:pt idx="73">
                  <c:v>18449.270888763283</c:v>
                </c:pt>
                <c:pt idx="74">
                  <c:v>18165.588381611622</c:v>
                </c:pt>
                <c:pt idx="75">
                  <c:v>17857.907376712683</c:v>
                </c:pt>
                <c:pt idx="76">
                  <c:v>17544.486250107471</c:v>
                </c:pt>
                <c:pt idx="77">
                  <c:v>16964.299446199762</c:v>
                </c:pt>
                <c:pt idx="78">
                  <c:v>16944.402426913708</c:v>
                </c:pt>
                <c:pt idx="79">
                  <c:v>16924.505407627657</c:v>
                </c:pt>
                <c:pt idx="80">
                  <c:v>16904.608388341607</c:v>
                </c:pt>
                <c:pt idx="81">
                  <c:v>16840.448837222251</c:v>
                </c:pt>
                <c:pt idx="82">
                  <c:v>16690.408173237236</c:v>
                </c:pt>
                <c:pt idx="83">
                  <c:v>16308.161851182516</c:v>
                </c:pt>
                <c:pt idx="84">
                  <c:v>16049.380757103831</c:v>
                </c:pt>
                <c:pt idx="85">
                  <c:v>16580.278294122611</c:v>
                </c:pt>
                <c:pt idx="86">
                  <c:v>16692.274018769371</c:v>
                </c:pt>
                <c:pt idx="87">
                  <c:v>16948.977669593114</c:v>
                </c:pt>
                <c:pt idx="88">
                  <c:v>16984.073457298942</c:v>
                </c:pt>
                <c:pt idx="89">
                  <c:v>17057.039019799602</c:v>
                </c:pt>
                <c:pt idx="90">
                  <c:v>17037.142000513551</c:v>
                </c:pt>
                <c:pt idx="91">
                  <c:v>17017.244981227501</c:v>
                </c:pt>
                <c:pt idx="92">
                  <c:v>16997.34796194145</c:v>
                </c:pt>
                <c:pt idx="93">
                  <c:v>17000.806057378497</c:v>
                </c:pt>
                <c:pt idx="94">
                  <c:v>17095.124773628046</c:v>
                </c:pt>
                <c:pt idx="95">
                  <c:v>17049.595035652179</c:v>
                </c:pt>
                <c:pt idx="96">
                  <c:v>17190.381172944799</c:v>
                </c:pt>
                <c:pt idx="97">
                  <c:v>17084.796685320565</c:v>
                </c:pt>
                <c:pt idx="98">
                  <c:v>17199.040581738904</c:v>
                </c:pt>
                <c:pt idx="99">
                  <c:v>17273.865904027207</c:v>
                </c:pt>
                <c:pt idx="100">
                  <c:v>16838.319142988497</c:v>
                </c:pt>
                <c:pt idx="101">
                  <c:v>16894.297647845247</c:v>
                </c:pt>
                <c:pt idx="102">
                  <c:v>16874.400628559197</c:v>
                </c:pt>
                <c:pt idx="103">
                  <c:v>16854.503609273143</c:v>
                </c:pt>
                <c:pt idx="104">
                  <c:v>16834.606589987088</c:v>
                </c:pt>
                <c:pt idx="105">
                  <c:v>16856.524404921438</c:v>
                </c:pt>
                <c:pt idx="106">
                  <c:v>16726.302133801164</c:v>
                </c:pt>
                <c:pt idx="107">
                  <c:v>16953.203575821455</c:v>
                </c:pt>
                <c:pt idx="108">
                  <c:v>17615.704218766128</c:v>
                </c:pt>
                <c:pt idx="109">
                  <c:v>17434.16097099931</c:v>
                </c:pt>
                <c:pt idx="110">
                  <c:v>17459.227387144896</c:v>
                </c:pt>
                <c:pt idx="111">
                  <c:v>17403.134044084007</c:v>
                </c:pt>
                <c:pt idx="112">
                  <c:v>17749.393240257919</c:v>
                </c:pt>
                <c:pt idx="113">
                  <c:v>17703.166281623806</c:v>
                </c:pt>
                <c:pt idx="114">
                  <c:v>17683.269262337755</c:v>
                </c:pt>
                <c:pt idx="115">
                  <c:v>17663.372243051701</c:v>
                </c:pt>
                <c:pt idx="116">
                  <c:v>17643.47522376565</c:v>
                </c:pt>
                <c:pt idx="117">
                  <c:v>17613.889401428529</c:v>
                </c:pt>
                <c:pt idx="118">
                  <c:v>17623.438357793635</c:v>
                </c:pt>
                <c:pt idx="119">
                  <c:v>17205.149730278346</c:v>
                </c:pt>
                <c:pt idx="120">
                  <c:v>16326.894167961407</c:v>
                </c:pt>
                <c:pt idx="121">
                  <c:v>15989.327123389532</c:v>
                </c:pt>
                <c:pt idx="122">
                  <c:v>15848.339192784633</c:v>
                </c:pt>
                <c:pt idx="123">
                  <c:v>15780.938571173157</c:v>
                </c:pt>
                <c:pt idx="124">
                  <c:v>15933.167878488923</c:v>
                </c:pt>
                <c:pt idx="125">
                  <c:v>16258.207571737819</c:v>
                </c:pt>
                <c:pt idx="126">
                  <c:v>16292.20234402104</c:v>
                </c:pt>
                <c:pt idx="127">
                  <c:v>16326.197116304264</c:v>
                </c:pt>
                <c:pt idx="128">
                  <c:v>16360.191888587484</c:v>
                </c:pt>
                <c:pt idx="129">
                  <c:v>16329.424661529352</c:v>
                </c:pt>
                <c:pt idx="130">
                  <c:v>16539.868207375239</c:v>
                </c:pt>
                <c:pt idx="131">
                  <c:v>16957.620742349493</c:v>
                </c:pt>
                <c:pt idx="132">
                  <c:v>17395.52020184815</c:v>
                </c:pt>
                <c:pt idx="133">
                  <c:v>18190.963765570414</c:v>
                </c:pt>
                <c:pt idx="134">
                  <c:v>18770.953914001475</c:v>
                </c:pt>
                <c:pt idx="135">
                  <c:v>18839.40508718984</c:v>
                </c:pt>
                <c:pt idx="136">
                  <c:v>18954.584150077597</c:v>
                </c:pt>
                <c:pt idx="137">
                  <c:v>18863.05837105972</c:v>
                </c:pt>
                <c:pt idx="138">
                  <c:v>18843.16135177367</c:v>
                </c:pt>
                <c:pt idx="139">
                  <c:v>18823.264332487615</c:v>
                </c:pt>
                <c:pt idx="140">
                  <c:v>18803.367313201565</c:v>
                </c:pt>
                <c:pt idx="141">
                  <c:v>18826.81493914398</c:v>
                </c:pt>
                <c:pt idx="142">
                  <c:v>18747.570760727584</c:v>
                </c:pt>
                <c:pt idx="143">
                  <c:v>18549.823601006934</c:v>
                </c:pt>
                <c:pt idx="144">
                  <c:v>18321.43575293693</c:v>
                </c:pt>
                <c:pt idx="145">
                  <c:v>18432.876294291502</c:v>
                </c:pt>
                <c:pt idx="146">
                  <c:v>18139.826404758245</c:v>
                </c:pt>
                <c:pt idx="147">
                  <c:v>17841.464829445216</c:v>
                </c:pt>
                <c:pt idx="148">
                  <c:v>17658.307914402019</c:v>
                </c:pt>
                <c:pt idx="149">
                  <c:v>17506.47808074826</c:v>
                </c:pt>
                <c:pt idx="150">
                  <c:v>17486.58106146221</c:v>
                </c:pt>
                <c:pt idx="151">
                  <c:v>17466.684042176159</c:v>
                </c:pt>
                <c:pt idx="152">
                  <c:v>17446.787022890108</c:v>
                </c:pt>
                <c:pt idx="153">
                  <c:v>17403.024951878266</c:v>
                </c:pt>
                <c:pt idx="154">
                  <c:v>17277.736471311113</c:v>
                </c:pt>
                <c:pt idx="155">
                  <c:v>17258.623933848619</c:v>
                </c:pt>
                <c:pt idx="156">
                  <c:v>17409.176443328201</c:v>
                </c:pt>
                <c:pt idx="157">
                  <c:v>17131.842837943153</c:v>
                </c:pt>
                <c:pt idx="158">
                  <c:v>17056.865610253346</c:v>
                </c:pt>
                <c:pt idx="159">
                  <c:v>17478.336776155971</c:v>
                </c:pt>
                <c:pt idx="160">
                  <c:v>17451.909361039634</c:v>
                </c:pt>
                <c:pt idx="161">
                  <c:v>17545.542510340387</c:v>
                </c:pt>
                <c:pt idx="162">
                  <c:v>17525.645491054329</c:v>
                </c:pt>
                <c:pt idx="163">
                  <c:v>17505.748471768278</c:v>
                </c:pt>
                <c:pt idx="164">
                  <c:v>17485.851452482231</c:v>
                </c:pt>
                <c:pt idx="165">
                  <c:v>17448.106638102105</c:v>
                </c:pt>
                <c:pt idx="166">
                  <c:v>17394.705174119612</c:v>
                </c:pt>
                <c:pt idx="167">
                  <c:v>17375.004691055536</c:v>
                </c:pt>
                <c:pt idx="168">
                  <c:v>17490.765955579551</c:v>
                </c:pt>
                <c:pt idx="169">
                  <c:v>16650.663999187389</c:v>
                </c:pt>
                <c:pt idx="170">
                  <c:v>16583.555372698116</c:v>
                </c:pt>
                <c:pt idx="171">
                  <c:v>16209.892806330939</c:v>
                </c:pt>
                <c:pt idx="172">
                  <c:v>16100.976180726779</c:v>
                </c:pt>
                <c:pt idx="173">
                  <c:v>15952.786255405314</c:v>
                </c:pt>
                <c:pt idx="174">
                  <c:v>15936.20540600027</c:v>
                </c:pt>
                <c:pt idx="175">
                  <c:v>15921.282641535734</c:v>
                </c:pt>
                <c:pt idx="176">
                  <c:v>15908.017962011698</c:v>
                </c:pt>
                <c:pt idx="177">
                  <c:v>15958.623681756082</c:v>
                </c:pt>
                <c:pt idx="178">
                  <c:v>16145.530437564174</c:v>
                </c:pt>
                <c:pt idx="179">
                  <c:v>16157.373120923387</c:v>
                </c:pt>
                <c:pt idx="180">
                  <c:v>15626.462001013479</c:v>
                </c:pt>
                <c:pt idx="181">
                  <c:v>16001.281546904878</c:v>
                </c:pt>
                <c:pt idx="182">
                  <c:v>16510.54854094455</c:v>
                </c:pt>
                <c:pt idx="183">
                  <c:v>16513.736559388723</c:v>
                </c:pt>
                <c:pt idx="184">
                  <c:v>16745.050053798317</c:v>
                </c:pt>
                <c:pt idx="185">
                  <c:v>16677.668058477469</c:v>
                </c:pt>
                <c:pt idx="186">
                  <c:v>16677.668058477469</c:v>
                </c:pt>
                <c:pt idx="187">
                  <c:v>16677.668058477469</c:v>
                </c:pt>
                <c:pt idx="188">
                  <c:v>16677.668058477469</c:v>
                </c:pt>
                <c:pt idx="189">
                  <c:v>16637.892972267819</c:v>
                </c:pt>
                <c:pt idx="190">
                  <c:v>16226.994232622874</c:v>
                </c:pt>
                <c:pt idx="191">
                  <c:v>16445.112600349821</c:v>
                </c:pt>
                <c:pt idx="192">
                  <c:v>16741.171939632859</c:v>
                </c:pt>
                <c:pt idx="193">
                  <c:v>16722.290122885686</c:v>
                </c:pt>
                <c:pt idx="194">
                  <c:v>16479.079715725948</c:v>
                </c:pt>
                <c:pt idx="195">
                  <c:v>16773.70875078566</c:v>
                </c:pt>
                <c:pt idx="196">
                  <c:v>16482.824498696715</c:v>
                </c:pt>
                <c:pt idx="197">
                  <c:v>16683.626312943772</c:v>
                </c:pt>
                <c:pt idx="198">
                  <c:v>16683.626312943776</c:v>
                </c:pt>
                <c:pt idx="199">
                  <c:v>16683.626312943776</c:v>
                </c:pt>
                <c:pt idx="200">
                  <c:v>16683.626312943776</c:v>
                </c:pt>
                <c:pt idx="201">
                  <c:v>16688.69718599115</c:v>
                </c:pt>
                <c:pt idx="202">
                  <c:v>17063.997503873306</c:v>
                </c:pt>
                <c:pt idx="203">
                  <c:v>17045.759276047884</c:v>
                </c:pt>
                <c:pt idx="204">
                  <c:v>17266.516504832765</c:v>
                </c:pt>
                <c:pt idx="205">
                  <c:v>17937.589076192278</c:v>
                </c:pt>
                <c:pt idx="206">
                  <c:v>17659.658559908992</c:v>
                </c:pt>
                <c:pt idx="207">
                  <c:v>17365.742057370651</c:v>
                </c:pt>
                <c:pt idx="208">
                  <c:v>17500.917613512524</c:v>
                </c:pt>
                <c:pt idx="209">
                  <c:v>17369.77710382509</c:v>
                </c:pt>
                <c:pt idx="210">
                  <c:v>17369.777103825087</c:v>
                </c:pt>
                <c:pt idx="211">
                  <c:v>17369.777103825087</c:v>
                </c:pt>
                <c:pt idx="212">
                  <c:v>17369.777103825087</c:v>
                </c:pt>
                <c:pt idx="213">
                  <c:v>17376.71284623762</c:v>
                </c:pt>
                <c:pt idx="214">
                  <c:v>17421.212633815478</c:v>
                </c:pt>
                <c:pt idx="215">
                  <c:v>17106.270648409165</c:v>
                </c:pt>
                <c:pt idx="216">
                  <c:v>17006.434776111713</c:v>
                </c:pt>
                <c:pt idx="217">
                  <c:v>16622.107147925592</c:v>
                </c:pt>
                <c:pt idx="218">
                  <c:v>16656.566125652946</c:v>
                </c:pt>
                <c:pt idx="219">
                  <c:v>16393.25920247312</c:v>
                </c:pt>
                <c:pt idx="220">
                  <c:v>16109.038403029506</c:v>
                </c:pt>
                <c:pt idx="221">
                  <c:v>16040.659762880812</c:v>
                </c:pt>
                <c:pt idx="222">
                  <c:v>16040.659762880809</c:v>
                </c:pt>
                <c:pt idx="223">
                  <c:v>16040.659762880809</c:v>
                </c:pt>
                <c:pt idx="224">
                  <c:v>16040.659762880809</c:v>
                </c:pt>
                <c:pt idx="225">
                  <c:v>16061.692475762045</c:v>
                </c:pt>
                <c:pt idx="226">
                  <c:v>15895.988101432302</c:v>
                </c:pt>
                <c:pt idx="227">
                  <c:v>16105.556060405803</c:v>
                </c:pt>
                <c:pt idx="228">
                  <c:v>16243.364765855915</c:v>
                </c:pt>
                <c:pt idx="229">
                  <c:v>16477.65265475653</c:v>
                </c:pt>
                <c:pt idx="230">
                  <c:v>16594.135648751715</c:v>
                </c:pt>
                <c:pt idx="231">
                  <c:v>17061.757490300177</c:v>
                </c:pt>
                <c:pt idx="232">
                  <c:v>17447.037883742683</c:v>
                </c:pt>
                <c:pt idx="233">
                  <c:v>17510.872273633413</c:v>
                </c:pt>
                <c:pt idx="234">
                  <c:v>17510.872273633413</c:v>
                </c:pt>
                <c:pt idx="235">
                  <c:v>17510.872273633417</c:v>
                </c:pt>
                <c:pt idx="236">
                  <c:v>17510.872273633409</c:v>
                </c:pt>
                <c:pt idx="237">
                  <c:v>17499.556261606769</c:v>
                </c:pt>
                <c:pt idx="238">
                  <c:v>17503.266896631787</c:v>
                </c:pt>
                <c:pt idx="239">
                  <c:v>17244.126849187931</c:v>
                </c:pt>
                <c:pt idx="240">
                  <c:v>16744.241354356942</c:v>
                </c:pt>
              </c:numCache>
            </c:numRef>
          </c:val>
        </c:ser>
        <c:marker val="1"/>
        <c:axId val="48719744"/>
        <c:axId val="48721280"/>
      </c:lineChart>
      <c:dateAx>
        <c:axId val="48719744"/>
        <c:scaling>
          <c:orientation val="minMax"/>
        </c:scaling>
        <c:axPos val="b"/>
        <c:numFmt formatCode="mmm\-yy" sourceLinked="1"/>
        <c:tickLblPos val="nextTo"/>
        <c:crossAx val="48721280"/>
        <c:crosses val="autoZero"/>
        <c:auto val="1"/>
        <c:lblOffset val="100"/>
      </c:dateAx>
      <c:valAx>
        <c:axId val="48721280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</c:title>
        <c:numFmt formatCode="_-* #,##0_-;\-* #,##0_-;_-* &quot;-&quot;??_-;_-@_-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8719744"/>
        <c:crosses val="autoZero"/>
        <c:crossBetween val="between"/>
      </c:valAx>
    </c:plotArea>
    <c:legend>
      <c:legendPos val="b"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33" l="0.70000000000000062" r="0.70000000000000062" t="0.75000000000000133" header="0.30000000000000032" footer="0.30000000000000032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Commercial Usage Regression Residuals</a:t>
            </a:r>
          </a:p>
        </c:rich>
      </c:tx>
    </c:title>
    <c:plotArea>
      <c:layout/>
      <c:lineChart>
        <c:grouping val="standard"/>
        <c:ser>
          <c:idx val="0"/>
          <c:order val="0"/>
          <c:tx>
            <c:strRef>
              <c:f>'Commercial Regression'!$D$38</c:f>
              <c:strCache>
                <c:ptCount val="1"/>
                <c:pt idx="0">
                  <c:v>Residuals</c:v>
                </c:pt>
              </c:strCache>
            </c:strRef>
          </c:tx>
          <c:marker>
            <c:symbol val="none"/>
          </c:marker>
          <c:cat>
            <c:numRef>
              <c:f>'Commercial Regression'!$A$39:$A$290</c:f>
              <c:numCache>
                <c:formatCode>mmm\-yy</c:formatCode>
                <c:ptCount val="252"/>
                <c:pt idx="0">
                  <c:v>33239</c:v>
                </c:pt>
                <c:pt idx="1">
                  <c:v>33270</c:v>
                </c:pt>
                <c:pt idx="2">
                  <c:v>33298</c:v>
                </c:pt>
                <c:pt idx="3">
                  <c:v>33329</c:v>
                </c:pt>
                <c:pt idx="4">
                  <c:v>33359</c:v>
                </c:pt>
                <c:pt idx="5">
                  <c:v>33390</c:v>
                </c:pt>
                <c:pt idx="6">
                  <c:v>33420</c:v>
                </c:pt>
                <c:pt idx="7">
                  <c:v>33451</c:v>
                </c:pt>
                <c:pt idx="8">
                  <c:v>33482</c:v>
                </c:pt>
                <c:pt idx="9">
                  <c:v>33512</c:v>
                </c:pt>
                <c:pt idx="10">
                  <c:v>33543</c:v>
                </c:pt>
                <c:pt idx="11">
                  <c:v>33573</c:v>
                </c:pt>
                <c:pt idx="12">
                  <c:v>33604</c:v>
                </c:pt>
                <c:pt idx="13">
                  <c:v>33635</c:v>
                </c:pt>
                <c:pt idx="14">
                  <c:v>33664</c:v>
                </c:pt>
                <c:pt idx="15">
                  <c:v>33695</c:v>
                </c:pt>
                <c:pt idx="16">
                  <c:v>33725</c:v>
                </c:pt>
                <c:pt idx="17">
                  <c:v>33756</c:v>
                </c:pt>
                <c:pt idx="18">
                  <c:v>33786</c:v>
                </c:pt>
                <c:pt idx="19">
                  <c:v>33817</c:v>
                </c:pt>
                <c:pt idx="20">
                  <c:v>33848</c:v>
                </c:pt>
                <c:pt idx="21">
                  <c:v>33878</c:v>
                </c:pt>
                <c:pt idx="22">
                  <c:v>33909</c:v>
                </c:pt>
                <c:pt idx="23">
                  <c:v>33939</c:v>
                </c:pt>
                <c:pt idx="24">
                  <c:v>33970</c:v>
                </c:pt>
                <c:pt idx="25">
                  <c:v>34001</c:v>
                </c:pt>
                <c:pt idx="26">
                  <c:v>34029</c:v>
                </c:pt>
                <c:pt idx="27">
                  <c:v>34060</c:v>
                </c:pt>
                <c:pt idx="28">
                  <c:v>34090</c:v>
                </c:pt>
                <c:pt idx="29">
                  <c:v>34121</c:v>
                </c:pt>
                <c:pt idx="30">
                  <c:v>34151</c:v>
                </c:pt>
                <c:pt idx="31">
                  <c:v>34182</c:v>
                </c:pt>
                <c:pt idx="32">
                  <c:v>34213</c:v>
                </c:pt>
                <c:pt idx="33">
                  <c:v>34243</c:v>
                </c:pt>
                <c:pt idx="34">
                  <c:v>34274</c:v>
                </c:pt>
                <c:pt idx="35">
                  <c:v>34304</c:v>
                </c:pt>
                <c:pt idx="36">
                  <c:v>34335</c:v>
                </c:pt>
                <c:pt idx="37">
                  <c:v>34366</c:v>
                </c:pt>
                <c:pt idx="38">
                  <c:v>34394</c:v>
                </c:pt>
                <c:pt idx="39">
                  <c:v>34425</c:v>
                </c:pt>
                <c:pt idx="40">
                  <c:v>34455</c:v>
                </c:pt>
                <c:pt idx="41">
                  <c:v>34486</c:v>
                </c:pt>
                <c:pt idx="42">
                  <c:v>34516</c:v>
                </c:pt>
                <c:pt idx="43">
                  <c:v>34547</c:v>
                </c:pt>
                <c:pt idx="44">
                  <c:v>34578</c:v>
                </c:pt>
                <c:pt idx="45">
                  <c:v>34608</c:v>
                </c:pt>
                <c:pt idx="46">
                  <c:v>34639</c:v>
                </c:pt>
                <c:pt idx="47">
                  <c:v>34669</c:v>
                </c:pt>
                <c:pt idx="48">
                  <c:v>34700</c:v>
                </c:pt>
                <c:pt idx="49">
                  <c:v>34731</c:v>
                </c:pt>
                <c:pt idx="50">
                  <c:v>34759</c:v>
                </c:pt>
                <c:pt idx="51">
                  <c:v>34790</c:v>
                </c:pt>
                <c:pt idx="52">
                  <c:v>34820</c:v>
                </c:pt>
                <c:pt idx="53">
                  <c:v>34851</c:v>
                </c:pt>
                <c:pt idx="54">
                  <c:v>34881</c:v>
                </c:pt>
                <c:pt idx="55">
                  <c:v>34912</c:v>
                </c:pt>
                <c:pt idx="56">
                  <c:v>34943</c:v>
                </c:pt>
                <c:pt idx="57">
                  <c:v>34973</c:v>
                </c:pt>
                <c:pt idx="58">
                  <c:v>35004</c:v>
                </c:pt>
                <c:pt idx="59">
                  <c:v>35034</c:v>
                </c:pt>
                <c:pt idx="60">
                  <c:v>35065</c:v>
                </c:pt>
                <c:pt idx="61">
                  <c:v>35096</c:v>
                </c:pt>
                <c:pt idx="62">
                  <c:v>35125</c:v>
                </c:pt>
                <c:pt idx="63">
                  <c:v>35156</c:v>
                </c:pt>
                <c:pt idx="64">
                  <c:v>35186</c:v>
                </c:pt>
                <c:pt idx="65">
                  <c:v>35217</c:v>
                </c:pt>
                <c:pt idx="66">
                  <c:v>35247</c:v>
                </c:pt>
                <c:pt idx="67">
                  <c:v>35278</c:v>
                </c:pt>
                <c:pt idx="68">
                  <c:v>35309</c:v>
                </c:pt>
                <c:pt idx="69">
                  <c:v>35339</c:v>
                </c:pt>
                <c:pt idx="70">
                  <c:v>35370</c:v>
                </c:pt>
                <c:pt idx="71">
                  <c:v>35400</c:v>
                </c:pt>
                <c:pt idx="72">
                  <c:v>35431</c:v>
                </c:pt>
                <c:pt idx="73">
                  <c:v>35462</c:v>
                </c:pt>
                <c:pt idx="74">
                  <c:v>35490</c:v>
                </c:pt>
                <c:pt idx="75">
                  <c:v>35521</c:v>
                </c:pt>
                <c:pt idx="76">
                  <c:v>35551</c:v>
                </c:pt>
                <c:pt idx="77">
                  <c:v>35582</c:v>
                </c:pt>
                <c:pt idx="78">
                  <c:v>35612</c:v>
                </c:pt>
                <c:pt idx="79">
                  <c:v>35643</c:v>
                </c:pt>
                <c:pt idx="80">
                  <c:v>35674</c:v>
                </c:pt>
                <c:pt idx="81">
                  <c:v>35704</c:v>
                </c:pt>
                <c:pt idx="82">
                  <c:v>35735</c:v>
                </c:pt>
                <c:pt idx="83">
                  <c:v>35765</c:v>
                </c:pt>
                <c:pt idx="84">
                  <c:v>35796</c:v>
                </c:pt>
                <c:pt idx="85">
                  <c:v>35827</c:v>
                </c:pt>
                <c:pt idx="86">
                  <c:v>35855</c:v>
                </c:pt>
                <c:pt idx="87">
                  <c:v>35886</c:v>
                </c:pt>
                <c:pt idx="88">
                  <c:v>35916</c:v>
                </c:pt>
                <c:pt idx="89">
                  <c:v>35947</c:v>
                </c:pt>
                <c:pt idx="90">
                  <c:v>35977</c:v>
                </c:pt>
                <c:pt idx="91">
                  <c:v>36008</c:v>
                </c:pt>
                <c:pt idx="92">
                  <c:v>36039</c:v>
                </c:pt>
                <c:pt idx="93">
                  <c:v>36069</c:v>
                </c:pt>
                <c:pt idx="94">
                  <c:v>36100</c:v>
                </c:pt>
                <c:pt idx="95">
                  <c:v>36130</c:v>
                </c:pt>
                <c:pt idx="96">
                  <c:v>36161</c:v>
                </c:pt>
                <c:pt idx="97">
                  <c:v>36192</c:v>
                </c:pt>
                <c:pt idx="98">
                  <c:v>36220</c:v>
                </c:pt>
                <c:pt idx="99">
                  <c:v>36251</c:v>
                </c:pt>
                <c:pt idx="100">
                  <c:v>36281</c:v>
                </c:pt>
                <c:pt idx="101">
                  <c:v>36312</c:v>
                </c:pt>
                <c:pt idx="102">
                  <c:v>36342</c:v>
                </c:pt>
                <c:pt idx="103">
                  <c:v>36373</c:v>
                </c:pt>
                <c:pt idx="104">
                  <c:v>36404</c:v>
                </c:pt>
                <c:pt idx="105">
                  <c:v>36434</c:v>
                </c:pt>
                <c:pt idx="106">
                  <c:v>36465</c:v>
                </c:pt>
                <c:pt idx="107">
                  <c:v>36495</c:v>
                </c:pt>
                <c:pt idx="108">
                  <c:v>36526</c:v>
                </c:pt>
                <c:pt idx="109">
                  <c:v>36557</c:v>
                </c:pt>
                <c:pt idx="110">
                  <c:v>36586</c:v>
                </c:pt>
                <c:pt idx="111">
                  <c:v>36617</c:v>
                </c:pt>
                <c:pt idx="112">
                  <c:v>36647</c:v>
                </c:pt>
                <c:pt idx="113">
                  <c:v>36678</c:v>
                </c:pt>
                <c:pt idx="114">
                  <c:v>36708</c:v>
                </c:pt>
                <c:pt idx="115">
                  <c:v>36739</c:v>
                </c:pt>
                <c:pt idx="116">
                  <c:v>36770</c:v>
                </c:pt>
                <c:pt idx="117">
                  <c:v>36800</c:v>
                </c:pt>
                <c:pt idx="118">
                  <c:v>36831</c:v>
                </c:pt>
                <c:pt idx="119">
                  <c:v>36861</c:v>
                </c:pt>
                <c:pt idx="120">
                  <c:v>36892</c:v>
                </c:pt>
                <c:pt idx="121">
                  <c:v>36923</c:v>
                </c:pt>
                <c:pt idx="122">
                  <c:v>36951</c:v>
                </c:pt>
                <c:pt idx="123">
                  <c:v>36982</c:v>
                </c:pt>
                <c:pt idx="124">
                  <c:v>37012</c:v>
                </c:pt>
                <c:pt idx="125">
                  <c:v>37043</c:v>
                </c:pt>
                <c:pt idx="126">
                  <c:v>37073</c:v>
                </c:pt>
                <c:pt idx="127">
                  <c:v>37104</c:v>
                </c:pt>
                <c:pt idx="128">
                  <c:v>37135</c:v>
                </c:pt>
                <c:pt idx="129">
                  <c:v>37165</c:v>
                </c:pt>
                <c:pt idx="130">
                  <c:v>37196</c:v>
                </c:pt>
                <c:pt idx="131">
                  <c:v>37226</c:v>
                </c:pt>
                <c:pt idx="132">
                  <c:v>37257</c:v>
                </c:pt>
                <c:pt idx="133">
                  <c:v>37288</c:v>
                </c:pt>
                <c:pt idx="134">
                  <c:v>37316</c:v>
                </c:pt>
                <c:pt idx="135">
                  <c:v>37347</c:v>
                </c:pt>
                <c:pt idx="136">
                  <c:v>37377</c:v>
                </c:pt>
                <c:pt idx="137">
                  <c:v>37408</c:v>
                </c:pt>
                <c:pt idx="138">
                  <c:v>37438</c:v>
                </c:pt>
                <c:pt idx="139">
                  <c:v>37469</c:v>
                </c:pt>
                <c:pt idx="140">
                  <c:v>37500</c:v>
                </c:pt>
                <c:pt idx="141">
                  <c:v>37530</c:v>
                </c:pt>
                <c:pt idx="142">
                  <c:v>37561</c:v>
                </c:pt>
                <c:pt idx="143">
                  <c:v>37591</c:v>
                </c:pt>
                <c:pt idx="144">
                  <c:v>37622</c:v>
                </c:pt>
                <c:pt idx="145">
                  <c:v>37653</c:v>
                </c:pt>
                <c:pt idx="146">
                  <c:v>37681</c:v>
                </c:pt>
                <c:pt idx="147">
                  <c:v>37712</c:v>
                </c:pt>
                <c:pt idx="148">
                  <c:v>37742</c:v>
                </c:pt>
                <c:pt idx="149">
                  <c:v>37773</c:v>
                </c:pt>
                <c:pt idx="150">
                  <c:v>37803</c:v>
                </c:pt>
                <c:pt idx="151">
                  <c:v>37834</c:v>
                </c:pt>
                <c:pt idx="152">
                  <c:v>37865</c:v>
                </c:pt>
                <c:pt idx="153">
                  <c:v>37895</c:v>
                </c:pt>
                <c:pt idx="154">
                  <c:v>37926</c:v>
                </c:pt>
                <c:pt idx="155">
                  <c:v>37956</c:v>
                </c:pt>
                <c:pt idx="156">
                  <c:v>37987</c:v>
                </c:pt>
                <c:pt idx="157">
                  <c:v>38018</c:v>
                </c:pt>
                <c:pt idx="158">
                  <c:v>38047</c:v>
                </c:pt>
                <c:pt idx="159">
                  <c:v>38078</c:v>
                </c:pt>
                <c:pt idx="160">
                  <c:v>38108</c:v>
                </c:pt>
                <c:pt idx="161">
                  <c:v>38139</c:v>
                </c:pt>
                <c:pt idx="162">
                  <c:v>38169</c:v>
                </c:pt>
                <c:pt idx="163">
                  <c:v>38200</c:v>
                </c:pt>
                <c:pt idx="164">
                  <c:v>38231</c:v>
                </c:pt>
                <c:pt idx="165">
                  <c:v>38261</c:v>
                </c:pt>
                <c:pt idx="166">
                  <c:v>38292</c:v>
                </c:pt>
                <c:pt idx="167">
                  <c:v>38322</c:v>
                </c:pt>
                <c:pt idx="168">
                  <c:v>38353</c:v>
                </c:pt>
                <c:pt idx="169">
                  <c:v>38384</c:v>
                </c:pt>
                <c:pt idx="170">
                  <c:v>38412</c:v>
                </c:pt>
                <c:pt idx="171">
                  <c:v>38443</c:v>
                </c:pt>
                <c:pt idx="172">
                  <c:v>38473</c:v>
                </c:pt>
                <c:pt idx="173">
                  <c:v>38504</c:v>
                </c:pt>
                <c:pt idx="174">
                  <c:v>38534</c:v>
                </c:pt>
                <c:pt idx="175">
                  <c:v>38565</c:v>
                </c:pt>
                <c:pt idx="176">
                  <c:v>38596</c:v>
                </c:pt>
                <c:pt idx="177">
                  <c:v>38626</c:v>
                </c:pt>
                <c:pt idx="178">
                  <c:v>38657</c:v>
                </c:pt>
                <c:pt idx="179">
                  <c:v>38687</c:v>
                </c:pt>
                <c:pt idx="180">
                  <c:v>38718</c:v>
                </c:pt>
                <c:pt idx="181">
                  <c:v>38749</c:v>
                </c:pt>
                <c:pt idx="182">
                  <c:v>38777</c:v>
                </c:pt>
                <c:pt idx="183">
                  <c:v>38808</c:v>
                </c:pt>
                <c:pt idx="184">
                  <c:v>38838</c:v>
                </c:pt>
                <c:pt idx="185">
                  <c:v>38869</c:v>
                </c:pt>
                <c:pt idx="186">
                  <c:v>38899</c:v>
                </c:pt>
                <c:pt idx="187">
                  <c:v>38930</c:v>
                </c:pt>
                <c:pt idx="188">
                  <c:v>38961</c:v>
                </c:pt>
                <c:pt idx="189">
                  <c:v>38991</c:v>
                </c:pt>
                <c:pt idx="190">
                  <c:v>39022</c:v>
                </c:pt>
                <c:pt idx="191">
                  <c:v>39052</c:v>
                </c:pt>
                <c:pt idx="192">
                  <c:v>39083</c:v>
                </c:pt>
                <c:pt idx="193">
                  <c:v>39114</c:v>
                </c:pt>
                <c:pt idx="194">
                  <c:v>39142</c:v>
                </c:pt>
                <c:pt idx="195">
                  <c:v>39173</c:v>
                </c:pt>
                <c:pt idx="196">
                  <c:v>39203</c:v>
                </c:pt>
                <c:pt idx="197">
                  <c:v>39234</c:v>
                </c:pt>
                <c:pt idx="198">
                  <c:v>39264</c:v>
                </c:pt>
                <c:pt idx="199">
                  <c:v>39295</c:v>
                </c:pt>
                <c:pt idx="200">
                  <c:v>39326</c:v>
                </c:pt>
                <c:pt idx="201">
                  <c:v>39356</c:v>
                </c:pt>
                <c:pt idx="202">
                  <c:v>39387</c:v>
                </c:pt>
                <c:pt idx="203">
                  <c:v>39417</c:v>
                </c:pt>
                <c:pt idx="204">
                  <c:v>39448</c:v>
                </c:pt>
                <c:pt idx="205">
                  <c:v>39479</c:v>
                </c:pt>
                <c:pt idx="206">
                  <c:v>39508</c:v>
                </c:pt>
                <c:pt idx="207">
                  <c:v>39539</c:v>
                </c:pt>
                <c:pt idx="208">
                  <c:v>39569</c:v>
                </c:pt>
                <c:pt idx="209">
                  <c:v>39600</c:v>
                </c:pt>
                <c:pt idx="210">
                  <c:v>39630</c:v>
                </c:pt>
                <c:pt idx="211">
                  <c:v>39661</c:v>
                </c:pt>
                <c:pt idx="212">
                  <c:v>39692</c:v>
                </c:pt>
                <c:pt idx="213">
                  <c:v>39722</c:v>
                </c:pt>
                <c:pt idx="214">
                  <c:v>39753</c:v>
                </c:pt>
                <c:pt idx="215">
                  <c:v>39783</c:v>
                </c:pt>
                <c:pt idx="216">
                  <c:v>39814</c:v>
                </c:pt>
                <c:pt idx="217">
                  <c:v>39845</c:v>
                </c:pt>
                <c:pt idx="218">
                  <c:v>39873</c:v>
                </c:pt>
                <c:pt idx="219">
                  <c:v>39904</c:v>
                </c:pt>
                <c:pt idx="220">
                  <c:v>39934</c:v>
                </c:pt>
                <c:pt idx="221">
                  <c:v>39965</c:v>
                </c:pt>
                <c:pt idx="222">
                  <c:v>39995</c:v>
                </c:pt>
                <c:pt idx="223">
                  <c:v>40026</c:v>
                </c:pt>
                <c:pt idx="224">
                  <c:v>40057</c:v>
                </c:pt>
                <c:pt idx="225">
                  <c:v>40087</c:v>
                </c:pt>
                <c:pt idx="226">
                  <c:v>40118</c:v>
                </c:pt>
                <c:pt idx="227">
                  <c:v>40148</c:v>
                </c:pt>
                <c:pt idx="228">
                  <c:v>40179</c:v>
                </c:pt>
                <c:pt idx="229">
                  <c:v>40210</c:v>
                </c:pt>
                <c:pt idx="230">
                  <c:v>40238</c:v>
                </c:pt>
                <c:pt idx="231">
                  <c:v>40269</c:v>
                </c:pt>
                <c:pt idx="232">
                  <c:v>40299</c:v>
                </c:pt>
                <c:pt idx="233">
                  <c:v>40330</c:v>
                </c:pt>
                <c:pt idx="234">
                  <c:v>40360</c:v>
                </c:pt>
                <c:pt idx="235">
                  <c:v>40391</c:v>
                </c:pt>
                <c:pt idx="236">
                  <c:v>40422</c:v>
                </c:pt>
                <c:pt idx="237">
                  <c:v>40452</c:v>
                </c:pt>
                <c:pt idx="238">
                  <c:v>40483</c:v>
                </c:pt>
                <c:pt idx="239">
                  <c:v>40513</c:v>
                </c:pt>
                <c:pt idx="240">
                  <c:v>40544</c:v>
                </c:pt>
                <c:pt idx="241">
                  <c:v>40575</c:v>
                </c:pt>
                <c:pt idx="242">
                  <c:v>40603</c:v>
                </c:pt>
                <c:pt idx="243">
                  <c:v>40634</c:v>
                </c:pt>
                <c:pt idx="244">
                  <c:v>40664</c:v>
                </c:pt>
                <c:pt idx="245">
                  <c:v>40695</c:v>
                </c:pt>
                <c:pt idx="246">
                  <c:v>40725</c:v>
                </c:pt>
                <c:pt idx="247">
                  <c:v>40756</c:v>
                </c:pt>
                <c:pt idx="248">
                  <c:v>40787</c:v>
                </c:pt>
                <c:pt idx="249">
                  <c:v>40817</c:v>
                </c:pt>
                <c:pt idx="250">
                  <c:v>40848</c:v>
                </c:pt>
                <c:pt idx="251">
                  <c:v>40878</c:v>
                </c:pt>
              </c:numCache>
            </c:numRef>
          </c:cat>
          <c:val>
            <c:numRef>
              <c:f>'Commercial Regression'!$D$39:$D$290</c:f>
              <c:numCache>
                <c:formatCode>#,##0.0_ ;[Red]\-#,##0.0\ </c:formatCode>
                <c:ptCount val="252"/>
                <c:pt idx="0">
                  <c:v>156.30746264636082</c:v>
                </c:pt>
                <c:pt idx="1">
                  <c:v>164.82198732387178</c:v>
                </c:pt>
                <c:pt idx="2">
                  <c:v>155.18805664282581</c:v>
                </c:pt>
                <c:pt idx="3">
                  <c:v>11.219424935159623</c:v>
                </c:pt>
                <c:pt idx="4">
                  <c:v>-62.588606698677268</c:v>
                </c:pt>
                <c:pt idx="5">
                  <c:v>-76.907577781056602</c:v>
                </c:pt>
                <c:pt idx="6">
                  <c:v>-175.09416863291949</c:v>
                </c:pt>
                <c:pt idx="7">
                  <c:v>-38.406872066631081</c:v>
                </c:pt>
                <c:pt idx="8">
                  <c:v>-98.25078956607922</c:v>
                </c:pt>
                <c:pt idx="9">
                  <c:v>157.60120819111125</c:v>
                </c:pt>
                <c:pt idx="10">
                  <c:v>-111.07287426187258</c:v>
                </c:pt>
                <c:pt idx="11">
                  <c:v>149.74436794829171</c:v>
                </c:pt>
                <c:pt idx="12">
                  <c:v>126.17810498704739</c:v>
                </c:pt>
                <c:pt idx="13">
                  <c:v>78.736492815681231</c:v>
                </c:pt>
                <c:pt idx="14">
                  <c:v>176.51963411152974</c:v>
                </c:pt>
                <c:pt idx="15">
                  <c:v>24.184507349085834</c:v>
                </c:pt>
                <c:pt idx="16">
                  <c:v>-72.904734359451595</c:v>
                </c:pt>
                <c:pt idx="17">
                  <c:v>-89.574207876141656</c:v>
                </c:pt>
                <c:pt idx="18">
                  <c:v>-134.99807975479524</c:v>
                </c:pt>
                <c:pt idx="19">
                  <c:v>2.5243136337229544</c:v>
                </c:pt>
                <c:pt idx="20">
                  <c:v>-40.1658847422284</c:v>
                </c:pt>
                <c:pt idx="21">
                  <c:v>-77.608735060708796</c:v>
                </c:pt>
                <c:pt idx="22">
                  <c:v>-37.055829712662216</c:v>
                </c:pt>
                <c:pt idx="23">
                  <c:v>253.72052904214524</c:v>
                </c:pt>
                <c:pt idx="24">
                  <c:v>184.74472826752026</c:v>
                </c:pt>
                <c:pt idx="25">
                  <c:v>110.06349387752607</c:v>
                </c:pt>
                <c:pt idx="26">
                  <c:v>-44.461057931264349</c:v>
                </c:pt>
                <c:pt idx="27">
                  <c:v>-13.631539198786868</c:v>
                </c:pt>
                <c:pt idx="28">
                  <c:v>-117.29944860758314</c:v>
                </c:pt>
                <c:pt idx="29">
                  <c:v>-68.496439687338352</c:v>
                </c:pt>
                <c:pt idx="30">
                  <c:v>-169.61376168484981</c:v>
                </c:pt>
                <c:pt idx="31">
                  <c:v>-43.549856083502334</c:v>
                </c:pt>
                <c:pt idx="32">
                  <c:v>-37.07564603384651</c:v>
                </c:pt>
                <c:pt idx="33">
                  <c:v>41.914153002952617</c:v>
                </c:pt>
                <c:pt idx="34">
                  <c:v>93.680969443560116</c:v>
                </c:pt>
                <c:pt idx="35">
                  <c:v>-72.357568366425312</c:v>
                </c:pt>
                <c:pt idx="36">
                  <c:v>32.956563275812641</c:v>
                </c:pt>
                <c:pt idx="37">
                  <c:v>-2.3977113202063265</c:v>
                </c:pt>
                <c:pt idx="38">
                  <c:v>-34.07557218998636</c:v>
                </c:pt>
                <c:pt idx="39">
                  <c:v>65.824923343424189</c:v>
                </c:pt>
                <c:pt idx="40">
                  <c:v>-76.692426123744895</c:v>
                </c:pt>
                <c:pt idx="41">
                  <c:v>-74.954295198359603</c:v>
                </c:pt>
                <c:pt idx="42">
                  <c:v>-117.330443553772</c:v>
                </c:pt>
                <c:pt idx="43">
                  <c:v>26.516610446602783</c:v>
                </c:pt>
                <c:pt idx="44">
                  <c:v>4.2185965138378378</c:v>
                </c:pt>
                <c:pt idx="45">
                  <c:v>-118.64507404362553</c:v>
                </c:pt>
                <c:pt idx="46">
                  <c:v>-93.833281765595302</c:v>
                </c:pt>
                <c:pt idx="47">
                  <c:v>-122.74516065515172</c:v>
                </c:pt>
                <c:pt idx="48">
                  <c:v>-6.9108630813921081</c:v>
                </c:pt>
                <c:pt idx="49">
                  <c:v>6.4965220673075237</c:v>
                </c:pt>
                <c:pt idx="50">
                  <c:v>-4.8701906095839149</c:v>
                </c:pt>
                <c:pt idx="51">
                  <c:v>26.440772755308899</c:v>
                </c:pt>
                <c:pt idx="52">
                  <c:v>-59.438581744822272</c:v>
                </c:pt>
                <c:pt idx="53">
                  <c:v>-101.58972576970456</c:v>
                </c:pt>
                <c:pt idx="54">
                  <c:v>-113.03768295145625</c:v>
                </c:pt>
                <c:pt idx="55">
                  <c:v>24.818602821883076</c:v>
                </c:pt>
                <c:pt idx="56">
                  <c:v>-69.284709696563255</c:v>
                </c:pt>
                <c:pt idx="57">
                  <c:v>17.177377350995584</c:v>
                </c:pt>
                <c:pt idx="58">
                  <c:v>-47.718896165683873</c:v>
                </c:pt>
                <c:pt idx="59">
                  <c:v>130.26640827367601</c:v>
                </c:pt>
                <c:pt idx="60">
                  <c:v>41.872497033109994</c:v>
                </c:pt>
                <c:pt idx="61">
                  <c:v>93.111181388315799</c:v>
                </c:pt>
                <c:pt idx="62">
                  <c:v>6.827553030107083</c:v>
                </c:pt>
                <c:pt idx="63">
                  <c:v>84.704700059486868</c:v>
                </c:pt>
                <c:pt idx="64">
                  <c:v>43.361787806522898</c:v>
                </c:pt>
                <c:pt idx="65">
                  <c:v>-58.463846474809998</c:v>
                </c:pt>
                <c:pt idx="66">
                  <c:v>-60.673485870109175</c:v>
                </c:pt>
                <c:pt idx="67">
                  <c:v>-62.498694948428295</c:v>
                </c:pt>
                <c:pt idx="68">
                  <c:v>10.44869440045693</c:v>
                </c:pt>
                <c:pt idx="69">
                  <c:v>93.457805438337346</c:v>
                </c:pt>
                <c:pt idx="70">
                  <c:v>-13.301220550407379</c:v>
                </c:pt>
                <c:pt idx="71">
                  <c:v>107.92372283810892</c:v>
                </c:pt>
                <c:pt idx="72">
                  <c:v>71.64762386657867</c:v>
                </c:pt>
                <c:pt idx="73">
                  <c:v>139.7162793769462</c:v>
                </c:pt>
                <c:pt idx="74">
                  <c:v>121.78766944462222</c:v>
                </c:pt>
                <c:pt idx="75">
                  <c:v>24.418393277792802</c:v>
                </c:pt>
                <c:pt idx="76">
                  <c:v>52.247052955902291</c:v>
                </c:pt>
                <c:pt idx="77">
                  <c:v>-8.1950535306099823</c:v>
                </c:pt>
                <c:pt idx="78">
                  <c:v>-75.736156697906097</c:v>
                </c:pt>
                <c:pt idx="79">
                  <c:v>-41.116770212905465</c:v>
                </c:pt>
                <c:pt idx="80">
                  <c:v>35.589553066067765</c:v>
                </c:pt>
                <c:pt idx="81">
                  <c:v>2.2492435375756941</c:v>
                </c:pt>
                <c:pt idx="82">
                  <c:v>10.69773149763887</c:v>
                </c:pt>
                <c:pt idx="83">
                  <c:v>12.467724552920572</c:v>
                </c:pt>
                <c:pt idx="84">
                  <c:v>233.85772654690527</c:v>
                </c:pt>
                <c:pt idx="85">
                  <c:v>-87.093777706114452</c:v>
                </c:pt>
                <c:pt idx="86">
                  <c:v>-31.881717583151385</c:v>
                </c:pt>
                <c:pt idx="87">
                  <c:v>3.5221106727587994</c:v>
                </c:pt>
                <c:pt idx="88">
                  <c:v>-34.076113163884884</c:v>
                </c:pt>
                <c:pt idx="89">
                  <c:v>8.7637286697629406</c:v>
                </c:pt>
                <c:pt idx="90">
                  <c:v>-58.737575506243502</c:v>
                </c:pt>
                <c:pt idx="91">
                  <c:v>93.175776332166777</c:v>
                </c:pt>
                <c:pt idx="92">
                  <c:v>40.982100066157386</c:v>
                </c:pt>
                <c:pt idx="93">
                  <c:v>9.828033662008238</c:v>
                </c:pt>
                <c:pt idx="94">
                  <c:v>-99.517551326537159</c:v>
                </c:pt>
                <c:pt idx="95">
                  <c:v>-181.74021160258144</c:v>
                </c:pt>
                <c:pt idx="96">
                  <c:v>86.767541172223901</c:v>
                </c:pt>
                <c:pt idx="97">
                  <c:v>-39.106249887579452</c:v>
                </c:pt>
                <c:pt idx="98">
                  <c:v>-51.174790134036357</c:v>
                </c:pt>
                <c:pt idx="99">
                  <c:v>-26.423030994711098</c:v>
                </c:pt>
                <c:pt idx="100">
                  <c:v>-19.00108261435139</c:v>
                </c:pt>
                <c:pt idx="101">
                  <c:v>-34.340429747062387</c:v>
                </c:pt>
                <c:pt idx="102">
                  <c:v>-58.269820145703534</c:v>
                </c:pt>
                <c:pt idx="103">
                  <c:v>-36.926070974669187</c:v>
                </c:pt>
                <c:pt idx="104">
                  <c:v>95.007039525801702</c:v>
                </c:pt>
                <c:pt idx="105">
                  <c:v>-3.2388935506683083</c:v>
                </c:pt>
                <c:pt idx="106">
                  <c:v>-39.8788673220688</c:v>
                </c:pt>
                <c:pt idx="107">
                  <c:v>-106.53942643699475</c:v>
                </c:pt>
                <c:pt idx="108">
                  <c:v>-202.43370870497574</c:v>
                </c:pt>
                <c:pt idx="109">
                  <c:v>107.46657562692008</c:v>
                </c:pt>
                <c:pt idx="110">
                  <c:v>-4.0927261579781771E-12</c:v>
                </c:pt>
                <c:pt idx="111">
                  <c:v>-7.9580786405131221E-13</c:v>
                </c:pt>
                <c:pt idx="112">
                  <c:v>161.92086077477006</c:v>
                </c:pt>
                <c:pt idx="113">
                  <c:v>-47.461082291990181</c:v>
                </c:pt>
                <c:pt idx="114">
                  <c:v>53.610600959260637</c:v>
                </c:pt>
                <c:pt idx="115">
                  <c:v>141.7310901177467</c:v>
                </c:pt>
                <c:pt idx="116">
                  <c:v>0.29717604883222748</c:v>
                </c:pt>
                <c:pt idx="117">
                  <c:v>-281.16811624556226</c:v>
                </c:pt>
                <c:pt idx="118">
                  <c:v>81.508558996514694</c:v>
                </c:pt>
                <c:pt idx="119">
                  <c:v>-12.828874531417569</c:v>
                </c:pt>
                <c:pt idx="120">
                  <c:v>-156.05412597984787</c:v>
                </c:pt>
                <c:pt idx="121">
                  <c:v>67.96708099436546</c:v>
                </c:pt>
                <c:pt idx="122">
                  <c:v>-67.639250871534841</c:v>
                </c:pt>
                <c:pt idx="123">
                  <c:v>81.555100284099353</c:v>
                </c:pt>
                <c:pt idx="124">
                  <c:v>92.240077813920266</c:v>
                </c:pt>
                <c:pt idx="125">
                  <c:v>18.954384468464127</c:v>
                </c:pt>
                <c:pt idx="126">
                  <c:v>-33.235394091003116</c:v>
                </c:pt>
                <c:pt idx="127">
                  <c:v>37.504583441142643</c:v>
                </c:pt>
                <c:pt idx="128">
                  <c:v>32.135470904838485</c:v>
                </c:pt>
                <c:pt idx="129">
                  <c:v>146.44838554503485</c:v>
                </c:pt>
                <c:pt idx="130">
                  <c:v>-87.195488212228383</c:v>
                </c:pt>
                <c:pt idx="131">
                  <c:v>-29.053856374909174</c:v>
                </c:pt>
                <c:pt idx="132">
                  <c:v>-97.63956564541013</c:v>
                </c:pt>
                <c:pt idx="133">
                  <c:v>140.9599226640803</c:v>
                </c:pt>
                <c:pt idx="134">
                  <c:v>0.82274518163467292</c:v>
                </c:pt>
                <c:pt idx="135">
                  <c:v>-92.398263141238431</c:v>
                </c:pt>
                <c:pt idx="136">
                  <c:v>82.652532951793091</c:v>
                </c:pt>
                <c:pt idx="137">
                  <c:v>-13.118046577036637</c:v>
                </c:pt>
                <c:pt idx="138">
                  <c:v>33.44566774801865</c:v>
                </c:pt>
                <c:pt idx="139">
                  <c:v>-31.571660100540498</c:v>
                </c:pt>
                <c:pt idx="140">
                  <c:v>-14.372713806237925</c:v>
                </c:pt>
                <c:pt idx="141">
                  <c:v>74.431251637066225</c:v>
                </c:pt>
                <c:pt idx="142">
                  <c:v>163.39699304686906</c:v>
                </c:pt>
                <c:pt idx="143">
                  <c:v>-219.39463089102901</c:v>
                </c:pt>
                <c:pt idx="144">
                  <c:v>-53.364437818308488</c:v>
                </c:pt>
                <c:pt idx="145">
                  <c:v>-17.536521907771203</c:v>
                </c:pt>
                <c:pt idx="146">
                  <c:v>-52.645505333779056</c:v>
                </c:pt>
                <c:pt idx="147">
                  <c:v>-3.3680307315023583</c:v>
                </c:pt>
                <c:pt idx="148">
                  <c:v>-147.31370651825716</c:v>
                </c:pt>
                <c:pt idx="149">
                  <c:v>-4.4252502026861862</c:v>
                </c:pt>
                <c:pt idx="150">
                  <c:v>21.451250546932215</c:v>
                </c:pt>
                <c:pt idx="151">
                  <c:v>5.8681416200960257</c:v>
                </c:pt>
                <c:pt idx="152">
                  <c:v>-14.289576813569624</c:v>
                </c:pt>
                <c:pt idx="153">
                  <c:v>15.299511056503206</c:v>
                </c:pt>
                <c:pt idx="154">
                  <c:v>100.53821675175641</c:v>
                </c:pt>
                <c:pt idx="155">
                  <c:v>18.429139698811468</c:v>
                </c:pt>
                <c:pt idx="156">
                  <c:v>-80.690695498690275</c:v>
                </c:pt>
                <c:pt idx="157">
                  <c:v>-60.378845875882689</c:v>
                </c:pt>
                <c:pt idx="158">
                  <c:v>-130.46088042668271</c:v>
                </c:pt>
                <c:pt idx="159">
                  <c:v>-42.340028538852494</c:v>
                </c:pt>
                <c:pt idx="160">
                  <c:v>-0.2550805849863309</c:v>
                </c:pt>
                <c:pt idx="161">
                  <c:v>19.192604657353513</c:v>
                </c:pt>
                <c:pt idx="162">
                  <c:v>54.968132842746513</c:v>
                </c:pt>
                <c:pt idx="163">
                  <c:v>29.759547446164788</c:v>
                </c:pt>
                <c:pt idx="164">
                  <c:v>39.861691456443509</c:v>
                </c:pt>
                <c:pt idx="165">
                  <c:v>-43.568074201133982</c:v>
                </c:pt>
                <c:pt idx="166">
                  <c:v>6.908791024068023</c:v>
                </c:pt>
                <c:pt idx="167">
                  <c:v>84.396806236737575</c:v>
                </c:pt>
                <c:pt idx="168">
                  <c:v>-51.869283367544995</c:v>
                </c:pt>
                <c:pt idx="169">
                  <c:v>-0.5515910298468043</c:v>
                </c:pt>
                <c:pt idx="170">
                  <c:v>-182.04034718647017</c:v>
                </c:pt>
                <c:pt idx="171">
                  <c:v>-86.761520154921072</c:v>
                </c:pt>
                <c:pt idx="172">
                  <c:v>-60.527725706794968</c:v>
                </c:pt>
                <c:pt idx="173">
                  <c:v>55.062714391888562</c:v>
                </c:pt>
                <c:pt idx="174">
                  <c:v>-11.175461266121658</c:v>
                </c:pt>
                <c:pt idx="175">
                  <c:v>14.709545122262682</c:v>
                </c:pt>
                <c:pt idx="176">
                  <c:v>21.194965949814673</c:v>
                </c:pt>
                <c:pt idx="177">
                  <c:v>-44.371945808149917</c:v>
                </c:pt>
                <c:pt idx="178">
                  <c:v>3.6608017594908233</c:v>
                </c:pt>
                <c:pt idx="179">
                  <c:v>-47.48696439430023</c:v>
                </c:pt>
                <c:pt idx="180">
                  <c:v>37.895612960396193</c:v>
                </c:pt>
                <c:pt idx="181">
                  <c:v>11.157150050951259</c:v>
                </c:pt>
                <c:pt idx="182">
                  <c:v>-61.590101967349256</c:v>
                </c:pt>
                <c:pt idx="183">
                  <c:v>-57.049292662141852</c:v>
                </c:pt>
                <c:pt idx="184">
                  <c:v>-27.941978195094407</c:v>
                </c:pt>
                <c:pt idx="185">
                  <c:v>28.893020904907758</c:v>
                </c:pt>
                <c:pt idx="186">
                  <c:v>66.328485852911285</c:v>
                </c:pt>
                <c:pt idx="187">
                  <c:v>23.107252842232867</c:v>
                </c:pt>
                <c:pt idx="188">
                  <c:v>16.298468104892947</c:v>
                </c:pt>
                <c:pt idx="189">
                  <c:v>49.643690063446911</c:v>
                </c:pt>
                <c:pt idx="190">
                  <c:v>28.467709748433663</c:v>
                </c:pt>
                <c:pt idx="191">
                  <c:v>5.8726340185548906</c:v>
                </c:pt>
                <c:pt idx="192">
                  <c:v>-55.227112581656456</c:v>
                </c:pt>
                <c:pt idx="193">
                  <c:v>-149.5582646049611</c:v>
                </c:pt>
                <c:pt idx="194">
                  <c:v>37.492716016283794</c:v>
                </c:pt>
                <c:pt idx="195">
                  <c:v>8.9442841272323221</c:v>
                </c:pt>
                <c:pt idx="196">
                  <c:v>91.228339273802362</c:v>
                </c:pt>
                <c:pt idx="197">
                  <c:v>45.527172899747484</c:v>
                </c:pt>
                <c:pt idx="198">
                  <c:v>42.58358861766294</c:v>
                </c:pt>
                <c:pt idx="199">
                  <c:v>32.428217723655393</c:v>
                </c:pt>
                <c:pt idx="200">
                  <c:v>26.782545287969469</c:v>
                </c:pt>
                <c:pt idx="201">
                  <c:v>50.886185495798827</c:v>
                </c:pt>
                <c:pt idx="202">
                  <c:v>-151.53559124668936</c:v>
                </c:pt>
                <c:pt idx="203">
                  <c:v>-39.032942259064384</c:v>
                </c:pt>
                <c:pt idx="204">
                  <c:v>-7.3066704611283058</c:v>
                </c:pt>
                <c:pt idx="205">
                  <c:v>-39.214679733878711</c:v>
                </c:pt>
                <c:pt idx="206">
                  <c:v>164.83230261172594</c:v>
                </c:pt>
                <c:pt idx="207">
                  <c:v>-24.724036007370159</c:v>
                </c:pt>
                <c:pt idx="208">
                  <c:v>38.007426696265156</c:v>
                </c:pt>
                <c:pt idx="209">
                  <c:v>3.9036872865152077</c:v>
                </c:pt>
                <c:pt idx="210">
                  <c:v>67.996292127437869</c:v>
                </c:pt>
                <c:pt idx="211">
                  <c:v>53.203249070896504</c:v>
                </c:pt>
                <c:pt idx="212">
                  <c:v>32.73278100313604</c:v>
                </c:pt>
                <c:pt idx="213">
                  <c:v>-12.740375647165138</c:v>
                </c:pt>
                <c:pt idx="214">
                  <c:v>-38.843940172781913</c:v>
                </c:pt>
                <c:pt idx="215">
                  <c:v>-8.9179795296922748</c:v>
                </c:pt>
                <c:pt idx="216">
                  <c:v>-93.574049443219792</c:v>
                </c:pt>
                <c:pt idx="217">
                  <c:v>-204.0340483054988</c:v>
                </c:pt>
                <c:pt idx="218">
                  <c:v>-58.832705565252127</c:v>
                </c:pt>
                <c:pt idx="219">
                  <c:v>-2.8023232593639023</c:v>
                </c:pt>
                <c:pt idx="220">
                  <c:v>74.352930078181771</c:v>
                </c:pt>
                <c:pt idx="221">
                  <c:v>-9.6727885213484228</c:v>
                </c:pt>
                <c:pt idx="222">
                  <c:v>75.912933129746762</c:v>
                </c:pt>
                <c:pt idx="223">
                  <c:v>63.025328079522524</c:v>
                </c:pt>
                <c:pt idx="224">
                  <c:v>28.029722453712225</c:v>
                </c:pt>
                <c:pt idx="225">
                  <c:v>-84.92017032829267</c:v>
                </c:pt>
                <c:pt idx="226">
                  <c:v>90.073678975800703</c:v>
                </c:pt>
                <c:pt idx="227">
                  <c:v>109.27662512151619</c:v>
                </c:pt>
                <c:pt idx="228">
                  <c:v>-91.652075764021447</c:v>
                </c:pt>
                <c:pt idx="229">
                  <c:v>-144.22201021986621</c:v>
                </c:pt>
                <c:pt idx="230">
                  <c:v>-46.895231100814271</c:v>
                </c:pt>
                <c:pt idx="231">
                  <c:v>0.99143219411826067</c:v>
                </c:pt>
                <c:pt idx="232">
                  <c:v>-58.767148628124573</c:v>
                </c:pt>
                <c:pt idx="233">
                  <c:v>108.19878307855964</c:v>
                </c:pt>
                <c:pt idx="234">
                  <c:v>29.441746889958665</c:v>
                </c:pt>
                <c:pt idx="235">
                  <c:v>29.865288841820927</c:v>
                </c:pt>
                <c:pt idx="236">
                  <c:v>4.419123070522005</c:v>
                </c:pt>
                <c:pt idx="237">
                  <c:v>23.952040840039672</c:v>
                </c:pt>
                <c:pt idx="238">
                  <c:v>-53.189583054861032</c:v>
                </c:pt>
                <c:pt idx="239">
                  <c:v>-162.77095613057054</c:v>
                </c:pt>
                <c:pt idx="240">
                  <c:v>-23.95335273910996</c:v>
                </c:pt>
                <c:pt idx="241">
                  <c:v>-142.03031867583695</c:v>
                </c:pt>
                <c:pt idx="242">
                  <c:v>89.906229846687893</c:v>
                </c:pt>
                <c:pt idx="243">
                  <c:v>-18.624277793966485</c:v>
                </c:pt>
                <c:pt idx="244">
                  <c:v>121.36640248089122</c:v>
                </c:pt>
                <c:pt idx="245">
                  <c:v>139.04264140131232</c:v>
                </c:pt>
                <c:pt idx="246">
                  <c:v>69.798520237438026</c:v>
                </c:pt>
                <c:pt idx="247">
                  <c:v>36.309569110202233</c:v>
                </c:pt>
                <c:pt idx="248">
                  <c:v>76.393167810138777</c:v>
                </c:pt>
                <c:pt idx="249">
                  <c:v>-16.43160922634388</c:v>
                </c:pt>
                <c:pt idx="250">
                  <c:v>242.0800235767656</c:v>
                </c:pt>
                <c:pt idx="251">
                  <c:v>126.31199356089064</c:v>
                </c:pt>
              </c:numCache>
            </c:numRef>
          </c:val>
        </c:ser>
        <c:marker val="1"/>
        <c:axId val="48749952"/>
        <c:axId val="48759936"/>
      </c:lineChart>
      <c:dateAx>
        <c:axId val="48749952"/>
        <c:scaling>
          <c:orientation val="minMax"/>
        </c:scaling>
        <c:axPos val="b"/>
        <c:numFmt formatCode="mmm\-yy" sourceLinked="1"/>
        <c:tickLblPos val="nextTo"/>
        <c:crossAx val="48759936"/>
        <c:crosses val="autoZero"/>
        <c:auto val="1"/>
        <c:lblOffset val="100"/>
      </c:dateAx>
      <c:valAx>
        <c:axId val="48759936"/>
        <c:scaling>
          <c:orientation val="minMax"/>
          <c:max val="1000"/>
          <c:min val="-1000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</c:title>
        <c:numFmt formatCode="#,##0.0_ ;[Red]\-#,##0.0\ 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8749952"/>
        <c:crosses val="autoZero"/>
        <c:crossBetween val="between"/>
      </c:valAx>
    </c:plotArea>
    <c:legend>
      <c:legendPos val="b"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33" l="0.70000000000000062" r="0.70000000000000062" t="0.75000000000000133" header="0.30000000000000032" footer="0.30000000000000032"/>
    <c:pageSetup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GS Industrial</a:t>
            </a:r>
            <a:r>
              <a:rPr lang="en-US" baseline="0"/>
              <a:t> M</a:t>
            </a:r>
            <a:r>
              <a:rPr lang="en-US"/>
              <a:t>kt. Volume: Regression Results</a:t>
            </a:r>
          </a:p>
        </c:rich>
      </c:tx>
      <c:layout/>
    </c:title>
    <c:plotArea>
      <c:layout/>
      <c:lineChart>
        <c:grouping val="standard"/>
        <c:ser>
          <c:idx val="0"/>
          <c:order val="0"/>
          <c:tx>
            <c:strRef>
              <c:f>'GS Industrial Regn'!$B$34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strRef>
              <c:f>'GS Industrial Regn'!$A$35:$A$94</c:f>
              <c:strCache>
                <c:ptCount val="60"/>
                <c:pt idx="0">
                  <c:v>1997-Q1</c:v>
                </c:pt>
                <c:pt idx="1">
                  <c:v>1997-Q2</c:v>
                </c:pt>
                <c:pt idx="2">
                  <c:v>1997-Q3</c:v>
                </c:pt>
                <c:pt idx="3">
                  <c:v>1997-Q4</c:v>
                </c:pt>
                <c:pt idx="4">
                  <c:v>1998-Q1</c:v>
                </c:pt>
                <c:pt idx="5">
                  <c:v>1998-Q2</c:v>
                </c:pt>
                <c:pt idx="6">
                  <c:v>1998-Q3</c:v>
                </c:pt>
                <c:pt idx="7">
                  <c:v>1998-Q4</c:v>
                </c:pt>
                <c:pt idx="8">
                  <c:v>1999-Q1</c:v>
                </c:pt>
                <c:pt idx="9">
                  <c:v>1999-Q2</c:v>
                </c:pt>
                <c:pt idx="10">
                  <c:v>1999-Q3</c:v>
                </c:pt>
                <c:pt idx="11">
                  <c:v>1999-Q4</c:v>
                </c:pt>
                <c:pt idx="12">
                  <c:v>2000-Q1</c:v>
                </c:pt>
                <c:pt idx="13">
                  <c:v>2000-Q2</c:v>
                </c:pt>
                <c:pt idx="14">
                  <c:v>2000-Q3</c:v>
                </c:pt>
                <c:pt idx="15">
                  <c:v>2000-Q4</c:v>
                </c:pt>
                <c:pt idx="16">
                  <c:v>2001-Q1</c:v>
                </c:pt>
                <c:pt idx="17">
                  <c:v>2001-Q2</c:v>
                </c:pt>
                <c:pt idx="18">
                  <c:v>2001-Q3</c:v>
                </c:pt>
                <c:pt idx="19">
                  <c:v>2001-Q4</c:v>
                </c:pt>
                <c:pt idx="20">
                  <c:v>2002-Q1</c:v>
                </c:pt>
                <c:pt idx="21">
                  <c:v>2002-Q2</c:v>
                </c:pt>
                <c:pt idx="22">
                  <c:v>2002-Q3</c:v>
                </c:pt>
                <c:pt idx="23">
                  <c:v>2002-Q4</c:v>
                </c:pt>
                <c:pt idx="24">
                  <c:v>2003-Q1</c:v>
                </c:pt>
                <c:pt idx="25">
                  <c:v>2003-Q2</c:v>
                </c:pt>
                <c:pt idx="26">
                  <c:v>2003-Q3</c:v>
                </c:pt>
                <c:pt idx="27">
                  <c:v>2003-Q4</c:v>
                </c:pt>
                <c:pt idx="28">
                  <c:v>2004-Q1</c:v>
                </c:pt>
                <c:pt idx="29">
                  <c:v>2004-Q2</c:v>
                </c:pt>
                <c:pt idx="30">
                  <c:v>2004-Q3</c:v>
                </c:pt>
                <c:pt idx="31">
                  <c:v>2004-Q4</c:v>
                </c:pt>
                <c:pt idx="32">
                  <c:v>2005-Q1</c:v>
                </c:pt>
                <c:pt idx="33">
                  <c:v>2005-Q2</c:v>
                </c:pt>
                <c:pt idx="34">
                  <c:v>2005-Q3</c:v>
                </c:pt>
                <c:pt idx="35">
                  <c:v>2005-Q4</c:v>
                </c:pt>
                <c:pt idx="36">
                  <c:v>2006-Q1</c:v>
                </c:pt>
                <c:pt idx="37">
                  <c:v>2006-Q2</c:v>
                </c:pt>
                <c:pt idx="38">
                  <c:v>2006-Q3</c:v>
                </c:pt>
                <c:pt idx="39">
                  <c:v>2006-Q4</c:v>
                </c:pt>
                <c:pt idx="40">
                  <c:v>2007-Q1</c:v>
                </c:pt>
                <c:pt idx="41">
                  <c:v>2007-Q2</c:v>
                </c:pt>
                <c:pt idx="42">
                  <c:v>2007-Q3</c:v>
                </c:pt>
                <c:pt idx="43">
                  <c:v>2007-Q4</c:v>
                </c:pt>
                <c:pt idx="44">
                  <c:v>2008-Q1</c:v>
                </c:pt>
                <c:pt idx="45">
                  <c:v>2008-Q2</c:v>
                </c:pt>
                <c:pt idx="46">
                  <c:v>2008-Q3</c:v>
                </c:pt>
                <c:pt idx="47">
                  <c:v>2008-Q4</c:v>
                </c:pt>
                <c:pt idx="48">
                  <c:v>2009-Q1</c:v>
                </c:pt>
                <c:pt idx="49">
                  <c:v>2009-Q2</c:v>
                </c:pt>
                <c:pt idx="50">
                  <c:v>2009-Q3</c:v>
                </c:pt>
                <c:pt idx="51">
                  <c:v>2009-Q4</c:v>
                </c:pt>
                <c:pt idx="52">
                  <c:v>2010-Q1</c:v>
                </c:pt>
                <c:pt idx="53">
                  <c:v>2010-Q2</c:v>
                </c:pt>
                <c:pt idx="54">
                  <c:v>2010-Q3</c:v>
                </c:pt>
                <c:pt idx="55">
                  <c:v>2010-Q4</c:v>
                </c:pt>
                <c:pt idx="56">
                  <c:v>2011-Q1</c:v>
                </c:pt>
                <c:pt idx="57">
                  <c:v>2011-Q2</c:v>
                </c:pt>
                <c:pt idx="58">
                  <c:v>2011-Q3</c:v>
                </c:pt>
                <c:pt idx="59">
                  <c:v>2011-Q4</c:v>
                </c:pt>
              </c:strCache>
            </c:strRef>
          </c:cat>
          <c:val>
            <c:numRef>
              <c:f>'GS Industrial Regn'!$B$35:$B$94</c:f>
              <c:numCache>
                <c:formatCode>#,##0.0_ ;[Red]\-#,##0.0\ </c:formatCode>
                <c:ptCount val="60"/>
                <c:pt idx="0">
                  <c:v>222785.15900000001</c:v>
                </c:pt>
                <c:pt idx="1">
                  <c:v>103418.444</c:v>
                </c:pt>
                <c:pt idx="2">
                  <c:v>58235.218999999997</c:v>
                </c:pt>
                <c:pt idx="3">
                  <c:v>166144.26500000001</c:v>
                </c:pt>
                <c:pt idx="4">
                  <c:v>191416.94500000001</c:v>
                </c:pt>
                <c:pt idx="5">
                  <c:v>81021.376999999993</c:v>
                </c:pt>
                <c:pt idx="6">
                  <c:v>62858.273999999998</c:v>
                </c:pt>
                <c:pt idx="7">
                  <c:v>142918.19200000001</c:v>
                </c:pt>
                <c:pt idx="8">
                  <c:v>231383.03599999999</c:v>
                </c:pt>
                <c:pt idx="9">
                  <c:v>94216.115999999995</c:v>
                </c:pt>
                <c:pt idx="10">
                  <c:v>71036.111999999994</c:v>
                </c:pt>
                <c:pt idx="11">
                  <c:v>179824.22099999999</c:v>
                </c:pt>
                <c:pt idx="12">
                  <c:v>211320.69399999999</c:v>
                </c:pt>
                <c:pt idx="13">
                  <c:v>92149.490999999995</c:v>
                </c:pt>
                <c:pt idx="14">
                  <c:v>70486.131999999998</c:v>
                </c:pt>
                <c:pt idx="15">
                  <c:v>173263.693</c:v>
                </c:pt>
                <c:pt idx="16">
                  <c:v>234065.58300000001</c:v>
                </c:pt>
                <c:pt idx="17">
                  <c:v>101233.79</c:v>
                </c:pt>
                <c:pt idx="18">
                  <c:v>69810.739000000001</c:v>
                </c:pt>
                <c:pt idx="19">
                  <c:v>150035.52100000001</c:v>
                </c:pt>
                <c:pt idx="20">
                  <c:v>219192.58300000001</c:v>
                </c:pt>
                <c:pt idx="21">
                  <c:v>109928.253</c:v>
                </c:pt>
                <c:pt idx="22">
                  <c:v>72364.3</c:v>
                </c:pt>
                <c:pt idx="23">
                  <c:v>182704.87</c:v>
                </c:pt>
                <c:pt idx="24">
                  <c:v>259646.068</c:v>
                </c:pt>
                <c:pt idx="25">
                  <c:v>98705.948000000004</c:v>
                </c:pt>
                <c:pt idx="26">
                  <c:v>67906.418000000005</c:v>
                </c:pt>
                <c:pt idx="27">
                  <c:v>172014.321</c:v>
                </c:pt>
                <c:pt idx="28">
                  <c:v>224692.21599999999</c:v>
                </c:pt>
                <c:pt idx="29">
                  <c:v>96089.335999999996</c:v>
                </c:pt>
                <c:pt idx="30">
                  <c:v>61621.728999999999</c:v>
                </c:pt>
                <c:pt idx="31">
                  <c:v>165356.478</c:v>
                </c:pt>
                <c:pt idx="32">
                  <c:v>251349.092</c:v>
                </c:pt>
                <c:pt idx="33">
                  <c:v>89303.789000000004</c:v>
                </c:pt>
                <c:pt idx="34">
                  <c:v>62883.955999999998</c:v>
                </c:pt>
                <c:pt idx="35">
                  <c:v>183098.864</c:v>
                </c:pt>
                <c:pt idx="36">
                  <c:v>209380.546</c:v>
                </c:pt>
                <c:pt idx="37">
                  <c:v>88385.048999999999</c:v>
                </c:pt>
                <c:pt idx="38">
                  <c:v>66474.312999999995</c:v>
                </c:pt>
                <c:pt idx="39">
                  <c:v>169358.10399999999</c:v>
                </c:pt>
                <c:pt idx="40">
                  <c:v>238440.19099999999</c:v>
                </c:pt>
                <c:pt idx="41">
                  <c:v>98458.593999999997</c:v>
                </c:pt>
                <c:pt idx="42">
                  <c:v>63530.733</c:v>
                </c:pt>
                <c:pt idx="43">
                  <c:v>165931.10800000001</c:v>
                </c:pt>
                <c:pt idx="44">
                  <c:v>240842.989</c:v>
                </c:pt>
                <c:pt idx="45">
                  <c:v>91378.327999999994</c:v>
                </c:pt>
                <c:pt idx="46">
                  <c:v>66225.217999999993</c:v>
                </c:pt>
                <c:pt idx="47">
                  <c:v>174709.891</c:v>
                </c:pt>
                <c:pt idx="48">
                  <c:v>210843.30100000001</c:v>
                </c:pt>
                <c:pt idx="49">
                  <c:v>75658.701000000001</c:v>
                </c:pt>
                <c:pt idx="50">
                  <c:v>64070.89</c:v>
                </c:pt>
                <c:pt idx="51">
                  <c:v>177027.06700000001</c:v>
                </c:pt>
                <c:pt idx="52">
                  <c:v>174889.80499999999</c:v>
                </c:pt>
                <c:pt idx="53">
                  <c:v>65847.710999999996</c:v>
                </c:pt>
                <c:pt idx="54">
                  <c:v>64257.057999999997</c:v>
                </c:pt>
                <c:pt idx="55">
                  <c:v>155306.948</c:v>
                </c:pt>
                <c:pt idx="56">
                  <c:v>208652.22200000001</c:v>
                </c:pt>
                <c:pt idx="57">
                  <c:v>80736.13</c:v>
                </c:pt>
                <c:pt idx="58">
                  <c:v>54275.58</c:v>
                </c:pt>
                <c:pt idx="59">
                  <c:v>141705.902</c:v>
                </c:pt>
              </c:numCache>
            </c:numRef>
          </c:val>
        </c:ser>
        <c:ser>
          <c:idx val="1"/>
          <c:order val="1"/>
          <c:tx>
            <c:strRef>
              <c:f>'GS Industrial Regn'!$C$34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strRef>
              <c:f>'GS Industrial Regn'!$A$35:$A$94</c:f>
              <c:strCache>
                <c:ptCount val="60"/>
                <c:pt idx="0">
                  <c:v>1997-Q1</c:v>
                </c:pt>
                <c:pt idx="1">
                  <c:v>1997-Q2</c:v>
                </c:pt>
                <c:pt idx="2">
                  <c:v>1997-Q3</c:v>
                </c:pt>
                <c:pt idx="3">
                  <c:v>1997-Q4</c:v>
                </c:pt>
                <c:pt idx="4">
                  <c:v>1998-Q1</c:v>
                </c:pt>
                <c:pt idx="5">
                  <c:v>1998-Q2</c:v>
                </c:pt>
                <c:pt idx="6">
                  <c:v>1998-Q3</c:v>
                </c:pt>
                <c:pt idx="7">
                  <c:v>1998-Q4</c:v>
                </c:pt>
                <c:pt idx="8">
                  <c:v>1999-Q1</c:v>
                </c:pt>
                <c:pt idx="9">
                  <c:v>1999-Q2</c:v>
                </c:pt>
                <c:pt idx="10">
                  <c:v>1999-Q3</c:v>
                </c:pt>
                <c:pt idx="11">
                  <c:v>1999-Q4</c:v>
                </c:pt>
                <c:pt idx="12">
                  <c:v>2000-Q1</c:v>
                </c:pt>
                <c:pt idx="13">
                  <c:v>2000-Q2</c:v>
                </c:pt>
                <c:pt idx="14">
                  <c:v>2000-Q3</c:v>
                </c:pt>
                <c:pt idx="15">
                  <c:v>2000-Q4</c:v>
                </c:pt>
                <c:pt idx="16">
                  <c:v>2001-Q1</c:v>
                </c:pt>
                <c:pt idx="17">
                  <c:v>2001-Q2</c:v>
                </c:pt>
                <c:pt idx="18">
                  <c:v>2001-Q3</c:v>
                </c:pt>
                <c:pt idx="19">
                  <c:v>2001-Q4</c:v>
                </c:pt>
                <c:pt idx="20">
                  <c:v>2002-Q1</c:v>
                </c:pt>
                <c:pt idx="21">
                  <c:v>2002-Q2</c:v>
                </c:pt>
                <c:pt idx="22">
                  <c:v>2002-Q3</c:v>
                </c:pt>
                <c:pt idx="23">
                  <c:v>2002-Q4</c:v>
                </c:pt>
                <c:pt idx="24">
                  <c:v>2003-Q1</c:v>
                </c:pt>
                <c:pt idx="25">
                  <c:v>2003-Q2</c:v>
                </c:pt>
                <c:pt idx="26">
                  <c:v>2003-Q3</c:v>
                </c:pt>
                <c:pt idx="27">
                  <c:v>2003-Q4</c:v>
                </c:pt>
                <c:pt idx="28">
                  <c:v>2004-Q1</c:v>
                </c:pt>
                <c:pt idx="29">
                  <c:v>2004-Q2</c:v>
                </c:pt>
                <c:pt idx="30">
                  <c:v>2004-Q3</c:v>
                </c:pt>
                <c:pt idx="31">
                  <c:v>2004-Q4</c:v>
                </c:pt>
                <c:pt idx="32">
                  <c:v>2005-Q1</c:v>
                </c:pt>
                <c:pt idx="33">
                  <c:v>2005-Q2</c:v>
                </c:pt>
                <c:pt idx="34">
                  <c:v>2005-Q3</c:v>
                </c:pt>
                <c:pt idx="35">
                  <c:v>2005-Q4</c:v>
                </c:pt>
                <c:pt idx="36">
                  <c:v>2006-Q1</c:v>
                </c:pt>
                <c:pt idx="37">
                  <c:v>2006-Q2</c:v>
                </c:pt>
                <c:pt idx="38">
                  <c:v>2006-Q3</c:v>
                </c:pt>
                <c:pt idx="39">
                  <c:v>2006-Q4</c:v>
                </c:pt>
                <c:pt idx="40">
                  <c:v>2007-Q1</c:v>
                </c:pt>
                <c:pt idx="41">
                  <c:v>2007-Q2</c:v>
                </c:pt>
                <c:pt idx="42">
                  <c:v>2007-Q3</c:v>
                </c:pt>
                <c:pt idx="43">
                  <c:v>2007-Q4</c:v>
                </c:pt>
                <c:pt idx="44">
                  <c:v>2008-Q1</c:v>
                </c:pt>
                <c:pt idx="45">
                  <c:v>2008-Q2</c:v>
                </c:pt>
                <c:pt idx="46">
                  <c:v>2008-Q3</c:v>
                </c:pt>
                <c:pt idx="47">
                  <c:v>2008-Q4</c:v>
                </c:pt>
                <c:pt idx="48">
                  <c:v>2009-Q1</c:v>
                </c:pt>
                <c:pt idx="49">
                  <c:v>2009-Q2</c:v>
                </c:pt>
                <c:pt idx="50">
                  <c:v>2009-Q3</c:v>
                </c:pt>
                <c:pt idx="51">
                  <c:v>2009-Q4</c:v>
                </c:pt>
                <c:pt idx="52">
                  <c:v>2010-Q1</c:v>
                </c:pt>
                <c:pt idx="53">
                  <c:v>2010-Q2</c:v>
                </c:pt>
                <c:pt idx="54">
                  <c:v>2010-Q3</c:v>
                </c:pt>
                <c:pt idx="55">
                  <c:v>2010-Q4</c:v>
                </c:pt>
                <c:pt idx="56">
                  <c:v>2011-Q1</c:v>
                </c:pt>
                <c:pt idx="57">
                  <c:v>2011-Q2</c:v>
                </c:pt>
                <c:pt idx="58">
                  <c:v>2011-Q3</c:v>
                </c:pt>
                <c:pt idx="59">
                  <c:v>2011-Q4</c:v>
                </c:pt>
              </c:strCache>
            </c:strRef>
          </c:cat>
          <c:val>
            <c:numRef>
              <c:f>'GS Industrial Regn'!$C$35:$C$94</c:f>
              <c:numCache>
                <c:formatCode>#,##0.0_ ;[Red]\-#,##0.0\ </c:formatCode>
                <c:ptCount val="60"/>
                <c:pt idx="0">
                  <c:v>231226.557</c:v>
                </c:pt>
                <c:pt idx="1">
                  <c:v>102529.939</c:v>
                </c:pt>
                <c:pt idx="2">
                  <c:v>61648.601000000002</c:v>
                </c:pt>
                <c:pt idx="3">
                  <c:v>169129.22099999999</c:v>
                </c:pt>
                <c:pt idx="4">
                  <c:v>203814.52900000001</c:v>
                </c:pt>
                <c:pt idx="5">
                  <c:v>85853.434999999998</c:v>
                </c:pt>
                <c:pt idx="6">
                  <c:v>62850.02</c:v>
                </c:pt>
                <c:pt idx="7">
                  <c:v>156491.334</c:v>
                </c:pt>
                <c:pt idx="8">
                  <c:v>226400.59</c:v>
                </c:pt>
                <c:pt idx="9">
                  <c:v>91946.915999999997</c:v>
                </c:pt>
                <c:pt idx="10">
                  <c:v>65286.97</c:v>
                </c:pt>
                <c:pt idx="11">
                  <c:v>179824.22099999999</c:v>
                </c:pt>
                <c:pt idx="12">
                  <c:v>217727.07800000001</c:v>
                </c:pt>
                <c:pt idx="13">
                  <c:v>96808.203999999998</c:v>
                </c:pt>
                <c:pt idx="14">
                  <c:v>65608.058999999994</c:v>
                </c:pt>
                <c:pt idx="15">
                  <c:v>180927.19500000001</c:v>
                </c:pt>
                <c:pt idx="16">
                  <c:v>227971.45300000001</c:v>
                </c:pt>
                <c:pt idx="17">
                  <c:v>94399.819000000003</c:v>
                </c:pt>
                <c:pt idx="18">
                  <c:v>67189.221000000005</c:v>
                </c:pt>
                <c:pt idx="19">
                  <c:v>155116.15</c:v>
                </c:pt>
                <c:pt idx="20">
                  <c:v>215853.658</c:v>
                </c:pt>
                <c:pt idx="21">
                  <c:v>103798.966</c:v>
                </c:pt>
                <c:pt idx="22">
                  <c:v>69389.043999999994</c:v>
                </c:pt>
                <c:pt idx="23">
                  <c:v>179126.80900000001</c:v>
                </c:pt>
                <c:pt idx="24">
                  <c:v>249663.61</c:v>
                </c:pt>
                <c:pt idx="25">
                  <c:v>106028.289</c:v>
                </c:pt>
                <c:pt idx="26">
                  <c:v>67657.608999999997</c:v>
                </c:pt>
                <c:pt idx="27">
                  <c:v>164437.21599999999</c:v>
                </c:pt>
                <c:pt idx="28">
                  <c:v>235806.595</c:v>
                </c:pt>
                <c:pt idx="29">
                  <c:v>94521.459000000003</c:v>
                </c:pt>
                <c:pt idx="30">
                  <c:v>63014.915000000001</c:v>
                </c:pt>
                <c:pt idx="31">
                  <c:v>166389.48699999999</c:v>
                </c:pt>
                <c:pt idx="32">
                  <c:v>251349.092</c:v>
                </c:pt>
                <c:pt idx="33">
                  <c:v>93091.070999999996</c:v>
                </c:pt>
                <c:pt idx="34">
                  <c:v>62808.252999999997</c:v>
                </c:pt>
                <c:pt idx="35">
                  <c:v>183098.864</c:v>
                </c:pt>
                <c:pt idx="36">
                  <c:v>210573.467</c:v>
                </c:pt>
                <c:pt idx="37">
                  <c:v>90625.466</c:v>
                </c:pt>
                <c:pt idx="38">
                  <c:v>63070.432000000001</c:v>
                </c:pt>
                <c:pt idx="39">
                  <c:v>156523.69200000001</c:v>
                </c:pt>
                <c:pt idx="40">
                  <c:v>226601.41399999999</c:v>
                </c:pt>
                <c:pt idx="41">
                  <c:v>92112.951000000001</c:v>
                </c:pt>
                <c:pt idx="42">
                  <c:v>63500.673999999999</c:v>
                </c:pt>
                <c:pt idx="43">
                  <c:v>162496.90299999999</c:v>
                </c:pt>
                <c:pt idx="44">
                  <c:v>230302.20300000001</c:v>
                </c:pt>
                <c:pt idx="45">
                  <c:v>93187.906000000003</c:v>
                </c:pt>
                <c:pt idx="46">
                  <c:v>65922.076000000001</c:v>
                </c:pt>
                <c:pt idx="47">
                  <c:v>180357.03599999999</c:v>
                </c:pt>
                <c:pt idx="48">
                  <c:v>211963.424</c:v>
                </c:pt>
                <c:pt idx="49">
                  <c:v>75232.714000000007</c:v>
                </c:pt>
                <c:pt idx="50">
                  <c:v>65783.922000000006</c:v>
                </c:pt>
                <c:pt idx="51">
                  <c:v>175354.44099999999</c:v>
                </c:pt>
                <c:pt idx="52">
                  <c:v>173217.17800000001</c:v>
                </c:pt>
                <c:pt idx="53">
                  <c:v>68035.683000000005</c:v>
                </c:pt>
                <c:pt idx="54">
                  <c:v>62771.495999999999</c:v>
                </c:pt>
                <c:pt idx="55">
                  <c:v>149952.739</c:v>
                </c:pt>
                <c:pt idx="56">
                  <c:v>218180.62</c:v>
                </c:pt>
                <c:pt idx="57">
                  <c:v>79208.126000000004</c:v>
                </c:pt>
                <c:pt idx="58">
                  <c:v>67585.728000000003</c:v>
                </c:pt>
                <c:pt idx="59">
                  <c:v>139522.864</c:v>
                </c:pt>
              </c:numCache>
            </c:numRef>
          </c:val>
        </c:ser>
        <c:marker val="1"/>
        <c:axId val="49043712"/>
        <c:axId val="49065984"/>
      </c:lineChart>
      <c:catAx>
        <c:axId val="49043712"/>
        <c:scaling>
          <c:orientation val="minMax"/>
        </c:scaling>
        <c:axPos val="b"/>
        <c:numFmt formatCode="mmm\-yy" sourceLinked="1"/>
        <c:tickLblPos val="nextTo"/>
        <c:crossAx val="49065984"/>
        <c:crosses val="autoZero"/>
        <c:auto val="1"/>
        <c:lblAlgn val="ctr"/>
        <c:lblOffset val="100"/>
      </c:catAx>
      <c:valAx>
        <c:axId val="49065984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  <c:layout/>
        </c:title>
        <c:numFmt formatCode="#,##0.0_ ;[Red]\-#,##0.0\ 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9043712"/>
        <c:crosses val="autoZero"/>
        <c:crossBetween val="between"/>
      </c:valAx>
    </c:plotArea>
    <c:legend>
      <c:legendPos val="b"/>
      <c:layout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2" l="0.70000000000000062" r="0.70000000000000062" t="0.750000000000002" header="0.30000000000000032" footer="0.30000000000000032"/>
    <c:pageSetup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 sz="1400"/>
              <a:t>GS Industrial Volume Regression</a:t>
            </a:r>
          </a:p>
          <a:p>
            <a:pPr>
              <a:defRPr/>
            </a:pPr>
            <a:r>
              <a:rPr lang="en-US" sz="1200" b="0"/>
              <a:t>Rolling 12 Months</a:t>
            </a:r>
            <a:r>
              <a:rPr lang="en-US" sz="1200" b="0" baseline="0"/>
              <a:t> Total Usage</a:t>
            </a:r>
            <a:endParaRPr lang="en-US" sz="1600" b="0"/>
          </a:p>
        </c:rich>
      </c:tx>
    </c:title>
    <c:plotArea>
      <c:layout/>
      <c:lineChart>
        <c:grouping val="standard"/>
        <c:ser>
          <c:idx val="0"/>
          <c:order val="0"/>
          <c:tx>
            <c:strRef>
              <c:f>'GS Industrial Regn'!$F$38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strRef>
              <c:f>'GS Industrial Regn'!$A$39:$A$94</c:f>
              <c:strCache>
                <c:ptCount val="56"/>
                <c:pt idx="0">
                  <c:v>1998-Q1</c:v>
                </c:pt>
                <c:pt idx="1">
                  <c:v>1998-Q2</c:v>
                </c:pt>
                <c:pt idx="2">
                  <c:v>1998-Q3</c:v>
                </c:pt>
                <c:pt idx="3">
                  <c:v>1998-Q4</c:v>
                </c:pt>
                <c:pt idx="4">
                  <c:v>1999-Q1</c:v>
                </c:pt>
                <c:pt idx="5">
                  <c:v>1999-Q2</c:v>
                </c:pt>
                <c:pt idx="6">
                  <c:v>1999-Q3</c:v>
                </c:pt>
                <c:pt idx="7">
                  <c:v>1999-Q4</c:v>
                </c:pt>
                <c:pt idx="8">
                  <c:v>2000-Q1</c:v>
                </c:pt>
                <c:pt idx="9">
                  <c:v>2000-Q2</c:v>
                </c:pt>
                <c:pt idx="10">
                  <c:v>2000-Q3</c:v>
                </c:pt>
                <c:pt idx="11">
                  <c:v>2000-Q4</c:v>
                </c:pt>
                <c:pt idx="12">
                  <c:v>2001-Q1</c:v>
                </c:pt>
                <c:pt idx="13">
                  <c:v>2001-Q2</c:v>
                </c:pt>
                <c:pt idx="14">
                  <c:v>2001-Q3</c:v>
                </c:pt>
                <c:pt idx="15">
                  <c:v>2001-Q4</c:v>
                </c:pt>
                <c:pt idx="16">
                  <c:v>2002-Q1</c:v>
                </c:pt>
                <c:pt idx="17">
                  <c:v>2002-Q2</c:v>
                </c:pt>
                <c:pt idx="18">
                  <c:v>2002-Q3</c:v>
                </c:pt>
                <c:pt idx="19">
                  <c:v>2002-Q4</c:v>
                </c:pt>
                <c:pt idx="20">
                  <c:v>2003-Q1</c:v>
                </c:pt>
                <c:pt idx="21">
                  <c:v>2003-Q2</c:v>
                </c:pt>
                <c:pt idx="22">
                  <c:v>2003-Q3</c:v>
                </c:pt>
                <c:pt idx="23">
                  <c:v>2003-Q4</c:v>
                </c:pt>
                <c:pt idx="24">
                  <c:v>2004-Q1</c:v>
                </c:pt>
                <c:pt idx="25">
                  <c:v>2004-Q2</c:v>
                </c:pt>
                <c:pt idx="26">
                  <c:v>2004-Q3</c:v>
                </c:pt>
                <c:pt idx="27">
                  <c:v>2004-Q4</c:v>
                </c:pt>
                <c:pt idx="28">
                  <c:v>2005-Q1</c:v>
                </c:pt>
                <c:pt idx="29">
                  <c:v>2005-Q2</c:v>
                </c:pt>
                <c:pt idx="30">
                  <c:v>2005-Q3</c:v>
                </c:pt>
                <c:pt idx="31">
                  <c:v>2005-Q4</c:v>
                </c:pt>
                <c:pt idx="32">
                  <c:v>2006-Q1</c:v>
                </c:pt>
                <c:pt idx="33">
                  <c:v>2006-Q2</c:v>
                </c:pt>
                <c:pt idx="34">
                  <c:v>2006-Q3</c:v>
                </c:pt>
                <c:pt idx="35">
                  <c:v>2006-Q4</c:v>
                </c:pt>
                <c:pt idx="36">
                  <c:v>2007-Q1</c:v>
                </c:pt>
                <c:pt idx="37">
                  <c:v>2007-Q2</c:v>
                </c:pt>
                <c:pt idx="38">
                  <c:v>2007-Q3</c:v>
                </c:pt>
                <c:pt idx="39">
                  <c:v>2007-Q4</c:v>
                </c:pt>
                <c:pt idx="40">
                  <c:v>2008-Q1</c:v>
                </c:pt>
                <c:pt idx="41">
                  <c:v>2008-Q2</c:v>
                </c:pt>
                <c:pt idx="42">
                  <c:v>2008-Q3</c:v>
                </c:pt>
                <c:pt idx="43">
                  <c:v>2008-Q4</c:v>
                </c:pt>
                <c:pt idx="44">
                  <c:v>2009-Q1</c:v>
                </c:pt>
                <c:pt idx="45">
                  <c:v>2009-Q2</c:v>
                </c:pt>
                <c:pt idx="46">
                  <c:v>2009-Q3</c:v>
                </c:pt>
                <c:pt idx="47">
                  <c:v>2009-Q4</c:v>
                </c:pt>
                <c:pt idx="48">
                  <c:v>2010-Q1</c:v>
                </c:pt>
                <c:pt idx="49">
                  <c:v>2010-Q2</c:v>
                </c:pt>
                <c:pt idx="50">
                  <c:v>2010-Q3</c:v>
                </c:pt>
                <c:pt idx="51">
                  <c:v>2010-Q4</c:v>
                </c:pt>
                <c:pt idx="52">
                  <c:v>2011-Q1</c:v>
                </c:pt>
                <c:pt idx="53">
                  <c:v>2011-Q2</c:v>
                </c:pt>
                <c:pt idx="54">
                  <c:v>2011-Q3</c:v>
                </c:pt>
                <c:pt idx="55">
                  <c:v>2011-Q4</c:v>
                </c:pt>
              </c:strCache>
            </c:strRef>
          </c:cat>
          <c:val>
            <c:numRef>
              <c:f>'GS Industrial Regn'!$F$39:$F$94</c:f>
              <c:numCache>
                <c:formatCode>_-* #,##0_-;\-* #,##0_-;_-* "-"??_-;_-@_-</c:formatCode>
                <c:ptCount val="56"/>
                <c:pt idx="0">
                  <c:v>550583.08700000006</c:v>
                </c:pt>
                <c:pt idx="1">
                  <c:v>519214.87300000002</c:v>
                </c:pt>
                <c:pt idx="2">
                  <c:v>496817.80599999998</c:v>
                </c:pt>
                <c:pt idx="3">
                  <c:v>501440.86099999998</c:v>
                </c:pt>
                <c:pt idx="4">
                  <c:v>478214.78799999994</c:v>
                </c:pt>
                <c:pt idx="5">
                  <c:v>518180.87899999996</c:v>
                </c:pt>
                <c:pt idx="6">
                  <c:v>531375.61800000002</c:v>
                </c:pt>
                <c:pt idx="7">
                  <c:v>539553.45600000001</c:v>
                </c:pt>
                <c:pt idx="8">
                  <c:v>576459.48499999999</c:v>
                </c:pt>
                <c:pt idx="9">
                  <c:v>556397.14300000004</c:v>
                </c:pt>
                <c:pt idx="10">
                  <c:v>554330.51800000004</c:v>
                </c:pt>
                <c:pt idx="11">
                  <c:v>553780.53799999994</c:v>
                </c:pt>
                <c:pt idx="12">
                  <c:v>547220.01</c:v>
                </c:pt>
                <c:pt idx="13">
                  <c:v>569964.89899999998</c:v>
                </c:pt>
                <c:pt idx="14">
                  <c:v>579049.19800000009</c:v>
                </c:pt>
                <c:pt idx="15">
                  <c:v>578373.80499999993</c:v>
                </c:pt>
                <c:pt idx="16">
                  <c:v>555145.63300000003</c:v>
                </c:pt>
                <c:pt idx="17">
                  <c:v>540272.63300000003</c:v>
                </c:pt>
                <c:pt idx="18">
                  <c:v>548967.09600000002</c:v>
                </c:pt>
                <c:pt idx="19">
                  <c:v>551520.65700000012</c:v>
                </c:pt>
                <c:pt idx="20">
                  <c:v>584190.00600000005</c:v>
                </c:pt>
                <c:pt idx="21">
                  <c:v>624643.49100000004</c:v>
                </c:pt>
                <c:pt idx="22">
                  <c:v>613421.18599999999</c:v>
                </c:pt>
                <c:pt idx="23">
                  <c:v>608963.304</c:v>
                </c:pt>
                <c:pt idx="24">
                  <c:v>598272.755</c:v>
                </c:pt>
                <c:pt idx="25">
                  <c:v>563318.90300000005</c:v>
                </c:pt>
                <c:pt idx="26">
                  <c:v>560702.29099999997</c:v>
                </c:pt>
                <c:pt idx="27">
                  <c:v>554417.60200000007</c:v>
                </c:pt>
                <c:pt idx="28">
                  <c:v>547759.75899999996</c:v>
                </c:pt>
                <c:pt idx="29">
                  <c:v>574416.63500000001</c:v>
                </c:pt>
                <c:pt idx="30">
                  <c:v>567631.08799999999</c:v>
                </c:pt>
                <c:pt idx="31">
                  <c:v>568893.31499999994</c:v>
                </c:pt>
                <c:pt idx="32">
                  <c:v>586635.701</c:v>
                </c:pt>
                <c:pt idx="33">
                  <c:v>544667.15500000003</c:v>
                </c:pt>
                <c:pt idx="34">
                  <c:v>543748.41500000004</c:v>
                </c:pt>
                <c:pt idx="35">
                  <c:v>547338.772</c:v>
                </c:pt>
                <c:pt idx="36">
                  <c:v>533598.01199999987</c:v>
                </c:pt>
                <c:pt idx="37">
                  <c:v>562657.65700000001</c:v>
                </c:pt>
                <c:pt idx="38">
                  <c:v>572731.20200000005</c:v>
                </c:pt>
                <c:pt idx="39">
                  <c:v>569787.62199999997</c:v>
                </c:pt>
                <c:pt idx="40">
                  <c:v>566360.62599999993</c:v>
                </c:pt>
                <c:pt idx="41">
                  <c:v>568763.424</c:v>
                </c:pt>
                <c:pt idx="42">
                  <c:v>561683.15800000005</c:v>
                </c:pt>
                <c:pt idx="43">
                  <c:v>564377.64299999992</c:v>
                </c:pt>
                <c:pt idx="44">
                  <c:v>573156.42599999998</c:v>
                </c:pt>
                <c:pt idx="45">
                  <c:v>543156.73800000001</c:v>
                </c:pt>
                <c:pt idx="46">
                  <c:v>527437.11100000003</c:v>
                </c:pt>
                <c:pt idx="47">
                  <c:v>525282.78300000005</c:v>
                </c:pt>
                <c:pt idx="48">
                  <c:v>527599.95900000003</c:v>
                </c:pt>
                <c:pt idx="49">
                  <c:v>491646.46300000005</c:v>
                </c:pt>
                <c:pt idx="50">
                  <c:v>481835.473</c:v>
                </c:pt>
                <c:pt idx="51">
                  <c:v>482021.641</c:v>
                </c:pt>
                <c:pt idx="52">
                  <c:v>460301.522</c:v>
                </c:pt>
                <c:pt idx="53">
                  <c:v>494063.93900000001</c:v>
                </c:pt>
                <c:pt idx="54">
                  <c:v>508952.35800000001</c:v>
                </c:pt>
                <c:pt idx="55">
                  <c:v>498970.88000000006</c:v>
                </c:pt>
              </c:numCache>
            </c:numRef>
          </c:val>
        </c:ser>
        <c:ser>
          <c:idx val="1"/>
          <c:order val="1"/>
          <c:tx>
            <c:strRef>
              <c:f>'GS Industrial Regn'!$G$38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strRef>
              <c:f>'GS Industrial Regn'!$A$39:$A$94</c:f>
              <c:strCache>
                <c:ptCount val="56"/>
                <c:pt idx="0">
                  <c:v>1998-Q1</c:v>
                </c:pt>
                <c:pt idx="1">
                  <c:v>1998-Q2</c:v>
                </c:pt>
                <c:pt idx="2">
                  <c:v>1998-Q3</c:v>
                </c:pt>
                <c:pt idx="3">
                  <c:v>1998-Q4</c:v>
                </c:pt>
                <c:pt idx="4">
                  <c:v>1999-Q1</c:v>
                </c:pt>
                <c:pt idx="5">
                  <c:v>1999-Q2</c:v>
                </c:pt>
                <c:pt idx="6">
                  <c:v>1999-Q3</c:v>
                </c:pt>
                <c:pt idx="7">
                  <c:v>1999-Q4</c:v>
                </c:pt>
                <c:pt idx="8">
                  <c:v>2000-Q1</c:v>
                </c:pt>
                <c:pt idx="9">
                  <c:v>2000-Q2</c:v>
                </c:pt>
                <c:pt idx="10">
                  <c:v>2000-Q3</c:v>
                </c:pt>
                <c:pt idx="11">
                  <c:v>2000-Q4</c:v>
                </c:pt>
                <c:pt idx="12">
                  <c:v>2001-Q1</c:v>
                </c:pt>
                <c:pt idx="13">
                  <c:v>2001-Q2</c:v>
                </c:pt>
                <c:pt idx="14">
                  <c:v>2001-Q3</c:v>
                </c:pt>
                <c:pt idx="15">
                  <c:v>2001-Q4</c:v>
                </c:pt>
                <c:pt idx="16">
                  <c:v>2002-Q1</c:v>
                </c:pt>
                <c:pt idx="17">
                  <c:v>2002-Q2</c:v>
                </c:pt>
                <c:pt idx="18">
                  <c:v>2002-Q3</c:v>
                </c:pt>
                <c:pt idx="19">
                  <c:v>2002-Q4</c:v>
                </c:pt>
                <c:pt idx="20">
                  <c:v>2003-Q1</c:v>
                </c:pt>
                <c:pt idx="21">
                  <c:v>2003-Q2</c:v>
                </c:pt>
                <c:pt idx="22">
                  <c:v>2003-Q3</c:v>
                </c:pt>
                <c:pt idx="23">
                  <c:v>2003-Q4</c:v>
                </c:pt>
                <c:pt idx="24">
                  <c:v>2004-Q1</c:v>
                </c:pt>
                <c:pt idx="25">
                  <c:v>2004-Q2</c:v>
                </c:pt>
                <c:pt idx="26">
                  <c:v>2004-Q3</c:v>
                </c:pt>
                <c:pt idx="27">
                  <c:v>2004-Q4</c:v>
                </c:pt>
                <c:pt idx="28">
                  <c:v>2005-Q1</c:v>
                </c:pt>
                <c:pt idx="29">
                  <c:v>2005-Q2</c:v>
                </c:pt>
                <c:pt idx="30">
                  <c:v>2005-Q3</c:v>
                </c:pt>
                <c:pt idx="31">
                  <c:v>2005-Q4</c:v>
                </c:pt>
                <c:pt idx="32">
                  <c:v>2006-Q1</c:v>
                </c:pt>
                <c:pt idx="33">
                  <c:v>2006-Q2</c:v>
                </c:pt>
                <c:pt idx="34">
                  <c:v>2006-Q3</c:v>
                </c:pt>
                <c:pt idx="35">
                  <c:v>2006-Q4</c:v>
                </c:pt>
                <c:pt idx="36">
                  <c:v>2007-Q1</c:v>
                </c:pt>
                <c:pt idx="37">
                  <c:v>2007-Q2</c:v>
                </c:pt>
                <c:pt idx="38">
                  <c:v>2007-Q3</c:v>
                </c:pt>
                <c:pt idx="39">
                  <c:v>2007-Q4</c:v>
                </c:pt>
                <c:pt idx="40">
                  <c:v>2008-Q1</c:v>
                </c:pt>
                <c:pt idx="41">
                  <c:v>2008-Q2</c:v>
                </c:pt>
                <c:pt idx="42">
                  <c:v>2008-Q3</c:v>
                </c:pt>
                <c:pt idx="43">
                  <c:v>2008-Q4</c:v>
                </c:pt>
                <c:pt idx="44">
                  <c:v>2009-Q1</c:v>
                </c:pt>
                <c:pt idx="45">
                  <c:v>2009-Q2</c:v>
                </c:pt>
                <c:pt idx="46">
                  <c:v>2009-Q3</c:v>
                </c:pt>
                <c:pt idx="47">
                  <c:v>2009-Q4</c:v>
                </c:pt>
                <c:pt idx="48">
                  <c:v>2010-Q1</c:v>
                </c:pt>
                <c:pt idx="49">
                  <c:v>2010-Q2</c:v>
                </c:pt>
                <c:pt idx="50">
                  <c:v>2010-Q3</c:v>
                </c:pt>
                <c:pt idx="51">
                  <c:v>2010-Q4</c:v>
                </c:pt>
                <c:pt idx="52">
                  <c:v>2011-Q1</c:v>
                </c:pt>
                <c:pt idx="53">
                  <c:v>2011-Q2</c:v>
                </c:pt>
                <c:pt idx="54">
                  <c:v>2011-Q3</c:v>
                </c:pt>
                <c:pt idx="55">
                  <c:v>2011-Q4</c:v>
                </c:pt>
              </c:strCache>
            </c:strRef>
          </c:cat>
          <c:val>
            <c:numRef>
              <c:f>'GS Industrial Regn'!$G$39:$G$94</c:f>
              <c:numCache>
                <c:formatCode>_-* #,##0_-;\-* #,##0_-;_-* "-"??_-;_-@_-</c:formatCode>
                <c:ptCount val="56"/>
                <c:pt idx="0">
                  <c:v>564534.31799999997</c:v>
                </c:pt>
                <c:pt idx="1">
                  <c:v>537122.29</c:v>
                </c:pt>
                <c:pt idx="2">
                  <c:v>520445.78600000002</c:v>
                </c:pt>
                <c:pt idx="3">
                  <c:v>521647.20500000002</c:v>
                </c:pt>
                <c:pt idx="4">
                  <c:v>509009.31800000009</c:v>
                </c:pt>
                <c:pt idx="5">
                  <c:v>531595.37899999996</c:v>
                </c:pt>
                <c:pt idx="6">
                  <c:v>537688.86</c:v>
                </c:pt>
                <c:pt idx="7">
                  <c:v>540125.80999999994</c:v>
                </c:pt>
                <c:pt idx="8">
                  <c:v>563458.69700000004</c:v>
                </c:pt>
                <c:pt idx="9">
                  <c:v>554785.18499999994</c:v>
                </c:pt>
                <c:pt idx="10">
                  <c:v>559646.473</c:v>
                </c:pt>
                <c:pt idx="11">
                  <c:v>559967.56200000003</c:v>
                </c:pt>
                <c:pt idx="12">
                  <c:v>561070.53600000008</c:v>
                </c:pt>
                <c:pt idx="13">
                  <c:v>571314.91099999996</c:v>
                </c:pt>
                <c:pt idx="14">
                  <c:v>568906.52600000007</c:v>
                </c:pt>
                <c:pt idx="15">
                  <c:v>570487.68800000008</c:v>
                </c:pt>
                <c:pt idx="16">
                  <c:v>544676.64300000004</c:v>
                </c:pt>
                <c:pt idx="17">
                  <c:v>532558.848</c:v>
                </c:pt>
                <c:pt idx="18">
                  <c:v>541957.995</c:v>
                </c:pt>
                <c:pt idx="19">
                  <c:v>544157.81799999997</c:v>
                </c:pt>
                <c:pt idx="20">
                  <c:v>568168.47699999996</c:v>
                </c:pt>
                <c:pt idx="21">
                  <c:v>601978.429</c:v>
                </c:pt>
                <c:pt idx="22">
                  <c:v>604207.75199999998</c:v>
                </c:pt>
                <c:pt idx="23">
                  <c:v>602476.31700000004</c:v>
                </c:pt>
                <c:pt idx="24">
                  <c:v>587786.72399999993</c:v>
                </c:pt>
                <c:pt idx="25">
                  <c:v>573929.70899999992</c:v>
                </c:pt>
                <c:pt idx="26">
                  <c:v>562422.87899999996</c:v>
                </c:pt>
                <c:pt idx="27">
                  <c:v>557780.18500000006</c:v>
                </c:pt>
                <c:pt idx="28">
                  <c:v>559732.45600000001</c:v>
                </c:pt>
                <c:pt idx="29">
                  <c:v>575274.95299999998</c:v>
                </c:pt>
                <c:pt idx="30">
                  <c:v>573844.56499999994</c:v>
                </c:pt>
                <c:pt idx="31">
                  <c:v>573637.90300000005</c:v>
                </c:pt>
                <c:pt idx="32">
                  <c:v>590347.28</c:v>
                </c:pt>
                <c:pt idx="33">
                  <c:v>549571.65500000003</c:v>
                </c:pt>
                <c:pt idx="34">
                  <c:v>547106.05000000005</c:v>
                </c:pt>
                <c:pt idx="35">
                  <c:v>547368.22900000005</c:v>
                </c:pt>
                <c:pt idx="36">
                  <c:v>520793.05700000003</c:v>
                </c:pt>
                <c:pt idx="37">
                  <c:v>536821.00399999996</c:v>
                </c:pt>
                <c:pt idx="38">
                  <c:v>538308.48900000006</c:v>
                </c:pt>
                <c:pt idx="39">
                  <c:v>538738.73100000003</c:v>
                </c:pt>
                <c:pt idx="40">
                  <c:v>544711.94200000004</c:v>
                </c:pt>
                <c:pt idx="41">
                  <c:v>548412.73100000003</c:v>
                </c:pt>
                <c:pt idx="42">
                  <c:v>549487.68599999999</c:v>
                </c:pt>
                <c:pt idx="43">
                  <c:v>551909.08799999999</c:v>
                </c:pt>
                <c:pt idx="44">
                  <c:v>569769.22100000002</c:v>
                </c:pt>
                <c:pt idx="45">
                  <c:v>551430.44200000004</c:v>
                </c:pt>
                <c:pt idx="46">
                  <c:v>533475.25</c:v>
                </c:pt>
                <c:pt idx="47">
                  <c:v>533337.09600000002</c:v>
                </c:pt>
                <c:pt idx="48">
                  <c:v>528334.50100000005</c:v>
                </c:pt>
                <c:pt idx="49">
                  <c:v>489588.255</c:v>
                </c:pt>
                <c:pt idx="50">
                  <c:v>482391.22400000005</c:v>
                </c:pt>
                <c:pt idx="51">
                  <c:v>479378.79800000001</c:v>
                </c:pt>
                <c:pt idx="52">
                  <c:v>453977.09600000002</c:v>
                </c:pt>
                <c:pt idx="53">
                  <c:v>498940.538</c:v>
                </c:pt>
                <c:pt idx="54">
                  <c:v>510112.98099999997</c:v>
                </c:pt>
                <c:pt idx="55">
                  <c:v>514927.21299999999</c:v>
                </c:pt>
              </c:numCache>
            </c:numRef>
          </c:val>
        </c:ser>
        <c:marker val="1"/>
        <c:axId val="49181440"/>
        <c:axId val="49182976"/>
      </c:lineChart>
      <c:catAx>
        <c:axId val="49181440"/>
        <c:scaling>
          <c:orientation val="minMax"/>
        </c:scaling>
        <c:axPos val="b"/>
        <c:numFmt formatCode="mmm\-yy" sourceLinked="1"/>
        <c:tickLblPos val="nextTo"/>
        <c:crossAx val="49182976"/>
        <c:crosses val="autoZero"/>
        <c:auto val="1"/>
        <c:lblAlgn val="ctr"/>
        <c:lblOffset val="100"/>
      </c:catAx>
      <c:valAx>
        <c:axId val="49182976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</c:title>
        <c:numFmt formatCode="_-* #,##0_-;\-* #,##0_-;_-* &quot;-&quot;??_-;_-@_-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9181440"/>
        <c:crosses val="autoZero"/>
        <c:crossBetween val="between"/>
      </c:valAx>
    </c:plotArea>
    <c:legend>
      <c:legendPos val="b"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222" l="0.70000000000000062" r="0.70000000000000062" t="0.75000000000000222" header="0.30000000000000032" footer="0.30000000000000032"/>
    <c:pageSetup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GS Industrial Volume Regression Residuals</a:t>
            </a:r>
          </a:p>
        </c:rich>
      </c:tx>
    </c:title>
    <c:plotArea>
      <c:layout/>
      <c:scatterChart>
        <c:scatterStyle val="lineMarker"/>
        <c:ser>
          <c:idx val="0"/>
          <c:order val="0"/>
          <c:tx>
            <c:strRef>
              <c:f>'GS Industrial Regn'!$D$34</c:f>
              <c:strCache>
                <c:ptCount val="1"/>
                <c:pt idx="0">
                  <c:v>Residuals</c:v>
                </c:pt>
              </c:strCache>
            </c:strRef>
          </c:tx>
          <c:spPr>
            <a:ln w="28575">
              <a:noFill/>
            </a:ln>
          </c:spPr>
          <c:xVal>
            <c:strRef>
              <c:f>'GS Industrial Regn'!$A$35:$A$94</c:f>
              <c:strCache>
                <c:ptCount val="60"/>
                <c:pt idx="0">
                  <c:v>1997-Q1</c:v>
                </c:pt>
                <c:pt idx="1">
                  <c:v>1997-Q2</c:v>
                </c:pt>
                <c:pt idx="2">
                  <c:v>1997-Q3</c:v>
                </c:pt>
                <c:pt idx="3">
                  <c:v>1997-Q4</c:v>
                </c:pt>
                <c:pt idx="4">
                  <c:v>1998-Q1</c:v>
                </c:pt>
                <c:pt idx="5">
                  <c:v>1998-Q2</c:v>
                </c:pt>
                <c:pt idx="6">
                  <c:v>1998-Q3</c:v>
                </c:pt>
                <c:pt idx="7">
                  <c:v>1998-Q4</c:v>
                </c:pt>
                <c:pt idx="8">
                  <c:v>1999-Q1</c:v>
                </c:pt>
                <c:pt idx="9">
                  <c:v>1999-Q2</c:v>
                </c:pt>
                <c:pt idx="10">
                  <c:v>1999-Q3</c:v>
                </c:pt>
                <c:pt idx="11">
                  <c:v>1999-Q4</c:v>
                </c:pt>
                <c:pt idx="12">
                  <c:v>2000-Q1</c:v>
                </c:pt>
                <c:pt idx="13">
                  <c:v>2000-Q2</c:v>
                </c:pt>
                <c:pt idx="14">
                  <c:v>2000-Q3</c:v>
                </c:pt>
                <c:pt idx="15">
                  <c:v>2000-Q4</c:v>
                </c:pt>
                <c:pt idx="16">
                  <c:v>2001-Q1</c:v>
                </c:pt>
                <c:pt idx="17">
                  <c:v>2001-Q2</c:v>
                </c:pt>
                <c:pt idx="18">
                  <c:v>2001-Q3</c:v>
                </c:pt>
                <c:pt idx="19">
                  <c:v>2001-Q4</c:v>
                </c:pt>
                <c:pt idx="20">
                  <c:v>2002-Q1</c:v>
                </c:pt>
                <c:pt idx="21">
                  <c:v>2002-Q2</c:v>
                </c:pt>
                <c:pt idx="22">
                  <c:v>2002-Q3</c:v>
                </c:pt>
                <c:pt idx="23">
                  <c:v>2002-Q4</c:v>
                </c:pt>
                <c:pt idx="24">
                  <c:v>2003-Q1</c:v>
                </c:pt>
                <c:pt idx="25">
                  <c:v>2003-Q2</c:v>
                </c:pt>
                <c:pt idx="26">
                  <c:v>2003-Q3</c:v>
                </c:pt>
                <c:pt idx="27">
                  <c:v>2003-Q4</c:v>
                </c:pt>
                <c:pt idx="28">
                  <c:v>2004-Q1</c:v>
                </c:pt>
                <c:pt idx="29">
                  <c:v>2004-Q2</c:v>
                </c:pt>
                <c:pt idx="30">
                  <c:v>2004-Q3</c:v>
                </c:pt>
                <c:pt idx="31">
                  <c:v>2004-Q4</c:v>
                </c:pt>
                <c:pt idx="32">
                  <c:v>2005-Q1</c:v>
                </c:pt>
                <c:pt idx="33">
                  <c:v>2005-Q2</c:v>
                </c:pt>
                <c:pt idx="34">
                  <c:v>2005-Q3</c:v>
                </c:pt>
                <c:pt idx="35">
                  <c:v>2005-Q4</c:v>
                </c:pt>
                <c:pt idx="36">
                  <c:v>2006-Q1</c:v>
                </c:pt>
                <c:pt idx="37">
                  <c:v>2006-Q2</c:v>
                </c:pt>
                <c:pt idx="38">
                  <c:v>2006-Q3</c:v>
                </c:pt>
                <c:pt idx="39">
                  <c:v>2006-Q4</c:v>
                </c:pt>
                <c:pt idx="40">
                  <c:v>2007-Q1</c:v>
                </c:pt>
                <c:pt idx="41">
                  <c:v>2007-Q2</c:v>
                </c:pt>
                <c:pt idx="42">
                  <c:v>2007-Q3</c:v>
                </c:pt>
                <c:pt idx="43">
                  <c:v>2007-Q4</c:v>
                </c:pt>
                <c:pt idx="44">
                  <c:v>2008-Q1</c:v>
                </c:pt>
                <c:pt idx="45">
                  <c:v>2008-Q2</c:v>
                </c:pt>
                <c:pt idx="46">
                  <c:v>2008-Q3</c:v>
                </c:pt>
                <c:pt idx="47">
                  <c:v>2008-Q4</c:v>
                </c:pt>
                <c:pt idx="48">
                  <c:v>2009-Q1</c:v>
                </c:pt>
                <c:pt idx="49">
                  <c:v>2009-Q2</c:v>
                </c:pt>
                <c:pt idx="50">
                  <c:v>2009-Q3</c:v>
                </c:pt>
                <c:pt idx="51">
                  <c:v>2009-Q4</c:v>
                </c:pt>
                <c:pt idx="52">
                  <c:v>2010-Q1</c:v>
                </c:pt>
                <c:pt idx="53">
                  <c:v>2010-Q2</c:v>
                </c:pt>
                <c:pt idx="54">
                  <c:v>2010-Q3</c:v>
                </c:pt>
                <c:pt idx="55">
                  <c:v>2010-Q4</c:v>
                </c:pt>
                <c:pt idx="56">
                  <c:v>2011-Q1</c:v>
                </c:pt>
                <c:pt idx="57">
                  <c:v>2011-Q2</c:v>
                </c:pt>
                <c:pt idx="58">
                  <c:v>2011-Q3</c:v>
                </c:pt>
                <c:pt idx="59">
                  <c:v>2011-Q4</c:v>
                </c:pt>
              </c:strCache>
            </c:strRef>
          </c:xVal>
          <c:yVal>
            <c:numRef>
              <c:f>'GS Industrial Regn'!$D$35:$D$94</c:f>
              <c:numCache>
                <c:formatCode>#,##0.0_ ;[Red]\-#,##0.0\ </c:formatCode>
                <c:ptCount val="60"/>
                <c:pt idx="0">
                  <c:v>-8441.3979999999865</c:v>
                </c:pt>
                <c:pt idx="1">
                  <c:v>888.50500000000466</c:v>
                </c:pt>
                <c:pt idx="2">
                  <c:v>-3413.3820000000051</c:v>
                </c:pt>
                <c:pt idx="3">
                  <c:v>-2984.9559999999765</c:v>
                </c:pt>
                <c:pt idx="4">
                  <c:v>-12397.584000000003</c:v>
                </c:pt>
                <c:pt idx="5">
                  <c:v>-4832.0580000000045</c:v>
                </c:pt>
                <c:pt idx="6">
                  <c:v>8.2540000000008149</c:v>
                </c:pt>
                <c:pt idx="7">
                  <c:v>-13573.141999999993</c:v>
                </c:pt>
                <c:pt idx="8">
                  <c:v>4982.4459999999963</c:v>
                </c:pt>
                <c:pt idx="9">
                  <c:v>2269.1999999999971</c:v>
                </c:pt>
                <c:pt idx="10">
                  <c:v>5749.1419999999925</c:v>
                </c:pt>
                <c:pt idx="11">
                  <c:v>0</c:v>
                </c:pt>
                <c:pt idx="12">
                  <c:v>-6406.38400000002</c:v>
                </c:pt>
                <c:pt idx="13">
                  <c:v>-4658.7130000000034</c:v>
                </c:pt>
                <c:pt idx="14">
                  <c:v>4878.073000000004</c:v>
                </c:pt>
                <c:pt idx="15">
                  <c:v>-7663.5020000000077</c:v>
                </c:pt>
                <c:pt idx="16">
                  <c:v>6094.1300000000047</c:v>
                </c:pt>
                <c:pt idx="17">
                  <c:v>6833.9709999999905</c:v>
                </c:pt>
                <c:pt idx="18">
                  <c:v>2621.5179999999964</c:v>
                </c:pt>
                <c:pt idx="19">
                  <c:v>-5080.6289999999863</c:v>
                </c:pt>
                <c:pt idx="20">
                  <c:v>3338.9250000000175</c:v>
                </c:pt>
                <c:pt idx="21">
                  <c:v>6129.2869999999966</c:v>
                </c:pt>
                <c:pt idx="22">
                  <c:v>2975.2560000000085</c:v>
                </c:pt>
                <c:pt idx="23">
                  <c:v>3578.060999999987</c:v>
                </c:pt>
                <c:pt idx="24">
                  <c:v>9982.4580000000133</c:v>
                </c:pt>
                <c:pt idx="25">
                  <c:v>-7322.3410000000003</c:v>
                </c:pt>
                <c:pt idx="26">
                  <c:v>248.80900000000838</c:v>
                </c:pt>
                <c:pt idx="27">
                  <c:v>7577.1050000000105</c:v>
                </c:pt>
                <c:pt idx="28">
                  <c:v>-11114.379000000015</c:v>
                </c:pt>
                <c:pt idx="29">
                  <c:v>1567.8769999999931</c:v>
                </c:pt>
                <c:pt idx="30">
                  <c:v>-1393.1860000000015</c:v>
                </c:pt>
                <c:pt idx="31">
                  <c:v>-1033.0089999999909</c:v>
                </c:pt>
                <c:pt idx="32">
                  <c:v>0</c:v>
                </c:pt>
                <c:pt idx="33">
                  <c:v>-3787.281999999992</c:v>
                </c:pt>
                <c:pt idx="34">
                  <c:v>75.703000000001339</c:v>
                </c:pt>
                <c:pt idx="35">
                  <c:v>0</c:v>
                </c:pt>
                <c:pt idx="36">
                  <c:v>-1192.9210000000021</c:v>
                </c:pt>
                <c:pt idx="37">
                  <c:v>-2240.4170000000013</c:v>
                </c:pt>
                <c:pt idx="38">
                  <c:v>3403.8809999999939</c:v>
                </c:pt>
                <c:pt idx="39">
                  <c:v>12834.411999999982</c:v>
                </c:pt>
                <c:pt idx="40">
                  <c:v>11838.777000000002</c:v>
                </c:pt>
                <c:pt idx="41">
                  <c:v>6345.6429999999964</c:v>
                </c:pt>
                <c:pt idx="42">
                  <c:v>30.059000000001106</c:v>
                </c:pt>
                <c:pt idx="43">
                  <c:v>3434.2050000000163</c:v>
                </c:pt>
                <c:pt idx="44">
                  <c:v>10540.785999999993</c:v>
                </c:pt>
                <c:pt idx="45">
                  <c:v>-1809.5780000000086</c:v>
                </c:pt>
                <c:pt idx="46">
                  <c:v>303.14199999999255</c:v>
                </c:pt>
                <c:pt idx="47">
                  <c:v>-5647.1449999999895</c:v>
                </c:pt>
                <c:pt idx="48">
                  <c:v>-1120.1229999999923</c:v>
                </c:pt>
                <c:pt idx="49">
                  <c:v>425.98699999999371</c:v>
                </c:pt>
                <c:pt idx="50">
                  <c:v>-1713.0320000000065</c:v>
                </c:pt>
                <c:pt idx="51">
                  <c:v>1672.6260000000184</c:v>
                </c:pt>
                <c:pt idx="52">
                  <c:v>1672.6269999999786</c:v>
                </c:pt>
                <c:pt idx="53">
                  <c:v>-2187.9720000000088</c:v>
                </c:pt>
                <c:pt idx="54">
                  <c:v>1485.5619999999981</c:v>
                </c:pt>
                <c:pt idx="55">
                  <c:v>5354.2090000000026</c:v>
                </c:pt>
                <c:pt idx="56">
                  <c:v>-9528.3979999999865</c:v>
                </c:pt>
                <c:pt idx="57">
                  <c:v>1528.0040000000008</c:v>
                </c:pt>
                <c:pt idx="58">
                  <c:v>-13310.148000000001</c:v>
                </c:pt>
                <c:pt idx="59">
                  <c:v>2183.0380000000005</c:v>
                </c:pt>
              </c:numCache>
            </c:numRef>
          </c:yVal>
        </c:ser>
        <c:axId val="49199360"/>
        <c:axId val="49205248"/>
      </c:scatterChart>
      <c:valAx>
        <c:axId val="49199360"/>
        <c:scaling>
          <c:orientation val="minMax"/>
        </c:scaling>
        <c:axPos val="b"/>
        <c:numFmt formatCode="mmm\-yy" sourceLinked="1"/>
        <c:tickLblPos val="nextTo"/>
        <c:crossAx val="49205248"/>
        <c:crosses val="autoZero"/>
        <c:crossBetween val="midCat"/>
      </c:valAx>
      <c:valAx>
        <c:axId val="49205248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</c:title>
        <c:numFmt formatCode="#,##0.0_ ;[Red]\-#,##0.0\ 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9199360"/>
        <c:crosses val="autoZero"/>
        <c:crossBetween val="midCat"/>
      </c:valAx>
    </c:plotArea>
    <c:legend>
      <c:legendPos val="b"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222" l="0.70000000000000062" r="0.70000000000000062" t="0.75000000000000222" header="0.30000000000000032" footer="0.30000000000000032"/>
    <c:pageSetup/>
  </c:printSettings>
</c:chartSpace>
</file>

<file path=xl/charts/chart1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plotArea>
      <c:layout>
        <c:manualLayout>
          <c:layoutTarget val="inner"/>
          <c:xMode val="edge"/>
          <c:yMode val="edge"/>
          <c:x val="0.1293782460718422"/>
          <c:y val="0.11798322868272411"/>
          <c:w val="0.84919097901779661"/>
          <c:h val="0.69418503990110669"/>
        </c:manualLayout>
      </c:layout>
      <c:lineChart>
        <c:grouping val="standard"/>
        <c:ser>
          <c:idx val="0"/>
          <c:order val="0"/>
          <c:tx>
            <c:strRef>
              <c:f>'LCI Contract Mkt'!$D$37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numRef>
              <c:f>'LCI Contract Mkt'!$C$38:$C$109</c:f>
              <c:numCache>
                <c:formatCode>[$-409]mmm\-yy;@</c:formatCode>
                <c:ptCount val="72"/>
                <c:pt idx="0">
                  <c:v>38718</c:v>
                </c:pt>
                <c:pt idx="1">
                  <c:v>38749</c:v>
                </c:pt>
                <c:pt idx="2">
                  <c:v>38777</c:v>
                </c:pt>
                <c:pt idx="3">
                  <c:v>38808</c:v>
                </c:pt>
                <c:pt idx="4">
                  <c:v>38838</c:v>
                </c:pt>
                <c:pt idx="5">
                  <c:v>38869</c:v>
                </c:pt>
                <c:pt idx="6">
                  <c:v>38899</c:v>
                </c:pt>
                <c:pt idx="7">
                  <c:v>38930</c:v>
                </c:pt>
                <c:pt idx="8">
                  <c:v>38961</c:v>
                </c:pt>
                <c:pt idx="9">
                  <c:v>38991</c:v>
                </c:pt>
                <c:pt idx="10">
                  <c:v>39022</c:v>
                </c:pt>
                <c:pt idx="11">
                  <c:v>39052</c:v>
                </c:pt>
                <c:pt idx="12">
                  <c:v>39083</c:v>
                </c:pt>
                <c:pt idx="13">
                  <c:v>39114</c:v>
                </c:pt>
                <c:pt idx="14">
                  <c:v>39142</c:v>
                </c:pt>
                <c:pt idx="15">
                  <c:v>39173</c:v>
                </c:pt>
                <c:pt idx="16">
                  <c:v>39203</c:v>
                </c:pt>
                <c:pt idx="17">
                  <c:v>39234</c:v>
                </c:pt>
                <c:pt idx="18">
                  <c:v>39264</c:v>
                </c:pt>
                <c:pt idx="19">
                  <c:v>39295</c:v>
                </c:pt>
                <c:pt idx="20">
                  <c:v>39326</c:v>
                </c:pt>
                <c:pt idx="21">
                  <c:v>39356</c:v>
                </c:pt>
                <c:pt idx="22">
                  <c:v>39387</c:v>
                </c:pt>
                <c:pt idx="23">
                  <c:v>39417</c:v>
                </c:pt>
                <c:pt idx="24">
                  <c:v>39448</c:v>
                </c:pt>
                <c:pt idx="25">
                  <c:v>39479</c:v>
                </c:pt>
                <c:pt idx="26">
                  <c:v>39508</c:v>
                </c:pt>
                <c:pt idx="27">
                  <c:v>39539</c:v>
                </c:pt>
                <c:pt idx="28">
                  <c:v>39569</c:v>
                </c:pt>
                <c:pt idx="29">
                  <c:v>39600</c:v>
                </c:pt>
                <c:pt idx="30">
                  <c:v>39630</c:v>
                </c:pt>
                <c:pt idx="31">
                  <c:v>39661</c:v>
                </c:pt>
                <c:pt idx="32">
                  <c:v>39692</c:v>
                </c:pt>
                <c:pt idx="33">
                  <c:v>39722</c:v>
                </c:pt>
                <c:pt idx="34">
                  <c:v>39753</c:v>
                </c:pt>
                <c:pt idx="35">
                  <c:v>39783</c:v>
                </c:pt>
                <c:pt idx="36">
                  <c:v>39814</c:v>
                </c:pt>
                <c:pt idx="37">
                  <c:v>39845</c:v>
                </c:pt>
                <c:pt idx="38">
                  <c:v>39873</c:v>
                </c:pt>
                <c:pt idx="39">
                  <c:v>39904</c:v>
                </c:pt>
                <c:pt idx="40">
                  <c:v>39934</c:v>
                </c:pt>
                <c:pt idx="41">
                  <c:v>39965</c:v>
                </c:pt>
                <c:pt idx="42">
                  <c:v>39995</c:v>
                </c:pt>
                <c:pt idx="43">
                  <c:v>40026</c:v>
                </c:pt>
                <c:pt idx="44">
                  <c:v>40057</c:v>
                </c:pt>
                <c:pt idx="45">
                  <c:v>40087</c:v>
                </c:pt>
                <c:pt idx="46">
                  <c:v>40118</c:v>
                </c:pt>
                <c:pt idx="47">
                  <c:v>40148</c:v>
                </c:pt>
                <c:pt idx="48">
                  <c:v>40179</c:v>
                </c:pt>
                <c:pt idx="49">
                  <c:v>40210</c:v>
                </c:pt>
                <c:pt idx="50">
                  <c:v>40238</c:v>
                </c:pt>
                <c:pt idx="51">
                  <c:v>40269</c:v>
                </c:pt>
                <c:pt idx="52">
                  <c:v>40299</c:v>
                </c:pt>
                <c:pt idx="53">
                  <c:v>40330</c:v>
                </c:pt>
                <c:pt idx="54">
                  <c:v>40360</c:v>
                </c:pt>
                <c:pt idx="55">
                  <c:v>40391</c:v>
                </c:pt>
                <c:pt idx="56">
                  <c:v>40422</c:v>
                </c:pt>
                <c:pt idx="57">
                  <c:v>40452</c:v>
                </c:pt>
                <c:pt idx="58">
                  <c:v>40483</c:v>
                </c:pt>
                <c:pt idx="59">
                  <c:v>40513</c:v>
                </c:pt>
                <c:pt idx="60">
                  <c:v>40544</c:v>
                </c:pt>
                <c:pt idx="61">
                  <c:v>40575</c:v>
                </c:pt>
                <c:pt idx="62">
                  <c:v>40603</c:v>
                </c:pt>
                <c:pt idx="63">
                  <c:v>40634</c:v>
                </c:pt>
                <c:pt idx="64">
                  <c:v>40664</c:v>
                </c:pt>
                <c:pt idx="65">
                  <c:v>40695</c:v>
                </c:pt>
                <c:pt idx="66">
                  <c:v>40725</c:v>
                </c:pt>
                <c:pt idx="67">
                  <c:v>40756</c:v>
                </c:pt>
                <c:pt idx="68">
                  <c:v>40787</c:v>
                </c:pt>
                <c:pt idx="69">
                  <c:v>40817</c:v>
                </c:pt>
                <c:pt idx="70">
                  <c:v>40848</c:v>
                </c:pt>
                <c:pt idx="71">
                  <c:v>40878</c:v>
                </c:pt>
              </c:numCache>
            </c:numRef>
          </c:cat>
          <c:val>
            <c:numRef>
              <c:f>'LCI Contract Mkt'!$D$38:$D$109</c:f>
              <c:numCache>
                <c:formatCode>#,##0.0_ ;[Red]\-#,##0.0\ </c:formatCode>
                <c:ptCount val="72"/>
                <c:pt idx="0">
                  <c:v>167325.81200000001</c:v>
                </c:pt>
                <c:pt idx="1">
                  <c:v>162629.19899999999</c:v>
                </c:pt>
                <c:pt idx="2">
                  <c:v>166428.17300000001</c:v>
                </c:pt>
                <c:pt idx="3">
                  <c:v>131869.78400000001</c:v>
                </c:pt>
                <c:pt idx="4">
                  <c:v>126344.81299999999</c:v>
                </c:pt>
                <c:pt idx="5">
                  <c:v>112657.41800000001</c:v>
                </c:pt>
                <c:pt idx="6">
                  <c:v>106240.09</c:v>
                </c:pt>
                <c:pt idx="7">
                  <c:v>114527.664</c:v>
                </c:pt>
                <c:pt idx="8">
                  <c:v>118427.837</c:v>
                </c:pt>
                <c:pt idx="9">
                  <c:v>129111.674</c:v>
                </c:pt>
                <c:pt idx="10">
                  <c:v>122102.079</c:v>
                </c:pt>
                <c:pt idx="11">
                  <c:v>120648.89659999999</c:v>
                </c:pt>
                <c:pt idx="12">
                  <c:v>145295.64240000001</c:v>
                </c:pt>
                <c:pt idx="13">
                  <c:v>139944.49559999999</c:v>
                </c:pt>
                <c:pt idx="14">
                  <c:v>134210.94380000001</c:v>
                </c:pt>
                <c:pt idx="15">
                  <c:v>113559.4583</c:v>
                </c:pt>
                <c:pt idx="16">
                  <c:v>98750.202999999994</c:v>
                </c:pt>
                <c:pt idx="17">
                  <c:v>83616.607300000003</c:v>
                </c:pt>
                <c:pt idx="18">
                  <c:v>82954.498699999996</c:v>
                </c:pt>
                <c:pt idx="19">
                  <c:v>90112.055999999997</c:v>
                </c:pt>
                <c:pt idx="20">
                  <c:v>93001.543799999999</c:v>
                </c:pt>
                <c:pt idx="21">
                  <c:v>102273.8224</c:v>
                </c:pt>
                <c:pt idx="22">
                  <c:v>124223.6254</c:v>
                </c:pt>
                <c:pt idx="23">
                  <c:v>130859.6493</c:v>
                </c:pt>
                <c:pt idx="24">
                  <c:v>142587.39739999999</c:v>
                </c:pt>
                <c:pt idx="25">
                  <c:v>137516.90729999999</c:v>
                </c:pt>
                <c:pt idx="26">
                  <c:v>136966.40109999999</c:v>
                </c:pt>
                <c:pt idx="27">
                  <c:v>107434.5033</c:v>
                </c:pt>
                <c:pt idx="28">
                  <c:v>100417.4013</c:v>
                </c:pt>
                <c:pt idx="29">
                  <c:v>85218.828999999998</c:v>
                </c:pt>
                <c:pt idx="30">
                  <c:v>82820.519100000005</c:v>
                </c:pt>
                <c:pt idx="31">
                  <c:v>83864.840100000001</c:v>
                </c:pt>
                <c:pt idx="32">
                  <c:v>90783.596300000005</c:v>
                </c:pt>
                <c:pt idx="33">
                  <c:v>102038.386</c:v>
                </c:pt>
                <c:pt idx="34">
                  <c:v>112991.7852</c:v>
                </c:pt>
                <c:pt idx="35">
                  <c:v>116986.32670000001</c:v>
                </c:pt>
                <c:pt idx="36">
                  <c:v>134783.87760000001</c:v>
                </c:pt>
                <c:pt idx="37">
                  <c:v>117289.8021</c:v>
                </c:pt>
                <c:pt idx="38">
                  <c:v>115204.9798</c:v>
                </c:pt>
                <c:pt idx="39">
                  <c:v>93576.117599999998</c:v>
                </c:pt>
                <c:pt idx="40">
                  <c:v>82307.458599999998</c:v>
                </c:pt>
                <c:pt idx="41">
                  <c:v>75595.542000000001</c:v>
                </c:pt>
                <c:pt idx="42">
                  <c:v>75064.473199999993</c:v>
                </c:pt>
                <c:pt idx="43">
                  <c:v>77737.864600000001</c:v>
                </c:pt>
                <c:pt idx="44">
                  <c:v>80009.342999999993</c:v>
                </c:pt>
                <c:pt idx="45">
                  <c:v>96112.950800000006</c:v>
                </c:pt>
                <c:pt idx="46">
                  <c:v>98539.188500000004</c:v>
                </c:pt>
                <c:pt idx="47">
                  <c:v>111506.1125</c:v>
                </c:pt>
                <c:pt idx="48">
                  <c:v>126144.9516</c:v>
                </c:pt>
                <c:pt idx="49">
                  <c:v>111648.7255</c:v>
                </c:pt>
                <c:pt idx="50">
                  <c:v>110464.693</c:v>
                </c:pt>
                <c:pt idx="51">
                  <c:v>88543.479800000001</c:v>
                </c:pt>
                <c:pt idx="52">
                  <c:v>85760.043099999995</c:v>
                </c:pt>
                <c:pt idx="53">
                  <c:v>79800.877600000007</c:v>
                </c:pt>
                <c:pt idx="54">
                  <c:v>74782.494999999995</c:v>
                </c:pt>
                <c:pt idx="55">
                  <c:v>79564.180399999997</c:v>
                </c:pt>
                <c:pt idx="56">
                  <c:v>85011.443799999994</c:v>
                </c:pt>
                <c:pt idx="57">
                  <c:v>90723.956399999995</c:v>
                </c:pt>
                <c:pt idx="58">
                  <c:v>104050.1444</c:v>
                </c:pt>
                <c:pt idx="59">
                  <c:v>116655.70419999999</c:v>
                </c:pt>
                <c:pt idx="60">
                  <c:v>131593.8008</c:v>
                </c:pt>
                <c:pt idx="61">
                  <c:v>116364.15730000001</c:v>
                </c:pt>
                <c:pt idx="62">
                  <c:v>120182.8622</c:v>
                </c:pt>
                <c:pt idx="63">
                  <c:v>97677.441300000006</c:v>
                </c:pt>
                <c:pt idx="64">
                  <c:v>87719.753500000093</c:v>
                </c:pt>
                <c:pt idx="65">
                  <c:v>76304.992800000095</c:v>
                </c:pt>
                <c:pt idx="66">
                  <c:v>70434.379499999995</c:v>
                </c:pt>
                <c:pt idx="67">
                  <c:v>78697.681800000093</c:v>
                </c:pt>
                <c:pt idx="68">
                  <c:v>82615.476699999999</c:v>
                </c:pt>
                <c:pt idx="69">
                  <c:v>92218.219400000002</c:v>
                </c:pt>
                <c:pt idx="70">
                  <c:v>101986.28720000001</c:v>
                </c:pt>
                <c:pt idx="71">
                  <c:v>105661.3759</c:v>
                </c:pt>
              </c:numCache>
            </c:numRef>
          </c:val>
        </c:ser>
        <c:ser>
          <c:idx val="1"/>
          <c:order val="1"/>
          <c:tx>
            <c:strRef>
              <c:f>'LCI Contract Mkt'!$E$37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numRef>
              <c:f>'LCI Contract Mkt'!$C$38:$C$109</c:f>
              <c:numCache>
                <c:formatCode>[$-409]mmm\-yy;@</c:formatCode>
                <c:ptCount val="72"/>
                <c:pt idx="0">
                  <c:v>38718</c:v>
                </c:pt>
                <c:pt idx="1">
                  <c:v>38749</c:v>
                </c:pt>
                <c:pt idx="2">
                  <c:v>38777</c:v>
                </c:pt>
                <c:pt idx="3">
                  <c:v>38808</c:v>
                </c:pt>
                <c:pt idx="4">
                  <c:v>38838</c:v>
                </c:pt>
                <c:pt idx="5">
                  <c:v>38869</c:v>
                </c:pt>
                <c:pt idx="6">
                  <c:v>38899</c:v>
                </c:pt>
                <c:pt idx="7">
                  <c:v>38930</c:v>
                </c:pt>
                <c:pt idx="8">
                  <c:v>38961</c:v>
                </c:pt>
                <c:pt idx="9">
                  <c:v>38991</c:v>
                </c:pt>
                <c:pt idx="10">
                  <c:v>39022</c:v>
                </c:pt>
                <c:pt idx="11">
                  <c:v>39052</c:v>
                </c:pt>
                <c:pt idx="12">
                  <c:v>39083</c:v>
                </c:pt>
                <c:pt idx="13">
                  <c:v>39114</c:v>
                </c:pt>
                <c:pt idx="14">
                  <c:v>39142</c:v>
                </c:pt>
                <c:pt idx="15">
                  <c:v>39173</c:v>
                </c:pt>
                <c:pt idx="16">
                  <c:v>39203</c:v>
                </c:pt>
                <c:pt idx="17">
                  <c:v>39234</c:v>
                </c:pt>
                <c:pt idx="18">
                  <c:v>39264</c:v>
                </c:pt>
                <c:pt idx="19">
                  <c:v>39295</c:v>
                </c:pt>
                <c:pt idx="20">
                  <c:v>39326</c:v>
                </c:pt>
                <c:pt idx="21">
                  <c:v>39356</c:v>
                </c:pt>
                <c:pt idx="22">
                  <c:v>39387</c:v>
                </c:pt>
                <c:pt idx="23">
                  <c:v>39417</c:v>
                </c:pt>
                <c:pt idx="24">
                  <c:v>39448</c:v>
                </c:pt>
                <c:pt idx="25">
                  <c:v>39479</c:v>
                </c:pt>
                <c:pt idx="26">
                  <c:v>39508</c:v>
                </c:pt>
                <c:pt idx="27">
                  <c:v>39539</c:v>
                </c:pt>
                <c:pt idx="28">
                  <c:v>39569</c:v>
                </c:pt>
                <c:pt idx="29">
                  <c:v>39600</c:v>
                </c:pt>
                <c:pt idx="30">
                  <c:v>39630</c:v>
                </c:pt>
                <c:pt idx="31">
                  <c:v>39661</c:v>
                </c:pt>
                <c:pt idx="32">
                  <c:v>39692</c:v>
                </c:pt>
                <c:pt idx="33">
                  <c:v>39722</c:v>
                </c:pt>
                <c:pt idx="34">
                  <c:v>39753</c:v>
                </c:pt>
                <c:pt idx="35">
                  <c:v>39783</c:v>
                </c:pt>
                <c:pt idx="36">
                  <c:v>39814</c:v>
                </c:pt>
                <c:pt idx="37">
                  <c:v>39845</c:v>
                </c:pt>
                <c:pt idx="38">
                  <c:v>39873</c:v>
                </c:pt>
                <c:pt idx="39">
                  <c:v>39904</c:v>
                </c:pt>
                <c:pt idx="40">
                  <c:v>39934</c:v>
                </c:pt>
                <c:pt idx="41">
                  <c:v>39965</c:v>
                </c:pt>
                <c:pt idx="42">
                  <c:v>39995</c:v>
                </c:pt>
                <c:pt idx="43">
                  <c:v>40026</c:v>
                </c:pt>
                <c:pt idx="44">
                  <c:v>40057</c:v>
                </c:pt>
                <c:pt idx="45">
                  <c:v>40087</c:v>
                </c:pt>
                <c:pt idx="46">
                  <c:v>40118</c:v>
                </c:pt>
                <c:pt idx="47">
                  <c:v>40148</c:v>
                </c:pt>
                <c:pt idx="48">
                  <c:v>40179</c:v>
                </c:pt>
                <c:pt idx="49">
                  <c:v>40210</c:v>
                </c:pt>
                <c:pt idx="50">
                  <c:v>40238</c:v>
                </c:pt>
                <c:pt idx="51">
                  <c:v>40269</c:v>
                </c:pt>
                <c:pt idx="52">
                  <c:v>40299</c:v>
                </c:pt>
                <c:pt idx="53">
                  <c:v>40330</c:v>
                </c:pt>
                <c:pt idx="54">
                  <c:v>40360</c:v>
                </c:pt>
                <c:pt idx="55">
                  <c:v>40391</c:v>
                </c:pt>
                <c:pt idx="56">
                  <c:v>40422</c:v>
                </c:pt>
                <c:pt idx="57">
                  <c:v>40452</c:v>
                </c:pt>
                <c:pt idx="58">
                  <c:v>40483</c:v>
                </c:pt>
                <c:pt idx="59">
                  <c:v>40513</c:v>
                </c:pt>
                <c:pt idx="60">
                  <c:v>40544</c:v>
                </c:pt>
                <c:pt idx="61">
                  <c:v>40575</c:v>
                </c:pt>
                <c:pt idx="62">
                  <c:v>40603</c:v>
                </c:pt>
                <c:pt idx="63">
                  <c:v>40634</c:v>
                </c:pt>
                <c:pt idx="64">
                  <c:v>40664</c:v>
                </c:pt>
                <c:pt idx="65">
                  <c:v>40695</c:v>
                </c:pt>
                <c:pt idx="66">
                  <c:v>40725</c:v>
                </c:pt>
                <c:pt idx="67">
                  <c:v>40756</c:v>
                </c:pt>
                <c:pt idx="68">
                  <c:v>40787</c:v>
                </c:pt>
                <c:pt idx="69">
                  <c:v>40817</c:v>
                </c:pt>
                <c:pt idx="70">
                  <c:v>40848</c:v>
                </c:pt>
                <c:pt idx="71">
                  <c:v>40878</c:v>
                </c:pt>
              </c:numCache>
            </c:numRef>
          </c:cat>
          <c:val>
            <c:numRef>
              <c:f>'LCI Contract Mkt'!$E$38:$E$109</c:f>
              <c:numCache>
                <c:formatCode>#,##0.0_ ;[Red]\-#,##0.0\ </c:formatCode>
                <c:ptCount val="72"/>
                <c:pt idx="0">
                  <c:v>159328.45754089</c:v>
                </c:pt>
                <c:pt idx="1">
                  <c:v>155918.64711049219</c:v>
                </c:pt>
                <c:pt idx="2">
                  <c:v>158138.61007626198</c:v>
                </c:pt>
                <c:pt idx="3">
                  <c:v>129925.61626164321</c:v>
                </c:pt>
                <c:pt idx="4">
                  <c:v>119556.82251170583</c:v>
                </c:pt>
                <c:pt idx="5">
                  <c:v>110552.41712151817</c:v>
                </c:pt>
                <c:pt idx="6">
                  <c:v>105370.46715356497</c:v>
                </c:pt>
                <c:pt idx="7">
                  <c:v>114864.54366041609</c:v>
                </c:pt>
                <c:pt idx="8">
                  <c:v>116272.69092934151</c:v>
                </c:pt>
                <c:pt idx="9">
                  <c:v>129744.91848855706</c:v>
                </c:pt>
                <c:pt idx="10">
                  <c:v>131416.13582647435</c:v>
                </c:pt>
                <c:pt idx="11">
                  <c:v>132281.00137158998</c:v>
                </c:pt>
                <c:pt idx="12">
                  <c:v>146945.51664613569</c:v>
                </c:pt>
                <c:pt idx="13">
                  <c:v>145321.56186944732</c:v>
                </c:pt>
                <c:pt idx="14">
                  <c:v>138740.6419472605</c:v>
                </c:pt>
                <c:pt idx="15">
                  <c:v>119150.26547310734</c:v>
                </c:pt>
                <c:pt idx="16">
                  <c:v>105617.61728781923</c:v>
                </c:pt>
                <c:pt idx="17">
                  <c:v>87505.902504053913</c:v>
                </c:pt>
                <c:pt idx="18">
                  <c:v>85794.567192237213</c:v>
                </c:pt>
                <c:pt idx="19">
                  <c:v>92921.650802076576</c:v>
                </c:pt>
                <c:pt idx="20">
                  <c:v>96417.492864773027</c:v>
                </c:pt>
                <c:pt idx="21">
                  <c:v>105098.81000618954</c:v>
                </c:pt>
                <c:pt idx="22">
                  <c:v>123302.43622959525</c:v>
                </c:pt>
                <c:pt idx="23">
                  <c:v>127634.25807195433</c:v>
                </c:pt>
                <c:pt idx="24">
                  <c:v>136577.65284164084</c:v>
                </c:pt>
                <c:pt idx="25">
                  <c:v>132708.42941134406</c:v>
                </c:pt>
                <c:pt idx="26">
                  <c:v>136316.28957936013</c:v>
                </c:pt>
                <c:pt idx="27">
                  <c:v>105699.47075176866</c:v>
                </c:pt>
                <c:pt idx="28">
                  <c:v>95523.933089989543</c:v>
                </c:pt>
                <c:pt idx="29">
                  <c:v>89833.712682489335</c:v>
                </c:pt>
                <c:pt idx="30">
                  <c:v>85863.537906010839</c:v>
                </c:pt>
                <c:pt idx="31">
                  <c:v>92501.065149268266</c:v>
                </c:pt>
                <c:pt idx="32">
                  <c:v>92324.43997295454</c:v>
                </c:pt>
                <c:pt idx="33">
                  <c:v>101195.92307432293</c:v>
                </c:pt>
                <c:pt idx="34">
                  <c:v>106859.74120951578</c:v>
                </c:pt>
                <c:pt idx="35">
                  <c:v>115305.69646172368</c:v>
                </c:pt>
                <c:pt idx="36">
                  <c:v>136446.19262912878</c:v>
                </c:pt>
                <c:pt idx="37">
                  <c:v>115526.4964606688</c:v>
                </c:pt>
                <c:pt idx="38">
                  <c:v>115425.20124602248</c:v>
                </c:pt>
                <c:pt idx="39">
                  <c:v>91770.019718016803</c:v>
                </c:pt>
                <c:pt idx="40">
                  <c:v>82700.257210722033</c:v>
                </c:pt>
                <c:pt idx="41">
                  <c:v>76029.687886997504</c:v>
                </c:pt>
                <c:pt idx="42">
                  <c:v>70556.566787995136</c:v>
                </c:pt>
                <c:pt idx="43">
                  <c:v>81881.438011634833</c:v>
                </c:pt>
                <c:pt idx="44">
                  <c:v>80122.569303751079</c:v>
                </c:pt>
                <c:pt idx="45">
                  <c:v>94507.665943794331</c:v>
                </c:pt>
                <c:pt idx="46">
                  <c:v>105392.76905332768</c:v>
                </c:pt>
                <c:pt idx="47">
                  <c:v>112899.72604612903</c:v>
                </c:pt>
                <c:pt idx="48">
                  <c:v>127757.7894654733</c:v>
                </c:pt>
                <c:pt idx="49">
                  <c:v>113155.17893308321</c:v>
                </c:pt>
                <c:pt idx="50">
                  <c:v>109601.86625827682</c:v>
                </c:pt>
                <c:pt idx="51">
                  <c:v>90566.905060177713</c:v>
                </c:pt>
                <c:pt idx="52">
                  <c:v>80586.824050519615</c:v>
                </c:pt>
                <c:pt idx="53">
                  <c:v>75495.913794036634</c:v>
                </c:pt>
                <c:pt idx="54">
                  <c:v>72401.433206902148</c:v>
                </c:pt>
                <c:pt idx="55">
                  <c:v>81188.615957432965</c:v>
                </c:pt>
                <c:pt idx="56">
                  <c:v>81365.318904670974</c:v>
                </c:pt>
                <c:pt idx="57">
                  <c:v>93049.311427579989</c:v>
                </c:pt>
                <c:pt idx="58">
                  <c:v>101330.00346768275</c:v>
                </c:pt>
                <c:pt idx="59">
                  <c:v>111618.21932083421</c:v>
                </c:pt>
                <c:pt idx="60">
                  <c:v>137683.72366186741</c:v>
                </c:pt>
                <c:pt idx="61">
                  <c:v>122018.2539276102</c:v>
                </c:pt>
                <c:pt idx="62">
                  <c:v>124658.18075264459</c:v>
                </c:pt>
                <c:pt idx="63">
                  <c:v>95218.032526504801</c:v>
                </c:pt>
                <c:pt idx="64">
                  <c:v>81793.250085889827</c:v>
                </c:pt>
                <c:pt idx="65">
                  <c:v>73776.632710904581</c:v>
                </c:pt>
                <c:pt idx="66">
                  <c:v>72309.883253289794</c:v>
                </c:pt>
                <c:pt idx="67">
                  <c:v>80048.380637484224</c:v>
                </c:pt>
                <c:pt idx="68">
                  <c:v>79477.319848950603</c:v>
                </c:pt>
                <c:pt idx="69">
                  <c:v>90045.596020274883</c:v>
                </c:pt>
                <c:pt idx="70">
                  <c:v>96960.73873689273</c:v>
                </c:pt>
                <c:pt idx="71">
                  <c:v>105180.80851533465</c:v>
                </c:pt>
              </c:numCache>
            </c:numRef>
          </c:val>
        </c:ser>
        <c:marker val="1"/>
        <c:axId val="49284224"/>
        <c:axId val="49285760"/>
      </c:lineChart>
      <c:dateAx>
        <c:axId val="49284224"/>
        <c:scaling>
          <c:orientation val="minMax"/>
        </c:scaling>
        <c:axPos val="b"/>
        <c:numFmt formatCode="[$-409]mmm\-yy;@" sourceLinked="1"/>
        <c:tickLblPos val="nextTo"/>
        <c:txPr>
          <a:bodyPr/>
          <a:lstStyle/>
          <a:p>
            <a:pPr>
              <a:defRPr b="0"/>
            </a:pPr>
            <a:endParaRPr lang="en-US"/>
          </a:p>
        </c:txPr>
        <c:crossAx val="49285760"/>
        <c:crosses val="autoZero"/>
        <c:auto val="1"/>
        <c:lblOffset val="100"/>
      </c:dateAx>
      <c:valAx>
        <c:axId val="49285760"/>
        <c:scaling>
          <c:orientation val="minMax"/>
        </c:scaling>
        <c:axPos val="l"/>
        <c:majorGridlines/>
        <c:numFmt formatCode="#,##0" sourceLinked="0"/>
        <c:tickLblPos val="nextTo"/>
        <c:txPr>
          <a:bodyPr/>
          <a:lstStyle/>
          <a:p>
            <a:pPr>
              <a:defRPr b="0"/>
            </a:pPr>
            <a:endParaRPr lang="en-US"/>
          </a:p>
        </c:txPr>
        <c:crossAx val="4928422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33640979492948236"/>
          <c:y val="0.89782851111227269"/>
          <c:w val="0.33451137838539541"/>
          <c:h val="8.4710515015084045E-2"/>
        </c:manualLayout>
      </c:layout>
    </c:legend>
    <c:plotVisOnly val="1"/>
  </c:chart>
  <c:txPr>
    <a:bodyPr/>
    <a:lstStyle/>
    <a:p>
      <a:pPr>
        <a:defRPr sz="1100" b="1" baseline="0"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44" l="0.70000000000000062" r="0.70000000000000062" t="0.75000000000000144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 sz="1400"/>
              <a:t>Residential 01 Usage Regression</a:t>
            </a:r>
          </a:p>
          <a:p>
            <a:pPr>
              <a:defRPr/>
            </a:pPr>
            <a:r>
              <a:rPr lang="en-US" sz="1200" b="0"/>
              <a:t>Rolling 12 Months</a:t>
            </a:r>
            <a:r>
              <a:rPr lang="en-US" sz="1200" b="0" baseline="0"/>
              <a:t> Total Usage</a:t>
            </a:r>
            <a:endParaRPr lang="en-US" sz="1600" b="0"/>
          </a:p>
        </c:rich>
      </c:tx>
    </c:title>
    <c:plotArea>
      <c:layout/>
      <c:lineChart>
        <c:grouping val="standard"/>
        <c:ser>
          <c:idx val="0"/>
          <c:order val="0"/>
          <c:tx>
            <c:strRef>
              <c:f>'Residential USE Regn North'!$F$52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numRef>
              <c:f>'Residential USE Regn North'!$A$54:$A$255</c:f>
              <c:numCache>
                <c:formatCode>mmm\-yy</c:formatCode>
                <c:ptCount val="202"/>
                <c:pt idx="0">
                  <c:v>34759</c:v>
                </c:pt>
                <c:pt idx="1">
                  <c:v>34790</c:v>
                </c:pt>
                <c:pt idx="2">
                  <c:v>34820</c:v>
                </c:pt>
                <c:pt idx="3">
                  <c:v>34851</c:v>
                </c:pt>
                <c:pt idx="4">
                  <c:v>34881</c:v>
                </c:pt>
                <c:pt idx="5">
                  <c:v>34912</c:v>
                </c:pt>
                <c:pt idx="6">
                  <c:v>34943</c:v>
                </c:pt>
                <c:pt idx="7">
                  <c:v>34973</c:v>
                </c:pt>
                <c:pt idx="8">
                  <c:v>35004</c:v>
                </c:pt>
                <c:pt idx="9">
                  <c:v>35034</c:v>
                </c:pt>
                <c:pt idx="10">
                  <c:v>35065</c:v>
                </c:pt>
                <c:pt idx="11">
                  <c:v>35096</c:v>
                </c:pt>
                <c:pt idx="12">
                  <c:v>35125</c:v>
                </c:pt>
                <c:pt idx="13">
                  <c:v>35156</c:v>
                </c:pt>
                <c:pt idx="14">
                  <c:v>35186</c:v>
                </c:pt>
                <c:pt idx="15">
                  <c:v>35217</c:v>
                </c:pt>
                <c:pt idx="16">
                  <c:v>35247</c:v>
                </c:pt>
                <c:pt idx="17">
                  <c:v>35278</c:v>
                </c:pt>
                <c:pt idx="18">
                  <c:v>35309</c:v>
                </c:pt>
                <c:pt idx="19">
                  <c:v>35339</c:v>
                </c:pt>
                <c:pt idx="20">
                  <c:v>35370</c:v>
                </c:pt>
                <c:pt idx="21">
                  <c:v>35400</c:v>
                </c:pt>
                <c:pt idx="22">
                  <c:v>35431</c:v>
                </c:pt>
                <c:pt idx="23">
                  <c:v>35462</c:v>
                </c:pt>
                <c:pt idx="24">
                  <c:v>35490</c:v>
                </c:pt>
                <c:pt idx="25">
                  <c:v>35521</c:v>
                </c:pt>
                <c:pt idx="26">
                  <c:v>35551</c:v>
                </c:pt>
                <c:pt idx="27">
                  <c:v>35582</c:v>
                </c:pt>
                <c:pt idx="28">
                  <c:v>35612</c:v>
                </c:pt>
                <c:pt idx="29">
                  <c:v>35643</c:v>
                </c:pt>
                <c:pt idx="30">
                  <c:v>35674</c:v>
                </c:pt>
                <c:pt idx="31">
                  <c:v>35704</c:v>
                </c:pt>
                <c:pt idx="32">
                  <c:v>35735</c:v>
                </c:pt>
                <c:pt idx="33">
                  <c:v>35765</c:v>
                </c:pt>
                <c:pt idx="34">
                  <c:v>35796</c:v>
                </c:pt>
                <c:pt idx="35">
                  <c:v>35827</c:v>
                </c:pt>
                <c:pt idx="36">
                  <c:v>35855</c:v>
                </c:pt>
                <c:pt idx="37">
                  <c:v>35886</c:v>
                </c:pt>
                <c:pt idx="38">
                  <c:v>35916</c:v>
                </c:pt>
                <c:pt idx="39">
                  <c:v>35947</c:v>
                </c:pt>
                <c:pt idx="40">
                  <c:v>35977</c:v>
                </c:pt>
                <c:pt idx="41">
                  <c:v>36008</c:v>
                </c:pt>
                <c:pt idx="42">
                  <c:v>36039</c:v>
                </c:pt>
                <c:pt idx="43">
                  <c:v>36069</c:v>
                </c:pt>
                <c:pt idx="44">
                  <c:v>36100</c:v>
                </c:pt>
                <c:pt idx="45">
                  <c:v>36130</c:v>
                </c:pt>
                <c:pt idx="46">
                  <c:v>36161</c:v>
                </c:pt>
                <c:pt idx="47">
                  <c:v>36192</c:v>
                </c:pt>
                <c:pt idx="48">
                  <c:v>36220</c:v>
                </c:pt>
                <c:pt idx="49">
                  <c:v>36251</c:v>
                </c:pt>
                <c:pt idx="50">
                  <c:v>36281</c:v>
                </c:pt>
                <c:pt idx="51">
                  <c:v>36312</c:v>
                </c:pt>
                <c:pt idx="52">
                  <c:v>36342</c:v>
                </c:pt>
                <c:pt idx="53">
                  <c:v>36373</c:v>
                </c:pt>
                <c:pt idx="54">
                  <c:v>36404</c:v>
                </c:pt>
                <c:pt idx="55">
                  <c:v>36434</c:v>
                </c:pt>
                <c:pt idx="56">
                  <c:v>36465</c:v>
                </c:pt>
                <c:pt idx="57">
                  <c:v>36495</c:v>
                </c:pt>
                <c:pt idx="58">
                  <c:v>36526</c:v>
                </c:pt>
                <c:pt idx="59">
                  <c:v>36557</c:v>
                </c:pt>
                <c:pt idx="60">
                  <c:v>36586</c:v>
                </c:pt>
                <c:pt idx="61">
                  <c:v>36617</c:v>
                </c:pt>
                <c:pt idx="62">
                  <c:v>36647</c:v>
                </c:pt>
                <c:pt idx="63">
                  <c:v>36678</c:v>
                </c:pt>
                <c:pt idx="64">
                  <c:v>36708</c:v>
                </c:pt>
                <c:pt idx="65">
                  <c:v>36739</c:v>
                </c:pt>
                <c:pt idx="66">
                  <c:v>36770</c:v>
                </c:pt>
                <c:pt idx="67">
                  <c:v>36800</c:v>
                </c:pt>
                <c:pt idx="68">
                  <c:v>36831</c:v>
                </c:pt>
                <c:pt idx="69">
                  <c:v>36861</c:v>
                </c:pt>
                <c:pt idx="70">
                  <c:v>36892</c:v>
                </c:pt>
                <c:pt idx="71">
                  <c:v>36923</c:v>
                </c:pt>
                <c:pt idx="72">
                  <c:v>36951</c:v>
                </c:pt>
                <c:pt idx="73">
                  <c:v>36982</c:v>
                </c:pt>
                <c:pt idx="74">
                  <c:v>37012</c:v>
                </c:pt>
                <c:pt idx="75">
                  <c:v>37043</c:v>
                </c:pt>
                <c:pt idx="76">
                  <c:v>37073</c:v>
                </c:pt>
                <c:pt idx="77">
                  <c:v>37104</c:v>
                </c:pt>
                <c:pt idx="78">
                  <c:v>37135</c:v>
                </c:pt>
                <c:pt idx="79">
                  <c:v>37165</c:v>
                </c:pt>
                <c:pt idx="80">
                  <c:v>37196</c:v>
                </c:pt>
                <c:pt idx="81">
                  <c:v>37226</c:v>
                </c:pt>
                <c:pt idx="82">
                  <c:v>37257</c:v>
                </c:pt>
                <c:pt idx="83">
                  <c:v>37288</c:v>
                </c:pt>
                <c:pt idx="84">
                  <c:v>37316</c:v>
                </c:pt>
                <c:pt idx="85">
                  <c:v>37347</c:v>
                </c:pt>
                <c:pt idx="86">
                  <c:v>37377</c:v>
                </c:pt>
                <c:pt idx="87">
                  <c:v>37408</c:v>
                </c:pt>
                <c:pt idx="88">
                  <c:v>37438</c:v>
                </c:pt>
                <c:pt idx="89">
                  <c:v>37469</c:v>
                </c:pt>
                <c:pt idx="90">
                  <c:v>37500</c:v>
                </c:pt>
                <c:pt idx="91">
                  <c:v>37530</c:v>
                </c:pt>
                <c:pt idx="92">
                  <c:v>37561</c:v>
                </c:pt>
                <c:pt idx="93">
                  <c:v>37591</c:v>
                </c:pt>
                <c:pt idx="94">
                  <c:v>37622</c:v>
                </c:pt>
                <c:pt idx="95">
                  <c:v>37653</c:v>
                </c:pt>
                <c:pt idx="96">
                  <c:v>37681</c:v>
                </c:pt>
                <c:pt idx="97">
                  <c:v>37712</c:v>
                </c:pt>
                <c:pt idx="98">
                  <c:v>37742</c:v>
                </c:pt>
                <c:pt idx="99">
                  <c:v>37773</c:v>
                </c:pt>
                <c:pt idx="100">
                  <c:v>37803</c:v>
                </c:pt>
                <c:pt idx="101">
                  <c:v>37834</c:v>
                </c:pt>
                <c:pt idx="102">
                  <c:v>37865</c:v>
                </c:pt>
                <c:pt idx="103">
                  <c:v>37895</c:v>
                </c:pt>
                <c:pt idx="104">
                  <c:v>37926</c:v>
                </c:pt>
                <c:pt idx="105">
                  <c:v>37956</c:v>
                </c:pt>
                <c:pt idx="106">
                  <c:v>37987</c:v>
                </c:pt>
                <c:pt idx="107">
                  <c:v>38018</c:v>
                </c:pt>
                <c:pt idx="108">
                  <c:v>38047</c:v>
                </c:pt>
                <c:pt idx="109">
                  <c:v>38078</c:v>
                </c:pt>
                <c:pt idx="110">
                  <c:v>38108</c:v>
                </c:pt>
                <c:pt idx="111">
                  <c:v>38139</c:v>
                </c:pt>
                <c:pt idx="112">
                  <c:v>38169</c:v>
                </c:pt>
                <c:pt idx="113">
                  <c:v>38200</c:v>
                </c:pt>
                <c:pt idx="114">
                  <c:v>38231</c:v>
                </c:pt>
                <c:pt idx="115">
                  <c:v>38261</c:v>
                </c:pt>
                <c:pt idx="116">
                  <c:v>38292</c:v>
                </c:pt>
                <c:pt idx="117">
                  <c:v>38322</c:v>
                </c:pt>
                <c:pt idx="118">
                  <c:v>38353</c:v>
                </c:pt>
                <c:pt idx="119">
                  <c:v>38384</c:v>
                </c:pt>
                <c:pt idx="120">
                  <c:v>38412</c:v>
                </c:pt>
                <c:pt idx="121">
                  <c:v>38443</c:v>
                </c:pt>
                <c:pt idx="122">
                  <c:v>38473</c:v>
                </c:pt>
                <c:pt idx="123">
                  <c:v>38504</c:v>
                </c:pt>
                <c:pt idx="124">
                  <c:v>38534</c:v>
                </c:pt>
                <c:pt idx="125">
                  <c:v>38565</c:v>
                </c:pt>
                <c:pt idx="126">
                  <c:v>38596</c:v>
                </c:pt>
                <c:pt idx="127">
                  <c:v>38626</c:v>
                </c:pt>
                <c:pt idx="128">
                  <c:v>38657</c:v>
                </c:pt>
                <c:pt idx="129">
                  <c:v>38687</c:v>
                </c:pt>
                <c:pt idx="130">
                  <c:v>38718</c:v>
                </c:pt>
                <c:pt idx="131">
                  <c:v>38749</c:v>
                </c:pt>
                <c:pt idx="132">
                  <c:v>38777</c:v>
                </c:pt>
                <c:pt idx="133">
                  <c:v>38808</c:v>
                </c:pt>
                <c:pt idx="134">
                  <c:v>38838</c:v>
                </c:pt>
                <c:pt idx="135">
                  <c:v>38869</c:v>
                </c:pt>
                <c:pt idx="136">
                  <c:v>38899</c:v>
                </c:pt>
                <c:pt idx="137">
                  <c:v>38930</c:v>
                </c:pt>
                <c:pt idx="138">
                  <c:v>38961</c:v>
                </c:pt>
                <c:pt idx="139">
                  <c:v>38991</c:v>
                </c:pt>
                <c:pt idx="140">
                  <c:v>39022</c:v>
                </c:pt>
                <c:pt idx="141">
                  <c:v>39052</c:v>
                </c:pt>
                <c:pt idx="142">
                  <c:v>39083</c:v>
                </c:pt>
                <c:pt idx="143">
                  <c:v>39114</c:v>
                </c:pt>
                <c:pt idx="144">
                  <c:v>39142</c:v>
                </c:pt>
                <c:pt idx="145">
                  <c:v>39173</c:v>
                </c:pt>
                <c:pt idx="146">
                  <c:v>39203</c:v>
                </c:pt>
                <c:pt idx="147">
                  <c:v>39234</c:v>
                </c:pt>
                <c:pt idx="148">
                  <c:v>39264</c:v>
                </c:pt>
                <c:pt idx="149">
                  <c:v>39295</c:v>
                </c:pt>
                <c:pt idx="150">
                  <c:v>39326</c:v>
                </c:pt>
                <c:pt idx="151">
                  <c:v>39356</c:v>
                </c:pt>
                <c:pt idx="152">
                  <c:v>39387</c:v>
                </c:pt>
                <c:pt idx="153">
                  <c:v>39417</c:v>
                </c:pt>
                <c:pt idx="154">
                  <c:v>39448</c:v>
                </c:pt>
                <c:pt idx="155">
                  <c:v>39479</c:v>
                </c:pt>
                <c:pt idx="156">
                  <c:v>39508</c:v>
                </c:pt>
                <c:pt idx="157">
                  <c:v>39539</c:v>
                </c:pt>
                <c:pt idx="158">
                  <c:v>39569</c:v>
                </c:pt>
                <c:pt idx="159">
                  <c:v>39600</c:v>
                </c:pt>
                <c:pt idx="160">
                  <c:v>39630</c:v>
                </c:pt>
                <c:pt idx="161">
                  <c:v>39661</c:v>
                </c:pt>
                <c:pt idx="162">
                  <c:v>39692</c:v>
                </c:pt>
                <c:pt idx="163">
                  <c:v>39722</c:v>
                </c:pt>
                <c:pt idx="164">
                  <c:v>39753</c:v>
                </c:pt>
                <c:pt idx="165">
                  <c:v>39783</c:v>
                </c:pt>
                <c:pt idx="166">
                  <c:v>39814</c:v>
                </c:pt>
                <c:pt idx="167">
                  <c:v>39845</c:v>
                </c:pt>
                <c:pt idx="168">
                  <c:v>39873</c:v>
                </c:pt>
                <c:pt idx="169">
                  <c:v>39904</c:v>
                </c:pt>
                <c:pt idx="170">
                  <c:v>39934</c:v>
                </c:pt>
                <c:pt idx="171">
                  <c:v>39965</c:v>
                </c:pt>
                <c:pt idx="172">
                  <c:v>39995</c:v>
                </c:pt>
                <c:pt idx="173">
                  <c:v>40026</c:v>
                </c:pt>
                <c:pt idx="174">
                  <c:v>40057</c:v>
                </c:pt>
                <c:pt idx="175">
                  <c:v>40087</c:v>
                </c:pt>
                <c:pt idx="176">
                  <c:v>40118</c:v>
                </c:pt>
                <c:pt idx="177">
                  <c:v>40148</c:v>
                </c:pt>
                <c:pt idx="178">
                  <c:v>40179</c:v>
                </c:pt>
                <c:pt idx="179">
                  <c:v>40210</c:v>
                </c:pt>
                <c:pt idx="180">
                  <c:v>40238</c:v>
                </c:pt>
                <c:pt idx="181">
                  <c:v>40269</c:v>
                </c:pt>
                <c:pt idx="182">
                  <c:v>40299</c:v>
                </c:pt>
                <c:pt idx="183">
                  <c:v>40330</c:v>
                </c:pt>
                <c:pt idx="184">
                  <c:v>40360</c:v>
                </c:pt>
                <c:pt idx="185">
                  <c:v>40391</c:v>
                </c:pt>
                <c:pt idx="186">
                  <c:v>40422</c:v>
                </c:pt>
                <c:pt idx="187">
                  <c:v>40452</c:v>
                </c:pt>
                <c:pt idx="188">
                  <c:v>40483</c:v>
                </c:pt>
                <c:pt idx="189">
                  <c:v>40513</c:v>
                </c:pt>
                <c:pt idx="190">
                  <c:v>40544</c:v>
                </c:pt>
                <c:pt idx="191">
                  <c:v>40575</c:v>
                </c:pt>
                <c:pt idx="192">
                  <c:v>40603</c:v>
                </c:pt>
                <c:pt idx="193">
                  <c:v>40634</c:v>
                </c:pt>
                <c:pt idx="194">
                  <c:v>40664</c:v>
                </c:pt>
                <c:pt idx="195">
                  <c:v>40695</c:v>
                </c:pt>
                <c:pt idx="196">
                  <c:v>40725</c:v>
                </c:pt>
                <c:pt idx="197">
                  <c:v>40756</c:v>
                </c:pt>
                <c:pt idx="198">
                  <c:v>40787</c:v>
                </c:pt>
                <c:pt idx="199">
                  <c:v>40817</c:v>
                </c:pt>
                <c:pt idx="200">
                  <c:v>40848</c:v>
                </c:pt>
                <c:pt idx="201">
                  <c:v>40878</c:v>
                </c:pt>
              </c:numCache>
            </c:numRef>
          </c:cat>
          <c:val>
            <c:numRef>
              <c:f>'Residential USE Regn North'!$F$54:$F$255</c:f>
              <c:numCache>
                <c:formatCode>_-* #,##0_-;\-* #,##0_-;_-* "-"??_-;_-@_-</c:formatCode>
                <c:ptCount val="202"/>
                <c:pt idx="0">
                  <c:v>2953.6940000000004</c:v>
                </c:pt>
                <c:pt idx="1">
                  <c:v>2970.7829999999994</c:v>
                </c:pt>
                <c:pt idx="2">
                  <c:v>2950.835</c:v>
                </c:pt>
                <c:pt idx="3">
                  <c:v>2940.3479999999995</c:v>
                </c:pt>
                <c:pt idx="4">
                  <c:v>2929.8609999999999</c:v>
                </c:pt>
                <c:pt idx="5">
                  <c:v>2919.3740000000003</c:v>
                </c:pt>
                <c:pt idx="6">
                  <c:v>2952.3880000000004</c:v>
                </c:pt>
                <c:pt idx="7">
                  <c:v>2966.59</c:v>
                </c:pt>
                <c:pt idx="8">
                  <c:v>3076.7150000000001</c:v>
                </c:pt>
                <c:pt idx="9">
                  <c:v>3174.4570000000003</c:v>
                </c:pt>
                <c:pt idx="10">
                  <c:v>3254.6140000000005</c:v>
                </c:pt>
                <c:pt idx="11">
                  <c:v>3221.9129999999996</c:v>
                </c:pt>
                <c:pt idx="12">
                  <c:v>3297.2209999999995</c:v>
                </c:pt>
                <c:pt idx="13">
                  <c:v>3296.1389999999997</c:v>
                </c:pt>
                <c:pt idx="14">
                  <c:v>3326.0699999999997</c:v>
                </c:pt>
                <c:pt idx="15">
                  <c:v>3331.4549999999999</c:v>
                </c:pt>
                <c:pt idx="16">
                  <c:v>3336.8399999999992</c:v>
                </c:pt>
                <c:pt idx="17">
                  <c:v>3342.2249999999995</c:v>
                </c:pt>
                <c:pt idx="18">
                  <c:v>3310.6159999999995</c:v>
                </c:pt>
                <c:pt idx="19">
                  <c:v>3332.7139999999995</c:v>
                </c:pt>
                <c:pt idx="20">
                  <c:v>3275.1309999999999</c:v>
                </c:pt>
                <c:pt idx="21">
                  <c:v>3174.8690000000001</c:v>
                </c:pt>
                <c:pt idx="22">
                  <c:v>3208.5630000000001</c:v>
                </c:pt>
                <c:pt idx="23">
                  <c:v>3184.3179999999993</c:v>
                </c:pt>
                <c:pt idx="24">
                  <c:v>3170.1660000000002</c:v>
                </c:pt>
                <c:pt idx="25">
                  <c:v>3139.855</c:v>
                </c:pt>
                <c:pt idx="26">
                  <c:v>3154.1610000000001</c:v>
                </c:pt>
                <c:pt idx="27">
                  <c:v>3152.2030000000004</c:v>
                </c:pt>
                <c:pt idx="28">
                  <c:v>3150.2450000000003</c:v>
                </c:pt>
                <c:pt idx="29">
                  <c:v>3148.2870000000007</c:v>
                </c:pt>
                <c:pt idx="30">
                  <c:v>3154.1780000000008</c:v>
                </c:pt>
                <c:pt idx="31">
                  <c:v>3137.8750000000009</c:v>
                </c:pt>
                <c:pt idx="32">
                  <c:v>3105.5080000000007</c:v>
                </c:pt>
                <c:pt idx="33">
                  <c:v>3084.5860000000002</c:v>
                </c:pt>
                <c:pt idx="34">
                  <c:v>2971.288</c:v>
                </c:pt>
                <c:pt idx="35">
                  <c:v>2899.498</c:v>
                </c:pt>
                <c:pt idx="36">
                  <c:v>2844.6059999999998</c:v>
                </c:pt>
                <c:pt idx="37">
                  <c:v>2784.9940000000001</c:v>
                </c:pt>
                <c:pt idx="38">
                  <c:v>2703.4880000000003</c:v>
                </c:pt>
                <c:pt idx="39">
                  <c:v>2692.9659999999999</c:v>
                </c:pt>
                <c:pt idx="40">
                  <c:v>2682.444</c:v>
                </c:pt>
                <c:pt idx="41">
                  <c:v>2671.9219999999996</c:v>
                </c:pt>
                <c:pt idx="42">
                  <c:v>2655.9229999999998</c:v>
                </c:pt>
                <c:pt idx="43">
                  <c:v>2563.3269999999998</c:v>
                </c:pt>
                <c:pt idx="44">
                  <c:v>2531.482</c:v>
                </c:pt>
                <c:pt idx="45">
                  <c:v>2544.7829999999999</c:v>
                </c:pt>
                <c:pt idx="46">
                  <c:v>2553.6999999999998</c:v>
                </c:pt>
                <c:pt idx="47">
                  <c:v>2546.9740000000002</c:v>
                </c:pt>
                <c:pt idx="48">
                  <c:v>2564.5709999999999</c:v>
                </c:pt>
                <c:pt idx="49">
                  <c:v>2618.355</c:v>
                </c:pt>
                <c:pt idx="50">
                  <c:v>2650.7719999999999</c:v>
                </c:pt>
                <c:pt idx="51">
                  <c:v>2658.8910000000001</c:v>
                </c:pt>
                <c:pt idx="52">
                  <c:v>2667.0099999999998</c:v>
                </c:pt>
                <c:pt idx="53">
                  <c:v>2675.1289999999999</c:v>
                </c:pt>
                <c:pt idx="54">
                  <c:v>2671.8820000000001</c:v>
                </c:pt>
                <c:pt idx="55">
                  <c:v>2745.9140000000002</c:v>
                </c:pt>
                <c:pt idx="56">
                  <c:v>2739.5770000000007</c:v>
                </c:pt>
                <c:pt idx="57">
                  <c:v>2700.1120000000001</c:v>
                </c:pt>
                <c:pt idx="58">
                  <c:v>2718.9449999999997</c:v>
                </c:pt>
                <c:pt idx="59">
                  <c:v>2775.9539999999997</c:v>
                </c:pt>
                <c:pt idx="60">
                  <c:v>2670.95</c:v>
                </c:pt>
                <c:pt idx="61">
                  <c:v>2676.3759999999993</c:v>
                </c:pt>
                <c:pt idx="62">
                  <c:v>2768.654</c:v>
                </c:pt>
                <c:pt idx="63">
                  <c:v>2771.0739999999992</c:v>
                </c:pt>
                <c:pt idx="64">
                  <c:v>2773.4939999999992</c:v>
                </c:pt>
                <c:pt idx="65">
                  <c:v>2775.9139999999993</c:v>
                </c:pt>
                <c:pt idx="66">
                  <c:v>2834.6620000000003</c:v>
                </c:pt>
                <c:pt idx="67">
                  <c:v>2773.5</c:v>
                </c:pt>
                <c:pt idx="68">
                  <c:v>2797.0139999999997</c:v>
                </c:pt>
                <c:pt idx="69">
                  <c:v>2928.4280000000003</c:v>
                </c:pt>
                <c:pt idx="70">
                  <c:v>2884.9179999999997</c:v>
                </c:pt>
                <c:pt idx="71">
                  <c:v>2878.4660000000003</c:v>
                </c:pt>
                <c:pt idx="72">
                  <c:v>2946.6670000000004</c:v>
                </c:pt>
                <c:pt idx="73">
                  <c:v>2898.4589999999998</c:v>
                </c:pt>
                <c:pt idx="74">
                  <c:v>2766.8590000000004</c:v>
                </c:pt>
                <c:pt idx="75">
                  <c:v>2765.0980000000004</c:v>
                </c:pt>
                <c:pt idx="76">
                  <c:v>2763.3370000000004</c:v>
                </c:pt>
                <c:pt idx="77">
                  <c:v>2761.5760000000005</c:v>
                </c:pt>
                <c:pt idx="78">
                  <c:v>2736.8680000000008</c:v>
                </c:pt>
                <c:pt idx="79">
                  <c:v>2769.096</c:v>
                </c:pt>
                <c:pt idx="80">
                  <c:v>2708.4160000000002</c:v>
                </c:pt>
                <c:pt idx="81">
                  <c:v>2573.1690000000003</c:v>
                </c:pt>
                <c:pt idx="82">
                  <c:v>2554.5680000000002</c:v>
                </c:pt>
                <c:pt idx="83">
                  <c:v>2506.3160000000003</c:v>
                </c:pt>
                <c:pt idx="84">
                  <c:v>2540.2190000000001</c:v>
                </c:pt>
                <c:pt idx="85">
                  <c:v>2577.4090000000006</c:v>
                </c:pt>
                <c:pt idx="86">
                  <c:v>2647.2430000000004</c:v>
                </c:pt>
                <c:pt idx="87">
                  <c:v>2645.1240000000007</c:v>
                </c:pt>
                <c:pt idx="88">
                  <c:v>2643.0050000000001</c:v>
                </c:pt>
                <c:pt idx="89">
                  <c:v>2640.8860000000004</c:v>
                </c:pt>
                <c:pt idx="90">
                  <c:v>2588.1450000000004</c:v>
                </c:pt>
                <c:pt idx="91">
                  <c:v>2624.08</c:v>
                </c:pt>
                <c:pt idx="92">
                  <c:v>2707.3130000000001</c:v>
                </c:pt>
                <c:pt idx="93">
                  <c:v>2735.8160000000003</c:v>
                </c:pt>
                <c:pt idx="94">
                  <c:v>2851.4289999999996</c:v>
                </c:pt>
                <c:pt idx="95">
                  <c:v>2932.9369999999999</c:v>
                </c:pt>
                <c:pt idx="96">
                  <c:v>2925.4489999999996</c:v>
                </c:pt>
                <c:pt idx="97">
                  <c:v>2926.7469999999998</c:v>
                </c:pt>
                <c:pt idx="98">
                  <c:v>2888.09</c:v>
                </c:pt>
                <c:pt idx="99">
                  <c:v>2880.76</c:v>
                </c:pt>
                <c:pt idx="100">
                  <c:v>2873.4300000000003</c:v>
                </c:pt>
                <c:pt idx="101">
                  <c:v>2866.1</c:v>
                </c:pt>
                <c:pt idx="102">
                  <c:v>2881.7640000000001</c:v>
                </c:pt>
                <c:pt idx="103">
                  <c:v>2862.7709999999997</c:v>
                </c:pt>
                <c:pt idx="104">
                  <c:v>2821.8679999999995</c:v>
                </c:pt>
                <c:pt idx="105">
                  <c:v>2837.0039999999999</c:v>
                </c:pt>
                <c:pt idx="106">
                  <c:v>2846.2289999999998</c:v>
                </c:pt>
                <c:pt idx="107">
                  <c:v>2775.799</c:v>
                </c:pt>
                <c:pt idx="108">
                  <c:v>2723.6130000000003</c:v>
                </c:pt>
                <c:pt idx="109">
                  <c:v>2702.8630000000003</c:v>
                </c:pt>
                <c:pt idx="110">
                  <c:v>2714.2350000000001</c:v>
                </c:pt>
                <c:pt idx="111">
                  <c:v>2714.2360000000003</c:v>
                </c:pt>
                <c:pt idx="112">
                  <c:v>2714.2370000000005</c:v>
                </c:pt>
                <c:pt idx="113">
                  <c:v>2714.2380000000007</c:v>
                </c:pt>
                <c:pt idx="114">
                  <c:v>2714.5620000000008</c:v>
                </c:pt>
                <c:pt idx="115">
                  <c:v>2680.2030000000004</c:v>
                </c:pt>
                <c:pt idx="116">
                  <c:v>2653.2520000000004</c:v>
                </c:pt>
                <c:pt idx="117">
                  <c:v>2686.1219999999998</c:v>
                </c:pt>
                <c:pt idx="118">
                  <c:v>2634.0489999999995</c:v>
                </c:pt>
                <c:pt idx="119">
                  <c:v>2625.0729999999999</c:v>
                </c:pt>
                <c:pt idx="120">
                  <c:v>2651.9569999999999</c:v>
                </c:pt>
                <c:pt idx="121">
                  <c:v>2619.2750000000005</c:v>
                </c:pt>
                <c:pt idx="122">
                  <c:v>2610.4780000000001</c:v>
                </c:pt>
                <c:pt idx="123">
                  <c:v>2605.848</c:v>
                </c:pt>
                <c:pt idx="124">
                  <c:v>2601.2180000000003</c:v>
                </c:pt>
                <c:pt idx="125">
                  <c:v>2596.5880000000002</c:v>
                </c:pt>
                <c:pt idx="126">
                  <c:v>2579.4080000000004</c:v>
                </c:pt>
                <c:pt idx="127">
                  <c:v>2575.4390000000003</c:v>
                </c:pt>
                <c:pt idx="128">
                  <c:v>2579.9490000000005</c:v>
                </c:pt>
                <c:pt idx="129">
                  <c:v>2562.9430000000007</c:v>
                </c:pt>
                <c:pt idx="130">
                  <c:v>2442.3280000000004</c:v>
                </c:pt>
                <c:pt idx="131">
                  <c:v>2445.5100000000002</c:v>
                </c:pt>
                <c:pt idx="132">
                  <c:v>2409.6869999999999</c:v>
                </c:pt>
                <c:pt idx="133">
                  <c:v>2400.0320000000002</c:v>
                </c:pt>
                <c:pt idx="134">
                  <c:v>2373.4579999999996</c:v>
                </c:pt>
                <c:pt idx="135">
                  <c:v>2372.4739999999997</c:v>
                </c:pt>
                <c:pt idx="136">
                  <c:v>2371.4900000000002</c:v>
                </c:pt>
                <c:pt idx="137">
                  <c:v>2370.5060000000003</c:v>
                </c:pt>
                <c:pt idx="138">
                  <c:v>2379.498</c:v>
                </c:pt>
                <c:pt idx="139">
                  <c:v>2400.692</c:v>
                </c:pt>
                <c:pt idx="140">
                  <c:v>2400.768</c:v>
                </c:pt>
                <c:pt idx="141">
                  <c:v>2322.7190000000001</c:v>
                </c:pt>
                <c:pt idx="142">
                  <c:v>2364.2909999999997</c:v>
                </c:pt>
                <c:pt idx="143">
                  <c:v>2400.0459999999998</c:v>
                </c:pt>
                <c:pt idx="144">
                  <c:v>2424.3650000000002</c:v>
                </c:pt>
                <c:pt idx="145">
                  <c:v>2469.5390000000002</c:v>
                </c:pt>
                <c:pt idx="146">
                  <c:v>2480.1280000000002</c:v>
                </c:pt>
                <c:pt idx="147">
                  <c:v>2480.8490000000006</c:v>
                </c:pt>
                <c:pt idx="148">
                  <c:v>2481.5700000000006</c:v>
                </c:pt>
                <c:pt idx="149">
                  <c:v>2482.2910000000006</c:v>
                </c:pt>
                <c:pt idx="150">
                  <c:v>2475.8030000000008</c:v>
                </c:pt>
                <c:pt idx="151">
                  <c:v>2435.6390000000006</c:v>
                </c:pt>
                <c:pt idx="152">
                  <c:v>2441.6459999999997</c:v>
                </c:pt>
                <c:pt idx="153">
                  <c:v>2514.357</c:v>
                </c:pt>
                <c:pt idx="154">
                  <c:v>2519.5080000000003</c:v>
                </c:pt>
                <c:pt idx="155">
                  <c:v>2497.7069999999999</c:v>
                </c:pt>
                <c:pt idx="156">
                  <c:v>2506</c:v>
                </c:pt>
                <c:pt idx="157">
                  <c:v>2471.9949999999999</c:v>
                </c:pt>
                <c:pt idx="158">
                  <c:v>2487.8999999999996</c:v>
                </c:pt>
                <c:pt idx="159">
                  <c:v>2492.0659999999998</c:v>
                </c:pt>
                <c:pt idx="160">
                  <c:v>2496.2319999999995</c:v>
                </c:pt>
                <c:pt idx="161">
                  <c:v>2500.3979999999997</c:v>
                </c:pt>
                <c:pt idx="162">
                  <c:v>2497.9419999999996</c:v>
                </c:pt>
                <c:pt idx="163">
                  <c:v>2523.3669999999997</c:v>
                </c:pt>
                <c:pt idx="164">
                  <c:v>2518.7489999999993</c:v>
                </c:pt>
                <c:pt idx="165">
                  <c:v>2549.0119999999997</c:v>
                </c:pt>
                <c:pt idx="166">
                  <c:v>2625.424</c:v>
                </c:pt>
                <c:pt idx="167">
                  <c:v>2574.5410000000002</c:v>
                </c:pt>
                <c:pt idx="168">
                  <c:v>2559.232</c:v>
                </c:pt>
                <c:pt idx="169">
                  <c:v>2574.1549999999997</c:v>
                </c:pt>
                <c:pt idx="170">
                  <c:v>2568.9899999999998</c:v>
                </c:pt>
                <c:pt idx="171">
                  <c:v>2564.5239999999999</c:v>
                </c:pt>
                <c:pt idx="172">
                  <c:v>2560.058</c:v>
                </c:pt>
                <c:pt idx="173">
                  <c:v>2555.5920000000001</c:v>
                </c:pt>
                <c:pt idx="174">
                  <c:v>2547.1259999999997</c:v>
                </c:pt>
                <c:pt idx="175">
                  <c:v>2579.9449999999997</c:v>
                </c:pt>
                <c:pt idx="176">
                  <c:v>2539.7849999999999</c:v>
                </c:pt>
                <c:pt idx="177">
                  <c:v>2483.3769999999995</c:v>
                </c:pt>
                <c:pt idx="178">
                  <c:v>2402.9209999999998</c:v>
                </c:pt>
                <c:pt idx="179">
                  <c:v>2396.085</c:v>
                </c:pt>
                <c:pt idx="180">
                  <c:v>2311.4470000000001</c:v>
                </c:pt>
                <c:pt idx="181">
                  <c:v>2258.8809999999999</c:v>
                </c:pt>
                <c:pt idx="182">
                  <c:v>2218.8269999999998</c:v>
                </c:pt>
                <c:pt idx="183">
                  <c:v>2216.7919999999999</c:v>
                </c:pt>
                <c:pt idx="184">
                  <c:v>2214.7570000000001</c:v>
                </c:pt>
                <c:pt idx="185">
                  <c:v>2212.7220000000002</c:v>
                </c:pt>
                <c:pt idx="186">
                  <c:v>2218.4690000000001</c:v>
                </c:pt>
                <c:pt idx="187">
                  <c:v>2185.8629999999998</c:v>
                </c:pt>
                <c:pt idx="188">
                  <c:v>2207.3899999999994</c:v>
                </c:pt>
                <c:pt idx="189">
                  <c:v>2216.0939999999996</c:v>
                </c:pt>
                <c:pt idx="190">
                  <c:v>2261.7040000000002</c:v>
                </c:pt>
                <c:pt idx="191">
                  <c:v>2264.2820000000002</c:v>
                </c:pt>
                <c:pt idx="192">
                  <c:v>2363.2069999999999</c:v>
                </c:pt>
                <c:pt idx="193">
                  <c:v>2407.0239999999999</c:v>
                </c:pt>
                <c:pt idx="194">
                  <c:v>2439.0859999999993</c:v>
                </c:pt>
                <c:pt idx="195">
                  <c:v>2435.6919999999996</c:v>
                </c:pt>
                <c:pt idx="196">
                  <c:v>2432.2979999999993</c:v>
                </c:pt>
                <c:pt idx="197">
                  <c:v>2428.9039999999991</c:v>
                </c:pt>
                <c:pt idx="198">
                  <c:v>2417.5899999999992</c:v>
                </c:pt>
                <c:pt idx="199">
                  <c:v>2410.9949999999994</c:v>
                </c:pt>
                <c:pt idx="200">
                  <c:v>2389.1589999999997</c:v>
                </c:pt>
                <c:pt idx="201">
                  <c:v>2347.6</c:v>
                </c:pt>
              </c:numCache>
            </c:numRef>
          </c:val>
        </c:ser>
        <c:ser>
          <c:idx val="1"/>
          <c:order val="1"/>
          <c:tx>
            <c:strRef>
              <c:f>'Residential USE Regn North'!$G$52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numRef>
              <c:f>'Residential USE Regn North'!$A$54:$A$255</c:f>
              <c:numCache>
                <c:formatCode>mmm\-yy</c:formatCode>
                <c:ptCount val="202"/>
                <c:pt idx="0">
                  <c:v>34759</c:v>
                </c:pt>
                <c:pt idx="1">
                  <c:v>34790</c:v>
                </c:pt>
                <c:pt idx="2">
                  <c:v>34820</c:v>
                </c:pt>
                <c:pt idx="3">
                  <c:v>34851</c:v>
                </c:pt>
                <c:pt idx="4">
                  <c:v>34881</c:v>
                </c:pt>
                <c:pt idx="5">
                  <c:v>34912</c:v>
                </c:pt>
                <c:pt idx="6">
                  <c:v>34943</c:v>
                </c:pt>
                <c:pt idx="7">
                  <c:v>34973</c:v>
                </c:pt>
                <c:pt idx="8">
                  <c:v>35004</c:v>
                </c:pt>
                <c:pt idx="9">
                  <c:v>35034</c:v>
                </c:pt>
                <c:pt idx="10">
                  <c:v>35065</c:v>
                </c:pt>
                <c:pt idx="11">
                  <c:v>35096</c:v>
                </c:pt>
                <c:pt idx="12">
                  <c:v>35125</c:v>
                </c:pt>
                <c:pt idx="13">
                  <c:v>35156</c:v>
                </c:pt>
                <c:pt idx="14">
                  <c:v>35186</c:v>
                </c:pt>
                <c:pt idx="15">
                  <c:v>35217</c:v>
                </c:pt>
                <c:pt idx="16">
                  <c:v>35247</c:v>
                </c:pt>
                <c:pt idx="17">
                  <c:v>35278</c:v>
                </c:pt>
                <c:pt idx="18">
                  <c:v>35309</c:v>
                </c:pt>
                <c:pt idx="19">
                  <c:v>35339</c:v>
                </c:pt>
                <c:pt idx="20">
                  <c:v>35370</c:v>
                </c:pt>
                <c:pt idx="21">
                  <c:v>35400</c:v>
                </c:pt>
                <c:pt idx="22">
                  <c:v>35431</c:v>
                </c:pt>
                <c:pt idx="23">
                  <c:v>35462</c:v>
                </c:pt>
                <c:pt idx="24">
                  <c:v>35490</c:v>
                </c:pt>
                <c:pt idx="25">
                  <c:v>35521</c:v>
                </c:pt>
                <c:pt idx="26">
                  <c:v>35551</c:v>
                </c:pt>
                <c:pt idx="27">
                  <c:v>35582</c:v>
                </c:pt>
                <c:pt idx="28">
                  <c:v>35612</c:v>
                </c:pt>
                <c:pt idx="29">
                  <c:v>35643</c:v>
                </c:pt>
                <c:pt idx="30">
                  <c:v>35674</c:v>
                </c:pt>
                <c:pt idx="31">
                  <c:v>35704</c:v>
                </c:pt>
                <c:pt idx="32">
                  <c:v>35735</c:v>
                </c:pt>
                <c:pt idx="33">
                  <c:v>35765</c:v>
                </c:pt>
                <c:pt idx="34">
                  <c:v>35796</c:v>
                </c:pt>
                <c:pt idx="35">
                  <c:v>35827</c:v>
                </c:pt>
                <c:pt idx="36">
                  <c:v>35855</c:v>
                </c:pt>
                <c:pt idx="37">
                  <c:v>35886</c:v>
                </c:pt>
                <c:pt idx="38">
                  <c:v>35916</c:v>
                </c:pt>
                <c:pt idx="39">
                  <c:v>35947</c:v>
                </c:pt>
                <c:pt idx="40">
                  <c:v>35977</c:v>
                </c:pt>
                <c:pt idx="41">
                  <c:v>36008</c:v>
                </c:pt>
                <c:pt idx="42">
                  <c:v>36039</c:v>
                </c:pt>
                <c:pt idx="43">
                  <c:v>36069</c:v>
                </c:pt>
                <c:pt idx="44">
                  <c:v>36100</c:v>
                </c:pt>
                <c:pt idx="45">
                  <c:v>36130</c:v>
                </c:pt>
                <c:pt idx="46">
                  <c:v>36161</c:v>
                </c:pt>
                <c:pt idx="47">
                  <c:v>36192</c:v>
                </c:pt>
                <c:pt idx="48">
                  <c:v>36220</c:v>
                </c:pt>
                <c:pt idx="49">
                  <c:v>36251</c:v>
                </c:pt>
                <c:pt idx="50">
                  <c:v>36281</c:v>
                </c:pt>
                <c:pt idx="51">
                  <c:v>36312</c:v>
                </c:pt>
                <c:pt idx="52">
                  <c:v>36342</c:v>
                </c:pt>
                <c:pt idx="53">
                  <c:v>36373</c:v>
                </c:pt>
                <c:pt idx="54">
                  <c:v>36404</c:v>
                </c:pt>
                <c:pt idx="55">
                  <c:v>36434</c:v>
                </c:pt>
                <c:pt idx="56">
                  <c:v>36465</c:v>
                </c:pt>
                <c:pt idx="57">
                  <c:v>36495</c:v>
                </c:pt>
                <c:pt idx="58">
                  <c:v>36526</c:v>
                </c:pt>
                <c:pt idx="59">
                  <c:v>36557</c:v>
                </c:pt>
                <c:pt idx="60">
                  <c:v>36586</c:v>
                </c:pt>
                <c:pt idx="61">
                  <c:v>36617</c:v>
                </c:pt>
                <c:pt idx="62">
                  <c:v>36647</c:v>
                </c:pt>
                <c:pt idx="63">
                  <c:v>36678</c:v>
                </c:pt>
                <c:pt idx="64">
                  <c:v>36708</c:v>
                </c:pt>
                <c:pt idx="65">
                  <c:v>36739</c:v>
                </c:pt>
                <c:pt idx="66">
                  <c:v>36770</c:v>
                </c:pt>
                <c:pt idx="67">
                  <c:v>36800</c:v>
                </c:pt>
                <c:pt idx="68">
                  <c:v>36831</c:v>
                </c:pt>
                <c:pt idx="69">
                  <c:v>36861</c:v>
                </c:pt>
                <c:pt idx="70">
                  <c:v>36892</c:v>
                </c:pt>
                <c:pt idx="71">
                  <c:v>36923</c:v>
                </c:pt>
                <c:pt idx="72">
                  <c:v>36951</c:v>
                </c:pt>
                <c:pt idx="73">
                  <c:v>36982</c:v>
                </c:pt>
                <c:pt idx="74">
                  <c:v>37012</c:v>
                </c:pt>
                <c:pt idx="75">
                  <c:v>37043</c:v>
                </c:pt>
                <c:pt idx="76">
                  <c:v>37073</c:v>
                </c:pt>
                <c:pt idx="77">
                  <c:v>37104</c:v>
                </c:pt>
                <c:pt idx="78">
                  <c:v>37135</c:v>
                </c:pt>
                <c:pt idx="79">
                  <c:v>37165</c:v>
                </c:pt>
                <c:pt idx="80">
                  <c:v>37196</c:v>
                </c:pt>
                <c:pt idx="81">
                  <c:v>37226</c:v>
                </c:pt>
                <c:pt idx="82">
                  <c:v>37257</c:v>
                </c:pt>
                <c:pt idx="83">
                  <c:v>37288</c:v>
                </c:pt>
                <c:pt idx="84">
                  <c:v>37316</c:v>
                </c:pt>
                <c:pt idx="85">
                  <c:v>37347</c:v>
                </c:pt>
                <c:pt idx="86">
                  <c:v>37377</c:v>
                </c:pt>
                <c:pt idx="87">
                  <c:v>37408</c:v>
                </c:pt>
                <c:pt idx="88">
                  <c:v>37438</c:v>
                </c:pt>
                <c:pt idx="89">
                  <c:v>37469</c:v>
                </c:pt>
                <c:pt idx="90">
                  <c:v>37500</c:v>
                </c:pt>
                <c:pt idx="91">
                  <c:v>37530</c:v>
                </c:pt>
                <c:pt idx="92">
                  <c:v>37561</c:v>
                </c:pt>
                <c:pt idx="93">
                  <c:v>37591</c:v>
                </c:pt>
                <c:pt idx="94">
                  <c:v>37622</c:v>
                </c:pt>
                <c:pt idx="95">
                  <c:v>37653</c:v>
                </c:pt>
                <c:pt idx="96">
                  <c:v>37681</c:v>
                </c:pt>
                <c:pt idx="97">
                  <c:v>37712</c:v>
                </c:pt>
                <c:pt idx="98">
                  <c:v>37742</c:v>
                </c:pt>
                <c:pt idx="99">
                  <c:v>37773</c:v>
                </c:pt>
                <c:pt idx="100">
                  <c:v>37803</c:v>
                </c:pt>
                <c:pt idx="101">
                  <c:v>37834</c:v>
                </c:pt>
                <c:pt idx="102">
                  <c:v>37865</c:v>
                </c:pt>
                <c:pt idx="103">
                  <c:v>37895</c:v>
                </c:pt>
                <c:pt idx="104">
                  <c:v>37926</c:v>
                </c:pt>
                <c:pt idx="105">
                  <c:v>37956</c:v>
                </c:pt>
                <c:pt idx="106">
                  <c:v>37987</c:v>
                </c:pt>
                <c:pt idx="107">
                  <c:v>38018</c:v>
                </c:pt>
                <c:pt idx="108">
                  <c:v>38047</c:v>
                </c:pt>
                <c:pt idx="109">
                  <c:v>38078</c:v>
                </c:pt>
                <c:pt idx="110">
                  <c:v>38108</c:v>
                </c:pt>
                <c:pt idx="111">
                  <c:v>38139</c:v>
                </c:pt>
                <c:pt idx="112">
                  <c:v>38169</c:v>
                </c:pt>
                <c:pt idx="113">
                  <c:v>38200</c:v>
                </c:pt>
                <c:pt idx="114">
                  <c:v>38231</c:v>
                </c:pt>
                <c:pt idx="115">
                  <c:v>38261</c:v>
                </c:pt>
                <c:pt idx="116">
                  <c:v>38292</c:v>
                </c:pt>
                <c:pt idx="117">
                  <c:v>38322</c:v>
                </c:pt>
                <c:pt idx="118">
                  <c:v>38353</c:v>
                </c:pt>
                <c:pt idx="119">
                  <c:v>38384</c:v>
                </c:pt>
                <c:pt idx="120">
                  <c:v>38412</c:v>
                </c:pt>
                <c:pt idx="121">
                  <c:v>38443</c:v>
                </c:pt>
                <c:pt idx="122">
                  <c:v>38473</c:v>
                </c:pt>
                <c:pt idx="123">
                  <c:v>38504</c:v>
                </c:pt>
                <c:pt idx="124">
                  <c:v>38534</c:v>
                </c:pt>
                <c:pt idx="125">
                  <c:v>38565</c:v>
                </c:pt>
                <c:pt idx="126">
                  <c:v>38596</c:v>
                </c:pt>
                <c:pt idx="127">
                  <c:v>38626</c:v>
                </c:pt>
                <c:pt idx="128">
                  <c:v>38657</c:v>
                </c:pt>
                <c:pt idx="129">
                  <c:v>38687</c:v>
                </c:pt>
                <c:pt idx="130">
                  <c:v>38718</c:v>
                </c:pt>
                <c:pt idx="131">
                  <c:v>38749</c:v>
                </c:pt>
                <c:pt idx="132">
                  <c:v>38777</c:v>
                </c:pt>
                <c:pt idx="133">
                  <c:v>38808</c:v>
                </c:pt>
                <c:pt idx="134">
                  <c:v>38838</c:v>
                </c:pt>
                <c:pt idx="135">
                  <c:v>38869</c:v>
                </c:pt>
                <c:pt idx="136">
                  <c:v>38899</c:v>
                </c:pt>
                <c:pt idx="137">
                  <c:v>38930</c:v>
                </c:pt>
                <c:pt idx="138">
                  <c:v>38961</c:v>
                </c:pt>
                <c:pt idx="139">
                  <c:v>38991</c:v>
                </c:pt>
                <c:pt idx="140">
                  <c:v>39022</c:v>
                </c:pt>
                <c:pt idx="141">
                  <c:v>39052</c:v>
                </c:pt>
                <c:pt idx="142">
                  <c:v>39083</c:v>
                </c:pt>
                <c:pt idx="143">
                  <c:v>39114</c:v>
                </c:pt>
                <c:pt idx="144">
                  <c:v>39142</c:v>
                </c:pt>
                <c:pt idx="145">
                  <c:v>39173</c:v>
                </c:pt>
                <c:pt idx="146">
                  <c:v>39203</c:v>
                </c:pt>
                <c:pt idx="147">
                  <c:v>39234</c:v>
                </c:pt>
                <c:pt idx="148">
                  <c:v>39264</c:v>
                </c:pt>
                <c:pt idx="149">
                  <c:v>39295</c:v>
                </c:pt>
                <c:pt idx="150">
                  <c:v>39326</c:v>
                </c:pt>
                <c:pt idx="151">
                  <c:v>39356</c:v>
                </c:pt>
                <c:pt idx="152">
                  <c:v>39387</c:v>
                </c:pt>
                <c:pt idx="153">
                  <c:v>39417</c:v>
                </c:pt>
                <c:pt idx="154">
                  <c:v>39448</c:v>
                </c:pt>
                <c:pt idx="155">
                  <c:v>39479</c:v>
                </c:pt>
                <c:pt idx="156">
                  <c:v>39508</c:v>
                </c:pt>
                <c:pt idx="157">
                  <c:v>39539</c:v>
                </c:pt>
                <c:pt idx="158">
                  <c:v>39569</c:v>
                </c:pt>
                <c:pt idx="159">
                  <c:v>39600</c:v>
                </c:pt>
                <c:pt idx="160">
                  <c:v>39630</c:v>
                </c:pt>
                <c:pt idx="161">
                  <c:v>39661</c:v>
                </c:pt>
                <c:pt idx="162">
                  <c:v>39692</c:v>
                </c:pt>
                <c:pt idx="163">
                  <c:v>39722</c:v>
                </c:pt>
                <c:pt idx="164">
                  <c:v>39753</c:v>
                </c:pt>
                <c:pt idx="165">
                  <c:v>39783</c:v>
                </c:pt>
                <c:pt idx="166">
                  <c:v>39814</c:v>
                </c:pt>
                <c:pt idx="167">
                  <c:v>39845</c:v>
                </c:pt>
                <c:pt idx="168">
                  <c:v>39873</c:v>
                </c:pt>
                <c:pt idx="169">
                  <c:v>39904</c:v>
                </c:pt>
                <c:pt idx="170">
                  <c:v>39934</c:v>
                </c:pt>
                <c:pt idx="171">
                  <c:v>39965</c:v>
                </c:pt>
                <c:pt idx="172">
                  <c:v>39995</c:v>
                </c:pt>
                <c:pt idx="173">
                  <c:v>40026</c:v>
                </c:pt>
                <c:pt idx="174">
                  <c:v>40057</c:v>
                </c:pt>
                <c:pt idx="175">
                  <c:v>40087</c:v>
                </c:pt>
                <c:pt idx="176">
                  <c:v>40118</c:v>
                </c:pt>
                <c:pt idx="177">
                  <c:v>40148</c:v>
                </c:pt>
                <c:pt idx="178">
                  <c:v>40179</c:v>
                </c:pt>
                <c:pt idx="179">
                  <c:v>40210</c:v>
                </c:pt>
                <c:pt idx="180">
                  <c:v>40238</c:v>
                </c:pt>
                <c:pt idx="181">
                  <c:v>40269</c:v>
                </c:pt>
                <c:pt idx="182">
                  <c:v>40299</c:v>
                </c:pt>
                <c:pt idx="183">
                  <c:v>40330</c:v>
                </c:pt>
                <c:pt idx="184">
                  <c:v>40360</c:v>
                </c:pt>
                <c:pt idx="185">
                  <c:v>40391</c:v>
                </c:pt>
                <c:pt idx="186">
                  <c:v>40422</c:v>
                </c:pt>
                <c:pt idx="187">
                  <c:v>40452</c:v>
                </c:pt>
                <c:pt idx="188">
                  <c:v>40483</c:v>
                </c:pt>
                <c:pt idx="189">
                  <c:v>40513</c:v>
                </c:pt>
                <c:pt idx="190">
                  <c:v>40544</c:v>
                </c:pt>
                <c:pt idx="191">
                  <c:v>40575</c:v>
                </c:pt>
                <c:pt idx="192">
                  <c:v>40603</c:v>
                </c:pt>
                <c:pt idx="193">
                  <c:v>40634</c:v>
                </c:pt>
                <c:pt idx="194">
                  <c:v>40664</c:v>
                </c:pt>
                <c:pt idx="195">
                  <c:v>40695</c:v>
                </c:pt>
                <c:pt idx="196">
                  <c:v>40725</c:v>
                </c:pt>
                <c:pt idx="197">
                  <c:v>40756</c:v>
                </c:pt>
                <c:pt idx="198">
                  <c:v>40787</c:v>
                </c:pt>
                <c:pt idx="199">
                  <c:v>40817</c:v>
                </c:pt>
                <c:pt idx="200">
                  <c:v>40848</c:v>
                </c:pt>
                <c:pt idx="201">
                  <c:v>40878</c:v>
                </c:pt>
              </c:numCache>
            </c:numRef>
          </c:cat>
          <c:val>
            <c:numRef>
              <c:f>'Residential USE Regn North'!$G$54:$G$255</c:f>
              <c:numCache>
                <c:formatCode>_-* #,##0_-;\-* #,##0_-;_-* "-"??_-;_-@_-</c:formatCode>
                <c:ptCount val="202"/>
                <c:pt idx="0">
                  <c:v>2914.2370000000001</c:v>
                </c:pt>
                <c:pt idx="1">
                  <c:v>2935.3449999999998</c:v>
                </c:pt>
                <c:pt idx="2">
                  <c:v>2927.2069999999999</c:v>
                </c:pt>
                <c:pt idx="3">
                  <c:v>2925.7709999999997</c:v>
                </c:pt>
                <c:pt idx="4">
                  <c:v>2924.741</c:v>
                </c:pt>
                <c:pt idx="5">
                  <c:v>2923.3490000000002</c:v>
                </c:pt>
                <c:pt idx="6">
                  <c:v>2958.2880000000005</c:v>
                </c:pt>
                <c:pt idx="7">
                  <c:v>2964.3399999999997</c:v>
                </c:pt>
                <c:pt idx="8">
                  <c:v>3078.7389999999996</c:v>
                </c:pt>
                <c:pt idx="9">
                  <c:v>3177.46</c:v>
                </c:pt>
                <c:pt idx="10">
                  <c:v>3264.7540000000004</c:v>
                </c:pt>
                <c:pt idx="11">
                  <c:v>3221.4279999999999</c:v>
                </c:pt>
                <c:pt idx="12">
                  <c:v>3285.7859999999996</c:v>
                </c:pt>
                <c:pt idx="13">
                  <c:v>3288.9779999999996</c:v>
                </c:pt>
                <c:pt idx="14">
                  <c:v>3306.7269999999999</c:v>
                </c:pt>
                <c:pt idx="15">
                  <c:v>3305.6269999999995</c:v>
                </c:pt>
                <c:pt idx="16">
                  <c:v>3303.9679999999994</c:v>
                </c:pt>
                <c:pt idx="17">
                  <c:v>3302.6369999999997</c:v>
                </c:pt>
                <c:pt idx="18">
                  <c:v>3264.9149999999995</c:v>
                </c:pt>
                <c:pt idx="19">
                  <c:v>3274.3519999999994</c:v>
                </c:pt>
                <c:pt idx="20">
                  <c:v>3210.6629999999996</c:v>
                </c:pt>
                <c:pt idx="21">
                  <c:v>3144.3519999999999</c:v>
                </c:pt>
                <c:pt idx="22">
                  <c:v>3129.4360000000006</c:v>
                </c:pt>
                <c:pt idx="23">
                  <c:v>3094.0729999999999</c:v>
                </c:pt>
                <c:pt idx="24">
                  <c:v>3078.2939999999999</c:v>
                </c:pt>
                <c:pt idx="25">
                  <c:v>3051.527</c:v>
                </c:pt>
                <c:pt idx="26">
                  <c:v>3064.3530000000001</c:v>
                </c:pt>
                <c:pt idx="27">
                  <c:v>3062.7809999999995</c:v>
                </c:pt>
                <c:pt idx="28">
                  <c:v>3060.7799999999997</c:v>
                </c:pt>
                <c:pt idx="29">
                  <c:v>3059.3160000000003</c:v>
                </c:pt>
                <c:pt idx="30">
                  <c:v>3080.2710000000002</c:v>
                </c:pt>
                <c:pt idx="31">
                  <c:v>3077.134</c:v>
                </c:pt>
                <c:pt idx="32">
                  <c:v>3058.7060000000001</c:v>
                </c:pt>
                <c:pt idx="33">
                  <c:v>3018.3550000000005</c:v>
                </c:pt>
                <c:pt idx="34">
                  <c:v>2950.1080000000002</c:v>
                </c:pt>
                <c:pt idx="35">
                  <c:v>2860.7980000000002</c:v>
                </c:pt>
                <c:pt idx="36">
                  <c:v>2807.4339999999997</c:v>
                </c:pt>
                <c:pt idx="37">
                  <c:v>2761.9969999999998</c:v>
                </c:pt>
                <c:pt idx="38">
                  <c:v>2690.4759999999997</c:v>
                </c:pt>
                <c:pt idx="39">
                  <c:v>2689.904</c:v>
                </c:pt>
                <c:pt idx="40">
                  <c:v>2689.7019999999998</c:v>
                </c:pt>
                <c:pt idx="41">
                  <c:v>2688.317</c:v>
                </c:pt>
                <c:pt idx="42">
                  <c:v>2664.6680000000001</c:v>
                </c:pt>
                <c:pt idx="43">
                  <c:v>2651.5</c:v>
                </c:pt>
                <c:pt idx="44">
                  <c:v>2617.5720000000001</c:v>
                </c:pt>
                <c:pt idx="45">
                  <c:v>2641.703</c:v>
                </c:pt>
                <c:pt idx="46">
                  <c:v>2690.6259999999993</c:v>
                </c:pt>
                <c:pt idx="47">
                  <c:v>2723.1309999999999</c:v>
                </c:pt>
                <c:pt idx="48">
                  <c:v>2734.0079999999998</c:v>
                </c:pt>
                <c:pt idx="49">
                  <c:v>2740.6680000000006</c:v>
                </c:pt>
                <c:pt idx="50">
                  <c:v>2746.6370000000002</c:v>
                </c:pt>
                <c:pt idx="51">
                  <c:v>2743.9880000000003</c:v>
                </c:pt>
                <c:pt idx="52">
                  <c:v>2741.857</c:v>
                </c:pt>
                <c:pt idx="53">
                  <c:v>2739.9940000000001</c:v>
                </c:pt>
                <c:pt idx="54">
                  <c:v>2738.422</c:v>
                </c:pt>
                <c:pt idx="55">
                  <c:v>2754.8270000000002</c:v>
                </c:pt>
                <c:pt idx="56">
                  <c:v>2737.7370000000001</c:v>
                </c:pt>
                <c:pt idx="57">
                  <c:v>2738.4970000000003</c:v>
                </c:pt>
                <c:pt idx="58">
                  <c:v>2725.3450000000007</c:v>
                </c:pt>
                <c:pt idx="59">
                  <c:v>2740.8330000000001</c:v>
                </c:pt>
                <c:pt idx="60">
                  <c:v>2684.2809999999999</c:v>
                </c:pt>
                <c:pt idx="61">
                  <c:v>2703.5730000000003</c:v>
                </c:pt>
                <c:pt idx="62">
                  <c:v>2718.6620000000003</c:v>
                </c:pt>
                <c:pt idx="63">
                  <c:v>2716.6080000000006</c:v>
                </c:pt>
                <c:pt idx="64">
                  <c:v>2713.1120000000005</c:v>
                </c:pt>
                <c:pt idx="65">
                  <c:v>2711.8720000000003</c:v>
                </c:pt>
                <c:pt idx="66">
                  <c:v>2734.9890000000005</c:v>
                </c:pt>
                <c:pt idx="67">
                  <c:v>2713.8210000000004</c:v>
                </c:pt>
                <c:pt idx="68">
                  <c:v>2730.5769999999998</c:v>
                </c:pt>
                <c:pt idx="69">
                  <c:v>2819.68</c:v>
                </c:pt>
                <c:pt idx="70">
                  <c:v>2760.8760000000002</c:v>
                </c:pt>
                <c:pt idx="71">
                  <c:v>2786.3629999999998</c:v>
                </c:pt>
                <c:pt idx="72">
                  <c:v>2837.9320000000002</c:v>
                </c:pt>
                <c:pt idx="73">
                  <c:v>2813.7200000000003</c:v>
                </c:pt>
                <c:pt idx="74">
                  <c:v>2790.855</c:v>
                </c:pt>
                <c:pt idx="75">
                  <c:v>2787.9510000000005</c:v>
                </c:pt>
                <c:pt idx="76">
                  <c:v>2787.9850000000006</c:v>
                </c:pt>
                <c:pt idx="77">
                  <c:v>2785.09</c:v>
                </c:pt>
                <c:pt idx="78">
                  <c:v>2799.8090000000002</c:v>
                </c:pt>
                <c:pt idx="79">
                  <c:v>2799.6460000000002</c:v>
                </c:pt>
                <c:pt idx="80">
                  <c:v>2760.9830000000002</c:v>
                </c:pt>
                <c:pt idx="81">
                  <c:v>2625.8789999999999</c:v>
                </c:pt>
                <c:pt idx="82">
                  <c:v>2604.1210000000001</c:v>
                </c:pt>
                <c:pt idx="83">
                  <c:v>2562.71</c:v>
                </c:pt>
                <c:pt idx="84">
                  <c:v>2585.538</c:v>
                </c:pt>
                <c:pt idx="85">
                  <c:v>2605.5789999999997</c:v>
                </c:pt>
                <c:pt idx="86">
                  <c:v>2650.2580000000003</c:v>
                </c:pt>
                <c:pt idx="87">
                  <c:v>2650.1669999999999</c:v>
                </c:pt>
                <c:pt idx="88">
                  <c:v>2648.2499999999995</c:v>
                </c:pt>
                <c:pt idx="89">
                  <c:v>2648.1890000000003</c:v>
                </c:pt>
                <c:pt idx="90">
                  <c:v>2605.3970000000004</c:v>
                </c:pt>
                <c:pt idx="91">
                  <c:v>2633.7560000000003</c:v>
                </c:pt>
                <c:pt idx="92">
                  <c:v>2701.3410000000003</c:v>
                </c:pt>
                <c:pt idx="93">
                  <c:v>2734.3969999999999</c:v>
                </c:pt>
                <c:pt idx="94">
                  <c:v>2856.0920000000001</c:v>
                </c:pt>
                <c:pt idx="95">
                  <c:v>2932.7429999999999</c:v>
                </c:pt>
                <c:pt idx="96">
                  <c:v>2916.2060000000001</c:v>
                </c:pt>
                <c:pt idx="97">
                  <c:v>2927.68</c:v>
                </c:pt>
                <c:pt idx="98">
                  <c:v>2890.4800000000005</c:v>
                </c:pt>
                <c:pt idx="99">
                  <c:v>2887.1229999999996</c:v>
                </c:pt>
                <c:pt idx="100">
                  <c:v>2884.9830000000002</c:v>
                </c:pt>
                <c:pt idx="101">
                  <c:v>2883.0949999999998</c:v>
                </c:pt>
                <c:pt idx="102">
                  <c:v>2881.2959999999998</c:v>
                </c:pt>
                <c:pt idx="103">
                  <c:v>2854.8979999999997</c:v>
                </c:pt>
                <c:pt idx="104">
                  <c:v>2813.0139999999997</c:v>
                </c:pt>
                <c:pt idx="105">
                  <c:v>2805.0419999999999</c:v>
                </c:pt>
                <c:pt idx="106">
                  <c:v>2823.364</c:v>
                </c:pt>
                <c:pt idx="107">
                  <c:v>2752.3990000000003</c:v>
                </c:pt>
                <c:pt idx="108">
                  <c:v>2712.0390000000002</c:v>
                </c:pt>
                <c:pt idx="109">
                  <c:v>2697.0750000000003</c:v>
                </c:pt>
                <c:pt idx="110">
                  <c:v>2717.18</c:v>
                </c:pt>
                <c:pt idx="111">
                  <c:v>2716.634</c:v>
                </c:pt>
                <c:pt idx="112">
                  <c:v>2715.3030000000003</c:v>
                </c:pt>
                <c:pt idx="113">
                  <c:v>2714.1990000000001</c:v>
                </c:pt>
                <c:pt idx="114">
                  <c:v>2712.6580000000004</c:v>
                </c:pt>
                <c:pt idx="115">
                  <c:v>2697.884</c:v>
                </c:pt>
                <c:pt idx="116">
                  <c:v>2687.9339999999997</c:v>
                </c:pt>
                <c:pt idx="117">
                  <c:v>2739.8989999999999</c:v>
                </c:pt>
                <c:pt idx="118">
                  <c:v>2679.848</c:v>
                </c:pt>
                <c:pt idx="119">
                  <c:v>2666.1079999999997</c:v>
                </c:pt>
                <c:pt idx="120">
                  <c:v>2699.3159999999998</c:v>
                </c:pt>
                <c:pt idx="121">
                  <c:v>2661.4060000000004</c:v>
                </c:pt>
                <c:pt idx="122">
                  <c:v>2645.3650000000002</c:v>
                </c:pt>
                <c:pt idx="123">
                  <c:v>2644.9839999999999</c:v>
                </c:pt>
                <c:pt idx="124">
                  <c:v>2644.125</c:v>
                </c:pt>
                <c:pt idx="125">
                  <c:v>2642.5880000000006</c:v>
                </c:pt>
                <c:pt idx="126">
                  <c:v>2641.739</c:v>
                </c:pt>
                <c:pt idx="127">
                  <c:v>2631.3340000000003</c:v>
                </c:pt>
                <c:pt idx="128">
                  <c:v>2642.2080000000001</c:v>
                </c:pt>
                <c:pt idx="129">
                  <c:v>2614.0260000000003</c:v>
                </c:pt>
                <c:pt idx="130">
                  <c:v>2490.6060000000002</c:v>
                </c:pt>
                <c:pt idx="131">
                  <c:v>2516.8149999999996</c:v>
                </c:pt>
                <c:pt idx="132">
                  <c:v>2470.9459999999999</c:v>
                </c:pt>
                <c:pt idx="133">
                  <c:v>2454.8040000000001</c:v>
                </c:pt>
                <c:pt idx="134">
                  <c:v>2428.7629999999999</c:v>
                </c:pt>
                <c:pt idx="135">
                  <c:v>2426.1109999999999</c:v>
                </c:pt>
                <c:pt idx="136">
                  <c:v>2424.547</c:v>
                </c:pt>
                <c:pt idx="137">
                  <c:v>2422.7629999999999</c:v>
                </c:pt>
                <c:pt idx="138">
                  <c:v>2430.451</c:v>
                </c:pt>
                <c:pt idx="139">
                  <c:v>2447.9310000000005</c:v>
                </c:pt>
                <c:pt idx="140">
                  <c:v>2419.0530000000003</c:v>
                </c:pt>
                <c:pt idx="141">
                  <c:v>2344.9</c:v>
                </c:pt>
                <c:pt idx="142">
                  <c:v>2392.0819999999999</c:v>
                </c:pt>
                <c:pt idx="143">
                  <c:v>2427.4209999999998</c:v>
                </c:pt>
                <c:pt idx="144">
                  <c:v>2438.1400000000003</c:v>
                </c:pt>
                <c:pt idx="145">
                  <c:v>2472.3389999999995</c:v>
                </c:pt>
                <c:pt idx="146">
                  <c:v>2478.3919999999998</c:v>
                </c:pt>
                <c:pt idx="147">
                  <c:v>2477.3289999999997</c:v>
                </c:pt>
                <c:pt idx="148">
                  <c:v>2476.433</c:v>
                </c:pt>
                <c:pt idx="149">
                  <c:v>2475.3780000000002</c:v>
                </c:pt>
                <c:pt idx="150">
                  <c:v>2464.6029999999996</c:v>
                </c:pt>
                <c:pt idx="151">
                  <c:v>2423.5899999999992</c:v>
                </c:pt>
                <c:pt idx="152">
                  <c:v>2455.5729999999999</c:v>
                </c:pt>
                <c:pt idx="153">
                  <c:v>2524.6390000000001</c:v>
                </c:pt>
                <c:pt idx="154">
                  <c:v>2507.9010000000003</c:v>
                </c:pt>
                <c:pt idx="155">
                  <c:v>2481.6049999999996</c:v>
                </c:pt>
                <c:pt idx="156">
                  <c:v>2511.3599999999997</c:v>
                </c:pt>
                <c:pt idx="157">
                  <c:v>2479.9840000000004</c:v>
                </c:pt>
                <c:pt idx="158">
                  <c:v>2497.5499999999997</c:v>
                </c:pt>
                <c:pt idx="159">
                  <c:v>2496.2429999999995</c:v>
                </c:pt>
                <c:pt idx="160">
                  <c:v>2493.9120000000003</c:v>
                </c:pt>
                <c:pt idx="161">
                  <c:v>2491.9609999999998</c:v>
                </c:pt>
                <c:pt idx="162">
                  <c:v>2489.9379999999996</c:v>
                </c:pt>
                <c:pt idx="163">
                  <c:v>2511.7139999999999</c:v>
                </c:pt>
                <c:pt idx="164">
                  <c:v>2492.2620000000006</c:v>
                </c:pt>
                <c:pt idx="165">
                  <c:v>2516.2860000000001</c:v>
                </c:pt>
                <c:pt idx="166">
                  <c:v>2599.9670000000001</c:v>
                </c:pt>
                <c:pt idx="167">
                  <c:v>2562.7230000000004</c:v>
                </c:pt>
                <c:pt idx="168">
                  <c:v>2524.0650000000001</c:v>
                </c:pt>
                <c:pt idx="169">
                  <c:v>2537.1589999999997</c:v>
                </c:pt>
                <c:pt idx="170">
                  <c:v>2530.0940000000001</c:v>
                </c:pt>
                <c:pt idx="171">
                  <c:v>2529.1989999999996</c:v>
                </c:pt>
                <c:pt idx="172">
                  <c:v>2528.4729999999995</c:v>
                </c:pt>
                <c:pt idx="173">
                  <c:v>2527.6579999999994</c:v>
                </c:pt>
                <c:pt idx="174">
                  <c:v>2527.2939999999999</c:v>
                </c:pt>
                <c:pt idx="175">
                  <c:v>2537.9869999999996</c:v>
                </c:pt>
                <c:pt idx="176">
                  <c:v>2492.306</c:v>
                </c:pt>
                <c:pt idx="177">
                  <c:v>2458.971</c:v>
                </c:pt>
                <c:pt idx="178">
                  <c:v>2391.4490000000001</c:v>
                </c:pt>
                <c:pt idx="179">
                  <c:v>2376.578</c:v>
                </c:pt>
                <c:pt idx="180">
                  <c:v>2310.6859999999997</c:v>
                </c:pt>
                <c:pt idx="181">
                  <c:v>2270.076</c:v>
                </c:pt>
                <c:pt idx="182">
                  <c:v>2235.636</c:v>
                </c:pt>
                <c:pt idx="183">
                  <c:v>2236.1329999999998</c:v>
                </c:pt>
                <c:pt idx="184">
                  <c:v>2236.0059999999999</c:v>
                </c:pt>
                <c:pt idx="185">
                  <c:v>2234.578</c:v>
                </c:pt>
                <c:pt idx="186">
                  <c:v>2231.3109999999997</c:v>
                </c:pt>
                <c:pt idx="187">
                  <c:v>2209.453</c:v>
                </c:pt>
                <c:pt idx="188">
                  <c:v>2234.5659999999998</c:v>
                </c:pt>
                <c:pt idx="189">
                  <c:v>2222.9189999999999</c:v>
                </c:pt>
                <c:pt idx="190">
                  <c:v>2271.4409999999998</c:v>
                </c:pt>
                <c:pt idx="191">
                  <c:v>2283.9570000000003</c:v>
                </c:pt>
                <c:pt idx="192">
                  <c:v>2362.1890000000003</c:v>
                </c:pt>
                <c:pt idx="193">
                  <c:v>2403.482</c:v>
                </c:pt>
                <c:pt idx="194">
                  <c:v>2410.0590000000002</c:v>
                </c:pt>
                <c:pt idx="195">
                  <c:v>2407.2120000000004</c:v>
                </c:pt>
                <c:pt idx="196">
                  <c:v>2404.7620000000002</c:v>
                </c:pt>
                <c:pt idx="197">
                  <c:v>2403.1340000000005</c:v>
                </c:pt>
                <c:pt idx="198">
                  <c:v>2403.2580000000007</c:v>
                </c:pt>
                <c:pt idx="199">
                  <c:v>2387.0330000000004</c:v>
                </c:pt>
                <c:pt idx="200">
                  <c:v>2367.6089999999995</c:v>
                </c:pt>
                <c:pt idx="201">
                  <c:v>2328.6689999999999</c:v>
                </c:pt>
              </c:numCache>
            </c:numRef>
          </c:val>
        </c:ser>
        <c:marker val="1"/>
        <c:axId val="47091072"/>
        <c:axId val="127022592"/>
      </c:lineChart>
      <c:dateAx>
        <c:axId val="47091072"/>
        <c:scaling>
          <c:orientation val="minMax"/>
        </c:scaling>
        <c:axPos val="b"/>
        <c:numFmt formatCode="mmm\-yy" sourceLinked="1"/>
        <c:tickLblPos val="nextTo"/>
        <c:crossAx val="127022592"/>
        <c:crosses val="autoZero"/>
        <c:auto val="1"/>
        <c:lblOffset val="100"/>
      </c:dateAx>
      <c:valAx>
        <c:axId val="127022592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</c:title>
        <c:numFmt formatCode="_-* #,##0_-;\-* #,##0_-;_-* &quot;-&quot;??_-;_-@_-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7091072"/>
        <c:crosses val="autoZero"/>
        <c:crossBetween val="between"/>
      </c:valAx>
    </c:plotArea>
    <c:legend>
      <c:legendPos val="b"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55" l="0.70000000000000062" r="0.70000000000000062" t="0.75000000000000155" header="0.30000000000000032" footer="0.30000000000000032"/>
    <c:pageSetup/>
  </c:printSettings>
</c:chartSpace>
</file>

<file path=xl/charts/chart2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Greenhouse Contract Market Regression
Actual and Predicted Volume 10³m³
</a:t>
            </a:r>
          </a:p>
        </c:rich>
      </c:tx>
      <c:layout/>
      <c:overlay val="1"/>
    </c:title>
    <c:plotArea>
      <c:layout>
        <c:manualLayout>
          <c:layoutTarget val="inner"/>
          <c:xMode val="edge"/>
          <c:yMode val="edge"/>
          <c:x val="8.984245785076761E-2"/>
          <c:y val="0.11720556886161969"/>
          <c:w val="0.78425088125208187"/>
          <c:h val="0.71929540885477272"/>
        </c:manualLayout>
      </c:layout>
      <c:lineChart>
        <c:grouping val="standard"/>
        <c:ser>
          <c:idx val="0"/>
          <c:order val="0"/>
          <c:tx>
            <c:strRef>
              <c:f>'Green House Contract Mkt'!$D$44</c:f>
              <c:strCache>
                <c:ptCount val="1"/>
                <c:pt idx="0">
                  <c:v>Actual</c:v>
                </c:pt>
              </c:strCache>
            </c:strRef>
          </c:tx>
          <c:marker>
            <c:symbol val="none"/>
          </c:marker>
          <c:cat>
            <c:strRef>
              <c:f>'Green House Contract Mkt'!$C$45:$C$172</c:f>
              <c:strCache>
                <c:ptCount val="128"/>
                <c:pt idx="0">
                  <c:v>May</c:v>
                </c:pt>
                <c:pt idx="1">
                  <c:v>June </c:v>
                </c:pt>
                <c:pt idx="2">
                  <c:v>July</c:v>
                </c:pt>
                <c:pt idx="3">
                  <c:v>August</c:v>
                </c:pt>
                <c:pt idx="4">
                  <c:v>September</c:v>
                </c:pt>
                <c:pt idx="5">
                  <c:v>October</c:v>
                </c:pt>
                <c:pt idx="6">
                  <c:v>November</c:v>
                </c:pt>
                <c:pt idx="7">
                  <c:v>December</c:v>
                </c:pt>
                <c:pt idx="8">
                  <c:v>January</c:v>
                </c:pt>
                <c:pt idx="9">
                  <c:v>February</c:v>
                </c:pt>
                <c:pt idx="10">
                  <c:v>March</c:v>
                </c:pt>
                <c:pt idx="11">
                  <c:v>April</c:v>
                </c:pt>
                <c:pt idx="12">
                  <c:v>May</c:v>
                </c:pt>
                <c:pt idx="13">
                  <c:v>June</c:v>
                </c:pt>
                <c:pt idx="14">
                  <c:v>July</c:v>
                </c:pt>
                <c:pt idx="15">
                  <c:v>August</c:v>
                </c:pt>
                <c:pt idx="16">
                  <c:v>September</c:v>
                </c:pt>
                <c:pt idx="17">
                  <c:v>October</c:v>
                </c:pt>
                <c:pt idx="18">
                  <c:v>November</c:v>
                </c:pt>
                <c:pt idx="19">
                  <c:v>December</c:v>
                </c:pt>
                <c:pt idx="20">
                  <c:v>January</c:v>
                </c:pt>
                <c:pt idx="21">
                  <c:v>February</c:v>
                </c:pt>
                <c:pt idx="22">
                  <c:v>March</c:v>
                </c:pt>
                <c:pt idx="23">
                  <c:v>April</c:v>
                </c:pt>
                <c:pt idx="24">
                  <c:v>May</c:v>
                </c:pt>
                <c:pt idx="25">
                  <c:v>June</c:v>
                </c:pt>
                <c:pt idx="26">
                  <c:v>July</c:v>
                </c:pt>
                <c:pt idx="27">
                  <c:v>August</c:v>
                </c:pt>
                <c:pt idx="28">
                  <c:v>September</c:v>
                </c:pt>
                <c:pt idx="29">
                  <c:v>October</c:v>
                </c:pt>
                <c:pt idx="30">
                  <c:v>November</c:v>
                </c:pt>
                <c:pt idx="31">
                  <c:v>December</c:v>
                </c:pt>
                <c:pt idx="32">
                  <c:v>January</c:v>
                </c:pt>
                <c:pt idx="33">
                  <c:v>February</c:v>
                </c:pt>
                <c:pt idx="34">
                  <c:v>March</c:v>
                </c:pt>
                <c:pt idx="35">
                  <c:v>April</c:v>
                </c:pt>
                <c:pt idx="36">
                  <c:v>May</c:v>
                </c:pt>
                <c:pt idx="37">
                  <c:v>June</c:v>
                </c:pt>
                <c:pt idx="38">
                  <c:v>July</c:v>
                </c:pt>
                <c:pt idx="39">
                  <c:v>August</c:v>
                </c:pt>
                <c:pt idx="40">
                  <c:v>September</c:v>
                </c:pt>
                <c:pt idx="41">
                  <c:v>October</c:v>
                </c:pt>
                <c:pt idx="42">
                  <c:v>November</c:v>
                </c:pt>
                <c:pt idx="43">
                  <c:v>December</c:v>
                </c:pt>
                <c:pt idx="44">
                  <c:v>January</c:v>
                </c:pt>
                <c:pt idx="45">
                  <c:v>February</c:v>
                </c:pt>
                <c:pt idx="46">
                  <c:v>March</c:v>
                </c:pt>
                <c:pt idx="47">
                  <c:v>April</c:v>
                </c:pt>
                <c:pt idx="48">
                  <c:v>May</c:v>
                </c:pt>
                <c:pt idx="49">
                  <c:v>June</c:v>
                </c:pt>
                <c:pt idx="50">
                  <c:v>July</c:v>
                </c:pt>
                <c:pt idx="51">
                  <c:v>August</c:v>
                </c:pt>
                <c:pt idx="52">
                  <c:v>September</c:v>
                </c:pt>
                <c:pt idx="53">
                  <c:v>October</c:v>
                </c:pt>
                <c:pt idx="54">
                  <c:v>November</c:v>
                </c:pt>
                <c:pt idx="55">
                  <c:v>December</c:v>
                </c:pt>
                <c:pt idx="56">
                  <c:v>January</c:v>
                </c:pt>
                <c:pt idx="57">
                  <c:v>February</c:v>
                </c:pt>
                <c:pt idx="58">
                  <c:v>March</c:v>
                </c:pt>
                <c:pt idx="59">
                  <c:v>April</c:v>
                </c:pt>
                <c:pt idx="60">
                  <c:v>May</c:v>
                </c:pt>
                <c:pt idx="61">
                  <c:v>June</c:v>
                </c:pt>
                <c:pt idx="62">
                  <c:v>July</c:v>
                </c:pt>
                <c:pt idx="63">
                  <c:v>August</c:v>
                </c:pt>
                <c:pt idx="64">
                  <c:v>September</c:v>
                </c:pt>
                <c:pt idx="65">
                  <c:v>October</c:v>
                </c:pt>
                <c:pt idx="66">
                  <c:v>November</c:v>
                </c:pt>
                <c:pt idx="67">
                  <c:v>December</c:v>
                </c:pt>
                <c:pt idx="68">
                  <c:v>January</c:v>
                </c:pt>
                <c:pt idx="69">
                  <c:v>February</c:v>
                </c:pt>
                <c:pt idx="70">
                  <c:v>March</c:v>
                </c:pt>
                <c:pt idx="71">
                  <c:v>April</c:v>
                </c:pt>
                <c:pt idx="72">
                  <c:v>May</c:v>
                </c:pt>
                <c:pt idx="73">
                  <c:v>June</c:v>
                </c:pt>
                <c:pt idx="74">
                  <c:v>July</c:v>
                </c:pt>
                <c:pt idx="75">
                  <c:v>August</c:v>
                </c:pt>
                <c:pt idx="76">
                  <c:v>September</c:v>
                </c:pt>
                <c:pt idx="77">
                  <c:v>October</c:v>
                </c:pt>
                <c:pt idx="78">
                  <c:v>November</c:v>
                </c:pt>
                <c:pt idx="79">
                  <c:v>December</c:v>
                </c:pt>
                <c:pt idx="80">
                  <c:v>January</c:v>
                </c:pt>
                <c:pt idx="81">
                  <c:v>February</c:v>
                </c:pt>
                <c:pt idx="82">
                  <c:v>March</c:v>
                </c:pt>
                <c:pt idx="83">
                  <c:v>April</c:v>
                </c:pt>
                <c:pt idx="84">
                  <c:v>May</c:v>
                </c:pt>
                <c:pt idx="85">
                  <c:v>June</c:v>
                </c:pt>
                <c:pt idx="86">
                  <c:v>July</c:v>
                </c:pt>
                <c:pt idx="87">
                  <c:v>August</c:v>
                </c:pt>
                <c:pt idx="88">
                  <c:v>September</c:v>
                </c:pt>
                <c:pt idx="89">
                  <c:v>October</c:v>
                </c:pt>
                <c:pt idx="90">
                  <c:v>November</c:v>
                </c:pt>
                <c:pt idx="91">
                  <c:v>December</c:v>
                </c:pt>
                <c:pt idx="92">
                  <c:v>January</c:v>
                </c:pt>
                <c:pt idx="93">
                  <c:v>February</c:v>
                </c:pt>
                <c:pt idx="94">
                  <c:v>March</c:v>
                </c:pt>
                <c:pt idx="95">
                  <c:v>April</c:v>
                </c:pt>
                <c:pt idx="96">
                  <c:v>May</c:v>
                </c:pt>
                <c:pt idx="97">
                  <c:v>June</c:v>
                </c:pt>
                <c:pt idx="98">
                  <c:v>July</c:v>
                </c:pt>
                <c:pt idx="99">
                  <c:v>August</c:v>
                </c:pt>
                <c:pt idx="100">
                  <c:v>September</c:v>
                </c:pt>
                <c:pt idx="101">
                  <c:v>October</c:v>
                </c:pt>
                <c:pt idx="102">
                  <c:v>November</c:v>
                </c:pt>
                <c:pt idx="103">
                  <c:v>December</c:v>
                </c:pt>
                <c:pt idx="104">
                  <c:v>January</c:v>
                </c:pt>
                <c:pt idx="105">
                  <c:v>February</c:v>
                </c:pt>
                <c:pt idx="106">
                  <c:v>March</c:v>
                </c:pt>
                <c:pt idx="107">
                  <c:v>April</c:v>
                </c:pt>
                <c:pt idx="108">
                  <c:v>May</c:v>
                </c:pt>
                <c:pt idx="109">
                  <c:v>June</c:v>
                </c:pt>
                <c:pt idx="110">
                  <c:v>July</c:v>
                </c:pt>
                <c:pt idx="111">
                  <c:v>August</c:v>
                </c:pt>
                <c:pt idx="112">
                  <c:v>September</c:v>
                </c:pt>
                <c:pt idx="113">
                  <c:v>October</c:v>
                </c:pt>
                <c:pt idx="114">
                  <c:v>November</c:v>
                </c:pt>
                <c:pt idx="115">
                  <c:v>December</c:v>
                </c:pt>
                <c:pt idx="116">
                  <c:v>January</c:v>
                </c:pt>
                <c:pt idx="117">
                  <c:v>February</c:v>
                </c:pt>
                <c:pt idx="118">
                  <c:v>March</c:v>
                </c:pt>
                <c:pt idx="119">
                  <c:v>April</c:v>
                </c:pt>
                <c:pt idx="120">
                  <c:v>May</c:v>
                </c:pt>
                <c:pt idx="121">
                  <c:v>June</c:v>
                </c:pt>
                <c:pt idx="122">
                  <c:v>July</c:v>
                </c:pt>
                <c:pt idx="123">
                  <c:v>August</c:v>
                </c:pt>
                <c:pt idx="124">
                  <c:v>September</c:v>
                </c:pt>
                <c:pt idx="125">
                  <c:v>October</c:v>
                </c:pt>
                <c:pt idx="126">
                  <c:v>November</c:v>
                </c:pt>
                <c:pt idx="127">
                  <c:v>December</c:v>
                </c:pt>
              </c:strCache>
            </c:strRef>
          </c:cat>
          <c:val>
            <c:numRef>
              <c:f>'Green House Contract Mkt'!$D$45:$D$172</c:f>
              <c:numCache>
                <c:formatCode>#,##0.0;\-#,##0.0</c:formatCode>
                <c:ptCount val="128"/>
                <c:pt idx="0">
                  <c:v>7528.0929999999998</c:v>
                </c:pt>
                <c:pt idx="1">
                  <c:v>3772.1320000000001</c:v>
                </c:pt>
                <c:pt idx="2">
                  <c:v>4128.7290000000003</c:v>
                </c:pt>
                <c:pt idx="3">
                  <c:v>4440.5290000000005</c:v>
                </c:pt>
                <c:pt idx="4">
                  <c:v>9660.9359999999997</c:v>
                </c:pt>
                <c:pt idx="5">
                  <c:v>14551.165999999999</c:v>
                </c:pt>
                <c:pt idx="6">
                  <c:v>13915.017</c:v>
                </c:pt>
                <c:pt idx="7">
                  <c:v>16247.031000000001</c:v>
                </c:pt>
                <c:pt idx="8">
                  <c:v>23962.456999999999</c:v>
                </c:pt>
                <c:pt idx="9">
                  <c:v>25055.014999999999</c:v>
                </c:pt>
                <c:pt idx="10">
                  <c:v>25887.55</c:v>
                </c:pt>
                <c:pt idx="11">
                  <c:v>17860.166000000001</c:v>
                </c:pt>
                <c:pt idx="12">
                  <c:v>15658.635</c:v>
                </c:pt>
                <c:pt idx="13">
                  <c:v>6480.2470000000003</c:v>
                </c:pt>
                <c:pt idx="14">
                  <c:v>4080.5619999999999</c:v>
                </c:pt>
                <c:pt idx="15">
                  <c:v>5304.9579999999996</c:v>
                </c:pt>
                <c:pt idx="16">
                  <c:v>7458.8419999999996</c:v>
                </c:pt>
                <c:pt idx="17">
                  <c:v>17449.845000000001</c:v>
                </c:pt>
                <c:pt idx="18">
                  <c:v>20721.334999999999</c:v>
                </c:pt>
                <c:pt idx="19">
                  <c:v>23829.716</c:v>
                </c:pt>
                <c:pt idx="20">
                  <c:v>34249.93</c:v>
                </c:pt>
                <c:pt idx="21">
                  <c:v>28244.781999999999</c:v>
                </c:pt>
                <c:pt idx="22">
                  <c:v>25642.791000000001</c:v>
                </c:pt>
                <c:pt idx="23">
                  <c:v>19906.851999999999</c:v>
                </c:pt>
                <c:pt idx="24">
                  <c:v>14603.424999999999</c:v>
                </c:pt>
                <c:pt idx="25">
                  <c:v>8128.1440000000002</c:v>
                </c:pt>
                <c:pt idx="26">
                  <c:v>5654.8249999999998</c:v>
                </c:pt>
                <c:pt idx="27">
                  <c:v>5958.6459999999997</c:v>
                </c:pt>
                <c:pt idx="28">
                  <c:v>10198.411</c:v>
                </c:pt>
                <c:pt idx="29">
                  <c:v>17498.257000000001</c:v>
                </c:pt>
                <c:pt idx="30">
                  <c:v>19442.143</c:v>
                </c:pt>
                <c:pt idx="31">
                  <c:v>22377.885999999999</c:v>
                </c:pt>
                <c:pt idx="32">
                  <c:v>32759.535</c:v>
                </c:pt>
                <c:pt idx="33">
                  <c:v>28136.52</c:v>
                </c:pt>
                <c:pt idx="34">
                  <c:v>26396.409</c:v>
                </c:pt>
                <c:pt idx="35">
                  <c:v>18375.202000000001</c:v>
                </c:pt>
                <c:pt idx="36">
                  <c:v>12238.847</c:v>
                </c:pt>
                <c:pt idx="37">
                  <c:v>7660.4539999999997</c:v>
                </c:pt>
                <c:pt idx="38">
                  <c:v>6358.558</c:v>
                </c:pt>
                <c:pt idx="39">
                  <c:v>7299.348</c:v>
                </c:pt>
                <c:pt idx="40">
                  <c:v>8310.6540000000005</c:v>
                </c:pt>
                <c:pt idx="41">
                  <c:v>13613.785</c:v>
                </c:pt>
                <c:pt idx="42">
                  <c:v>14901.817999999999</c:v>
                </c:pt>
                <c:pt idx="43">
                  <c:v>18959.949000000001</c:v>
                </c:pt>
                <c:pt idx="44">
                  <c:v>25343.279999999999</c:v>
                </c:pt>
                <c:pt idx="45">
                  <c:v>22578.244999999999</c:v>
                </c:pt>
                <c:pt idx="46">
                  <c:v>22435.188999999998</c:v>
                </c:pt>
                <c:pt idx="47">
                  <c:v>15435.573</c:v>
                </c:pt>
                <c:pt idx="48">
                  <c:v>11766.963</c:v>
                </c:pt>
                <c:pt idx="49">
                  <c:v>5793.6149999999998</c:v>
                </c:pt>
                <c:pt idx="50">
                  <c:v>5105.8869999999997</c:v>
                </c:pt>
                <c:pt idx="51">
                  <c:v>5660.41</c:v>
                </c:pt>
                <c:pt idx="52">
                  <c:v>7063.1620000000003</c:v>
                </c:pt>
                <c:pt idx="53">
                  <c:v>10263.246999999999</c:v>
                </c:pt>
                <c:pt idx="54">
                  <c:v>11204.035</c:v>
                </c:pt>
                <c:pt idx="55">
                  <c:v>13667.813</c:v>
                </c:pt>
                <c:pt idx="56">
                  <c:v>12443.205</c:v>
                </c:pt>
                <c:pt idx="57">
                  <c:v>21614.834999999999</c:v>
                </c:pt>
                <c:pt idx="58">
                  <c:v>25226.574000000001</c:v>
                </c:pt>
                <c:pt idx="59">
                  <c:v>17744.569</c:v>
                </c:pt>
                <c:pt idx="60">
                  <c:v>12739.518</c:v>
                </c:pt>
                <c:pt idx="61">
                  <c:v>7516.11</c:v>
                </c:pt>
                <c:pt idx="62">
                  <c:v>5794.2190000000001</c:v>
                </c:pt>
                <c:pt idx="63">
                  <c:v>6458.2370000000001</c:v>
                </c:pt>
                <c:pt idx="64">
                  <c:v>11437.288</c:v>
                </c:pt>
                <c:pt idx="65">
                  <c:v>19247.454000000002</c:v>
                </c:pt>
                <c:pt idx="66">
                  <c:v>15548.07</c:v>
                </c:pt>
                <c:pt idx="67">
                  <c:v>12146.788500000001</c:v>
                </c:pt>
                <c:pt idx="68">
                  <c:v>18443.757900000001</c:v>
                </c:pt>
                <c:pt idx="69">
                  <c:v>24303.900099999999</c:v>
                </c:pt>
                <c:pt idx="70">
                  <c:v>18058.8429</c:v>
                </c:pt>
                <c:pt idx="71">
                  <c:v>16295.584000000001</c:v>
                </c:pt>
                <c:pt idx="72">
                  <c:v>11197.0743</c:v>
                </c:pt>
                <c:pt idx="73">
                  <c:v>6756.0752000000002</c:v>
                </c:pt>
                <c:pt idx="74">
                  <c:v>6753.2374</c:v>
                </c:pt>
                <c:pt idx="75">
                  <c:v>7968.3454000000002</c:v>
                </c:pt>
                <c:pt idx="76">
                  <c:v>9774.3335000000006</c:v>
                </c:pt>
                <c:pt idx="77">
                  <c:v>13369.361800000001</c:v>
                </c:pt>
                <c:pt idx="78">
                  <c:v>19938.072700000001</c:v>
                </c:pt>
                <c:pt idx="79">
                  <c:v>20034.963299999999</c:v>
                </c:pt>
                <c:pt idx="80">
                  <c:v>29107.965199999999</c:v>
                </c:pt>
                <c:pt idx="81">
                  <c:v>33039.318399999996</c:v>
                </c:pt>
                <c:pt idx="82">
                  <c:v>26531.762699999999</c:v>
                </c:pt>
                <c:pt idx="83">
                  <c:v>18400.6492</c:v>
                </c:pt>
                <c:pt idx="84">
                  <c:v>14988.778700000001</c:v>
                </c:pt>
                <c:pt idx="85">
                  <c:v>7109.8323</c:v>
                </c:pt>
                <c:pt idx="86">
                  <c:v>5741.8182999999999</c:v>
                </c:pt>
                <c:pt idx="87">
                  <c:v>7434.3459999999995</c:v>
                </c:pt>
                <c:pt idx="88">
                  <c:v>9529.6983</c:v>
                </c:pt>
                <c:pt idx="89">
                  <c:v>17517.3357</c:v>
                </c:pt>
                <c:pt idx="90">
                  <c:v>18940.1217</c:v>
                </c:pt>
                <c:pt idx="91">
                  <c:v>14354.1325</c:v>
                </c:pt>
                <c:pt idx="92">
                  <c:v>21880.363099999999</c:v>
                </c:pt>
                <c:pt idx="93">
                  <c:v>19736.545999999998</c:v>
                </c:pt>
                <c:pt idx="94">
                  <c:v>19828.761500000001</c:v>
                </c:pt>
                <c:pt idx="95">
                  <c:v>16866.263999999999</c:v>
                </c:pt>
                <c:pt idx="96">
                  <c:v>13432.132799999999</c:v>
                </c:pt>
                <c:pt idx="97">
                  <c:v>10888.2479</c:v>
                </c:pt>
                <c:pt idx="98">
                  <c:v>9885.7081999999991</c:v>
                </c:pt>
                <c:pt idx="99">
                  <c:v>9306.2790999999997</c:v>
                </c:pt>
                <c:pt idx="100">
                  <c:v>13640.055700000001</c:v>
                </c:pt>
                <c:pt idx="101">
                  <c:v>22118.069200000002</c:v>
                </c:pt>
                <c:pt idx="102">
                  <c:v>18441.632600000001</c:v>
                </c:pt>
                <c:pt idx="103">
                  <c:v>21340.6122</c:v>
                </c:pt>
                <c:pt idx="104">
                  <c:v>31727.574799999999</c:v>
                </c:pt>
                <c:pt idx="105">
                  <c:v>34986.717799999999</c:v>
                </c:pt>
                <c:pt idx="106">
                  <c:v>30983.524000000001</c:v>
                </c:pt>
                <c:pt idx="107">
                  <c:v>21497.46</c:v>
                </c:pt>
                <c:pt idx="108">
                  <c:v>17026.2788</c:v>
                </c:pt>
                <c:pt idx="109">
                  <c:v>10017.259099999999</c:v>
                </c:pt>
                <c:pt idx="110">
                  <c:v>7626.8321999999998</c:v>
                </c:pt>
                <c:pt idx="111">
                  <c:v>8380.6540999999997</c:v>
                </c:pt>
                <c:pt idx="112">
                  <c:v>13332.5489</c:v>
                </c:pt>
                <c:pt idx="113">
                  <c:v>20942.66</c:v>
                </c:pt>
                <c:pt idx="114">
                  <c:v>23241.9892</c:v>
                </c:pt>
                <c:pt idx="115">
                  <c:v>26052.395799999998</c:v>
                </c:pt>
                <c:pt idx="116">
                  <c:v>40171.188600000001</c:v>
                </c:pt>
                <c:pt idx="117">
                  <c:v>41270.735099999998</c:v>
                </c:pt>
                <c:pt idx="118">
                  <c:v>37857.093800000002</c:v>
                </c:pt>
                <c:pt idx="119">
                  <c:v>28230.054400000001</c:v>
                </c:pt>
                <c:pt idx="120">
                  <c:v>19490.217499999999</c:v>
                </c:pt>
                <c:pt idx="121">
                  <c:v>11144.3652</c:v>
                </c:pt>
                <c:pt idx="122">
                  <c:v>8068.7084000000004</c:v>
                </c:pt>
                <c:pt idx="123">
                  <c:v>9827.1059999999907</c:v>
                </c:pt>
                <c:pt idx="124">
                  <c:v>16571.432400000002</c:v>
                </c:pt>
                <c:pt idx="125">
                  <c:v>23992.154900000001</c:v>
                </c:pt>
                <c:pt idx="126">
                  <c:v>25851.851900000001</c:v>
                </c:pt>
                <c:pt idx="127">
                  <c:v>24063.631700000002</c:v>
                </c:pt>
              </c:numCache>
            </c:numRef>
          </c:val>
        </c:ser>
        <c:ser>
          <c:idx val="1"/>
          <c:order val="1"/>
          <c:tx>
            <c:v>Predicted</c:v>
          </c:tx>
          <c:marker>
            <c:symbol val="none"/>
          </c:marker>
          <c:cat>
            <c:strRef>
              <c:f>'Green House Contract Mkt'!$C$45:$C$172</c:f>
              <c:strCache>
                <c:ptCount val="128"/>
                <c:pt idx="0">
                  <c:v>May</c:v>
                </c:pt>
                <c:pt idx="1">
                  <c:v>June </c:v>
                </c:pt>
                <c:pt idx="2">
                  <c:v>July</c:v>
                </c:pt>
                <c:pt idx="3">
                  <c:v>August</c:v>
                </c:pt>
                <c:pt idx="4">
                  <c:v>September</c:v>
                </c:pt>
                <c:pt idx="5">
                  <c:v>October</c:v>
                </c:pt>
                <c:pt idx="6">
                  <c:v>November</c:v>
                </c:pt>
                <c:pt idx="7">
                  <c:v>December</c:v>
                </c:pt>
                <c:pt idx="8">
                  <c:v>January</c:v>
                </c:pt>
                <c:pt idx="9">
                  <c:v>February</c:v>
                </c:pt>
                <c:pt idx="10">
                  <c:v>March</c:v>
                </c:pt>
                <c:pt idx="11">
                  <c:v>April</c:v>
                </c:pt>
                <c:pt idx="12">
                  <c:v>May</c:v>
                </c:pt>
                <c:pt idx="13">
                  <c:v>June</c:v>
                </c:pt>
                <c:pt idx="14">
                  <c:v>July</c:v>
                </c:pt>
                <c:pt idx="15">
                  <c:v>August</c:v>
                </c:pt>
                <c:pt idx="16">
                  <c:v>September</c:v>
                </c:pt>
                <c:pt idx="17">
                  <c:v>October</c:v>
                </c:pt>
                <c:pt idx="18">
                  <c:v>November</c:v>
                </c:pt>
                <c:pt idx="19">
                  <c:v>December</c:v>
                </c:pt>
                <c:pt idx="20">
                  <c:v>January</c:v>
                </c:pt>
                <c:pt idx="21">
                  <c:v>February</c:v>
                </c:pt>
                <c:pt idx="22">
                  <c:v>March</c:v>
                </c:pt>
                <c:pt idx="23">
                  <c:v>April</c:v>
                </c:pt>
                <c:pt idx="24">
                  <c:v>May</c:v>
                </c:pt>
                <c:pt idx="25">
                  <c:v>June</c:v>
                </c:pt>
                <c:pt idx="26">
                  <c:v>July</c:v>
                </c:pt>
                <c:pt idx="27">
                  <c:v>August</c:v>
                </c:pt>
                <c:pt idx="28">
                  <c:v>September</c:v>
                </c:pt>
                <c:pt idx="29">
                  <c:v>October</c:v>
                </c:pt>
                <c:pt idx="30">
                  <c:v>November</c:v>
                </c:pt>
                <c:pt idx="31">
                  <c:v>December</c:v>
                </c:pt>
                <c:pt idx="32">
                  <c:v>January</c:v>
                </c:pt>
                <c:pt idx="33">
                  <c:v>February</c:v>
                </c:pt>
                <c:pt idx="34">
                  <c:v>March</c:v>
                </c:pt>
                <c:pt idx="35">
                  <c:v>April</c:v>
                </c:pt>
                <c:pt idx="36">
                  <c:v>May</c:v>
                </c:pt>
                <c:pt idx="37">
                  <c:v>June</c:v>
                </c:pt>
                <c:pt idx="38">
                  <c:v>July</c:v>
                </c:pt>
                <c:pt idx="39">
                  <c:v>August</c:v>
                </c:pt>
                <c:pt idx="40">
                  <c:v>September</c:v>
                </c:pt>
                <c:pt idx="41">
                  <c:v>October</c:v>
                </c:pt>
                <c:pt idx="42">
                  <c:v>November</c:v>
                </c:pt>
                <c:pt idx="43">
                  <c:v>December</c:v>
                </c:pt>
                <c:pt idx="44">
                  <c:v>January</c:v>
                </c:pt>
                <c:pt idx="45">
                  <c:v>February</c:v>
                </c:pt>
                <c:pt idx="46">
                  <c:v>March</c:v>
                </c:pt>
                <c:pt idx="47">
                  <c:v>April</c:v>
                </c:pt>
                <c:pt idx="48">
                  <c:v>May</c:v>
                </c:pt>
                <c:pt idx="49">
                  <c:v>June</c:v>
                </c:pt>
                <c:pt idx="50">
                  <c:v>July</c:v>
                </c:pt>
                <c:pt idx="51">
                  <c:v>August</c:v>
                </c:pt>
                <c:pt idx="52">
                  <c:v>September</c:v>
                </c:pt>
                <c:pt idx="53">
                  <c:v>October</c:v>
                </c:pt>
                <c:pt idx="54">
                  <c:v>November</c:v>
                </c:pt>
                <c:pt idx="55">
                  <c:v>December</c:v>
                </c:pt>
                <c:pt idx="56">
                  <c:v>January</c:v>
                </c:pt>
                <c:pt idx="57">
                  <c:v>February</c:v>
                </c:pt>
                <c:pt idx="58">
                  <c:v>March</c:v>
                </c:pt>
                <c:pt idx="59">
                  <c:v>April</c:v>
                </c:pt>
                <c:pt idx="60">
                  <c:v>May</c:v>
                </c:pt>
                <c:pt idx="61">
                  <c:v>June</c:v>
                </c:pt>
                <c:pt idx="62">
                  <c:v>July</c:v>
                </c:pt>
                <c:pt idx="63">
                  <c:v>August</c:v>
                </c:pt>
                <c:pt idx="64">
                  <c:v>September</c:v>
                </c:pt>
                <c:pt idx="65">
                  <c:v>October</c:v>
                </c:pt>
                <c:pt idx="66">
                  <c:v>November</c:v>
                </c:pt>
                <c:pt idx="67">
                  <c:v>December</c:v>
                </c:pt>
                <c:pt idx="68">
                  <c:v>January</c:v>
                </c:pt>
                <c:pt idx="69">
                  <c:v>February</c:v>
                </c:pt>
                <c:pt idx="70">
                  <c:v>March</c:v>
                </c:pt>
                <c:pt idx="71">
                  <c:v>April</c:v>
                </c:pt>
                <c:pt idx="72">
                  <c:v>May</c:v>
                </c:pt>
                <c:pt idx="73">
                  <c:v>June</c:v>
                </c:pt>
                <c:pt idx="74">
                  <c:v>July</c:v>
                </c:pt>
                <c:pt idx="75">
                  <c:v>August</c:v>
                </c:pt>
                <c:pt idx="76">
                  <c:v>September</c:v>
                </c:pt>
                <c:pt idx="77">
                  <c:v>October</c:v>
                </c:pt>
                <c:pt idx="78">
                  <c:v>November</c:v>
                </c:pt>
                <c:pt idx="79">
                  <c:v>December</c:v>
                </c:pt>
                <c:pt idx="80">
                  <c:v>January</c:v>
                </c:pt>
                <c:pt idx="81">
                  <c:v>February</c:v>
                </c:pt>
                <c:pt idx="82">
                  <c:v>March</c:v>
                </c:pt>
                <c:pt idx="83">
                  <c:v>April</c:v>
                </c:pt>
                <c:pt idx="84">
                  <c:v>May</c:v>
                </c:pt>
                <c:pt idx="85">
                  <c:v>June</c:v>
                </c:pt>
                <c:pt idx="86">
                  <c:v>July</c:v>
                </c:pt>
                <c:pt idx="87">
                  <c:v>August</c:v>
                </c:pt>
                <c:pt idx="88">
                  <c:v>September</c:v>
                </c:pt>
                <c:pt idx="89">
                  <c:v>October</c:v>
                </c:pt>
                <c:pt idx="90">
                  <c:v>November</c:v>
                </c:pt>
                <c:pt idx="91">
                  <c:v>December</c:v>
                </c:pt>
                <c:pt idx="92">
                  <c:v>January</c:v>
                </c:pt>
                <c:pt idx="93">
                  <c:v>February</c:v>
                </c:pt>
                <c:pt idx="94">
                  <c:v>March</c:v>
                </c:pt>
                <c:pt idx="95">
                  <c:v>April</c:v>
                </c:pt>
                <c:pt idx="96">
                  <c:v>May</c:v>
                </c:pt>
                <c:pt idx="97">
                  <c:v>June</c:v>
                </c:pt>
                <c:pt idx="98">
                  <c:v>July</c:v>
                </c:pt>
                <c:pt idx="99">
                  <c:v>August</c:v>
                </c:pt>
                <c:pt idx="100">
                  <c:v>September</c:v>
                </c:pt>
                <c:pt idx="101">
                  <c:v>October</c:v>
                </c:pt>
                <c:pt idx="102">
                  <c:v>November</c:v>
                </c:pt>
                <c:pt idx="103">
                  <c:v>December</c:v>
                </c:pt>
                <c:pt idx="104">
                  <c:v>January</c:v>
                </c:pt>
                <c:pt idx="105">
                  <c:v>February</c:v>
                </c:pt>
                <c:pt idx="106">
                  <c:v>March</c:v>
                </c:pt>
                <c:pt idx="107">
                  <c:v>April</c:v>
                </c:pt>
                <c:pt idx="108">
                  <c:v>May</c:v>
                </c:pt>
                <c:pt idx="109">
                  <c:v>June</c:v>
                </c:pt>
                <c:pt idx="110">
                  <c:v>July</c:v>
                </c:pt>
                <c:pt idx="111">
                  <c:v>August</c:v>
                </c:pt>
                <c:pt idx="112">
                  <c:v>September</c:v>
                </c:pt>
                <c:pt idx="113">
                  <c:v>October</c:v>
                </c:pt>
                <c:pt idx="114">
                  <c:v>November</c:v>
                </c:pt>
                <c:pt idx="115">
                  <c:v>December</c:v>
                </c:pt>
                <c:pt idx="116">
                  <c:v>January</c:v>
                </c:pt>
                <c:pt idx="117">
                  <c:v>February</c:v>
                </c:pt>
                <c:pt idx="118">
                  <c:v>March</c:v>
                </c:pt>
                <c:pt idx="119">
                  <c:v>April</c:v>
                </c:pt>
                <c:pt idx="120">
                  <c:v>May</c:v>
                </c:pt>
                <c:pt idx="121">
                  <c:v>June</c:v>
                </c:pt>
                <c:pt idx="122">
                  <c:v>July</c:v>
                </c:pt>
                <c:pt idx="123">
                  <c:v>August</c:v>
                </c:pt>
                <c:pt idx="124">
                  <c:v>September</c:v>
                </c:pt>
                <c:pt idx="125">
                  <c:v>October</c:v>
                </c:pt>
                <c:pt idx="126">
                  <c:v>November</c:v>
                </c:pt>
                <c:pt idx="127">
                  <c:v>December</c:v>
                </c:pt>
              </c:strCache>
            </c:strRef>
          </c:cat>
          <c:val>
            <c:numLit>
              <c:formatCode>General</c:formatCode>
              <c:ptCount val="128"/>
              <c:pt idx="0">
                <c:v>8467.3942675295348</c:v>
              </c:pt>
              <c:pt idx="1">
                <c:v>2902.4905504704839</c:v>
              </c:pt>
              <c:pt idx="2">
                <c:v>4648.1184293588958</c:v>
              </c:pt>
              <c:pt idx="3">
                <c:v>3552.1382845015</c:v>
              </c:pt>
              <c:pt idx="4">
                <c:v>7860.3877586708595</c:v>
              </c:pt>
              <c:pt idx="5">
                <c:v>14615.261480365611</c:v>
              </c:pt>
              <c:pt idx="6">
                <c:v>16595.509312524198</c:v>
              </c:pt>
              <c:pt idx="7">
                <c:v>16518.433175394101</c:v>
              </c:pt>
              <c:pt idx="8">
                <c:v>23559.7293823492</c:v>
              </c:pt>
              <c:pt idx="9">
                <c:v>24310.741421902621</c:v>
              </c:pt>
              <c:pt idx="10">
                <c:v>25747.8846678642</c:v>
              </c:pt>
              <c:pt idx="11">
                <c:v>18055.303963959192</c:v>
              </c:pt>
              <c:pt idx="12">
                <c:v>14348.559278219111</c:v>
              </c:pt>
              <c:pt idx="13">
                <c:v>6506.7105105954824</c:v>
              </c:pt>
              <c:pt idx="14">
                <c:v>6378.5818335803624</c:v>
              </c:pt>
              <c:pt idx="15">
                <c:v>6822.5142405401803</c:v>
              </c:pt>
              <c:pt idx="16">
                <c:v>10505.4097902753</c:v>
              </c:pt>
              <c:pt idx="17">
                <c:v>18963.610614198002</c:v>
              </c:pt>
              <c:pt idx="18">
                <c:v>20082.534604931298</c:v>
              </c:pt>
              <c:pt idx="19">
                <c:v>21713.709218463897</c:v>
              </c:pt>
              <c:pt idx="20">
                <c:v>31759.043272168401</c:v>
              </c:pt>
              <c:pt idx="21">
                <c:v>32720.6284439794</c:v>
              </c:pt>
              <c:pt idx="22">
                <c:v>29298.739854071897</c:v>
              </c:pt>
              <c:pt idx="23">
                <c:v>20190.035673018097</c:v>
              </c:pt>
              <c:pt idx="24">
                <c:v>15084.830520781101</c:v>
              </c:pt>
              <c:pt idx="25">
                <c:v>6428.9786314044204</c:v>
              </c:pt>
              <c:pt idx="26">
                <c:v>5267.4093308859301</c:v>
              </c:pt>
              <c:pt idx="27">
                <c:v>5688.59900761881</c:v>
              </c:pt>
              <c:pt idx="28">
                <c:v>10532.675796277788</c:v>
              </c:pt>
              <c:pt idx="29">
                <c:v>17518.912866509298</c:v>
              </c:pt>
              <c:pt idx="30">
                <c:v>18118.240917840802</c:v>
              </c:pt>
              <c:pt idx="31">
                <c:v>20056.049158065976</c:v>
              </c:pt>
              <c:pt idx="32">
                <c:v>31139.034040534498</c:v>
              </c:pt>
              <c:pt idx="33">
                <c:v>26622.373082412621</c:v>
              </c:pt>
              <c:pt idx="34">
                <c:v>23535.354553525602</c:v>
              </c:pt>
              <c:pt idx="35">
                <c:v>17778.603929960296</c:v>
              </c:pt>
              <c:pt idx="36">
                <c:v>11400.5574435994</c:v>
              </c:pt>
              <c:pt idx="37">
                <c:v>4924.8234261942744</c:v>
              </c:pt>
              <c:pt idx="38">
                <c:v>5152.8905518166803</c:v>
              </c:pt>
              <c:pt idx="39">
                <c:v>5563.8600510024144</c:v>
              </c:pt>
              <c:pt idx="40">
                <c:v>7623.6888578164135</c:v>
              </c:pt>
              <c:pt idx="41">
                <c:v>14741.30527507329</c:v>
              </c:pt>
              <c:pt idx="42">
                <c:v>17239.012568261602</c:v>
              </c:pt>
              <c:pt idx="43">
                <c:v>18280.415540573002</c:v>
              </c:pt>
              <c:pt idx="44">
                <c:v>26304.687739336896</c:v>
              </c:pt>
              <c:pt idx="45">
                <c:v>24456.253602713026</c:v>
              </c:pt>
              <c:pt idx="46">
                <c:v>25712.721998473698</c:v>
              </c:pt>
              <c:pt idx="47">
                <c:v>16807.957137450401</c:v>
              </c:pt>
              <c:pt idx="48">
                <c:v>12778.148910260688</c:v>
              </c:pt>
              <c:pt idx="49">
                <c:v>5279.0265764549022</c:v>
              </c:pt>
              <c:pt idx="50">
                <c:v>5231.1631581551455</c:v>
              </c:pt>
              <c:pt idx="51">
                <c:v>4889.08856744692</c:v>
              </c:pt>
              <c:pt idx="52">
                <c:v>8011.4006402576724</c:v>
              </c:pt>
              <c:pt idx="53">
                <c:v>13185.7073556791</c:v>
              </c:pt>
              <c:pt idx="54">
                <c:v>12778.963450193911</c:v>
              </c:pt>
              <c:pt idx="55">
                <c:v>12839.874446213211</c:v>
              </c:pt>
              <c:pt idx="56">
                <c:v>17451.291218366696</c:v>
              </c:pt>
              <c:pt idx="57">
                <c:v>19542.597346942297</c:v>
              </c:pt>
              <c:pt idx="58">
                <c:v>20497.573573287576</c:v>
              </c:pt>
              <c:pt idx="59">
                <c:v>15102.067829078687</c:v>
              </c:pt>
              <c:pt idx="60">
                <c:v>10909.769546222511</c:v>
              </c:pt>
              <c:pt idx="61">
                <c:v>4604.3846054501255</c:v>
              </c:pt>
              <c:pt idx="62">
                <c:v>4746.5687682258103</c:v>
              </c:pt>
              <c:pt idx="63">
                <c:v>4571.2541671263898</c:v>
              </c:pt>
              <c:pt idx="64">
                <c:v>7626.8987105912402</c:v>
              </c:pt>
              <c:pt idx="65">
                <c:v>14853.819618810499</c:v>
              </c:pt>
              <c:pt idx="66">
                <c:v>15651.504737752613</c:v>
              </c:pt>
              <c:pt idx="67">
                <c:v>14507.632156866413</c:v>
              </c:pt>
              <c:pt idx="68">
                <c:v>22824.789087881702</c:v>
              </c:pt>
              <c:pt idx="69">
                <c:v>29438.740892935009</c:v>
              </c:pt>
              <c:pt idx="70">
                <c:v>22702.441447965</c:v>
              </c:pt>
              <c:pt idx="71">
                <c:v>16775.987880186731</c:v>
              </c:pt>
              <c:pt idx="72">
                <c:v>10152.324462098211</c:v>
              </c:pt>
              <c:pt idx="73">
                <c:v>4455.3291273131754</c:v>
              </c:pt>
              <c:pt idx="74">
                <c:v>5013.6406372321799</c:v>
              </c:pt>
              <c:pt idx="75">
                <c:v>5489.1306116698079</c:v>
              </c:pt>
              <c:pt idx="76">
                <c:v>9362.9388815047005</c:v>
              </c:pt>
              <c:pt idx="77">
                <c:v>13049.231662583899</c:v>
              </c:pt>
              <c:pt idx="78">
                <c:v>19226.922117569709</c:v>
              </c:pt>
              <c:pt idx="79">
                <c:v>20142.102223967497</c:v>
              </c:pt>
              <c:pt idx="80">
                <c:v>27630.042183137721</c:v>
              </c:pt>
              <c:pt idx="81">
                <c:v>31998.368039237299</c:v>
              </c:pt>
              <c:pt idx="82">
                <c:v>29445.859776806738</c:v>
              </c:pt>
              <c:pt idx="83">
                <c:v>19267.432510807092</c:v>
              </c:pt>
              <c:pt idx="84">
                <c:v>15362.355182655583</c:v>
              </c:pt>
              <c:pt idx="85">
                <c:v>7809.7712355648055</c:v>
              </c:pt>
              <c:pt idx="86">
                <c:v>7016.1963546086854</c:v>
              </c:pt>
              <c:pt idx="87">
                <c:v>6891.7994379327065</c:v>
              </c:pt>
              <c:pt idx="88">
                <c:v>11064.185573777288</c:v>
              </c:pt>
              <c:pt idx="89">
                <c:v>19537.071332386371</c:v>
              </c:pt>
              <c:pt idx="90">
                <c:v>15563.475875096989</c:v>
              </c:pt>
              <c:pt idx="91">
                <c:v>15899.252336440089</c:v>
              </c:pt>
              <c:pt idx="92">
                <c:v>23570.256169635297</c:v>
              </c:pt>
              <c:pt idx="93">
                <c:v>20501.057103366598</c:v>
              </c:pt>
              <c:pt idx="94">
                <c:v>19205.883315458199</c:v>
              </c:pt>
              <c:pt idx="95">
                <c:v>19403.619552213571</c:v>
              </c:pt>
              <c:pt idx="96">
                <c:v>14633.9668084196</c:v>
              </c:pt>
              <c:pt idx="97">
                <c:v>9085.3927383996397</c:v>
              </c:pt>
              <c:pt idx="98">
                <c:v>9479.2098375699497</c:v>
              </c:pt>
              <c:pt idx="99">
                <c:v>9823.39706691428</c:v>
              </c:pt>
              <c:pt idx="100">
                <c:v>12880.151096907101</c:v>
              </c:pt>
              <c:pt idx="101">
                <c:v>21186.487210872801</c:v>
              </c:pt>
              <c:pt idx="102">
                <c:v>20824.145196007699</c:v>
              </c:pt>
              <c:pt idx="103">
                <c:v>22863.213621864899</c:v>
              </c:pt>
              <c:pt idx="104">
                <c:v>31882.787028087499</c:v>
              </c:pt>
              <c:pt idx="105">
                <c:v>32623.198648086971</c:v>
              </c:pt>
              <c:pt idx="106">
                <c:v>27733.031620101498</c:v>
              </c:pt>
              <c:pt idx="107">
                <c:v>20753.847086673399</c:v>
              </c:pt>
              <c:pt idx="108">
                <c:v>17687.509316713698</c:v>
              </c:pt>
              <c:pt idx="109">
                <c:v>11830.9371733343</c:v>
              </c:pt>
              <c:pt idx="110">
                <c:v>11325.7156766724</c:v>
              </c:pt>
              <c:pt idx="111">
                <c:v>10560.158030038088</c:v>
              </c:pt>
              <c:pt idx="112">
                <c:v>14510.766743268789</c:v>
              </c:pt>
              <c:pt idx="113">
                <c:v>21366.014129881602</c:v>
              </c:pt>
              <c:pt idx="114">
                <c:v>23960.828162639998</c:v>
              </c:pt>
              <c:pt idx="115">
                <c:v>25873.450958670892</c:v>
              </c:pt>
              <c:pt idx="116">
                <c:v>35980.755443158385</c:v>
              </c:pt>
              <c:pt idx="117">
                <c:v>35317.689799272601</c:v>
              </c:pt>
              <c:pt idx="118">
                <c:v>33463.493995525474</c:v>
              </c:pt>
              <c:pt idx="119">
                <c:v>26253.646609382777</c:v>
              </c:pt>
              <c:pt idx="120">
                <c:v>20061.287849629127</c:v>
              </c:pt>
              <c:pt idx="121">
                <c:v>13726.413692455702</c:v>
              </c:pt>
              <c:pt idx="122">
                <c:v>13481.461332541789</c:v>
              </c:pt>
              <c:pt idx="123">
                <c:v>13357.271156906911</c:v>
              </c:pt>
              <c:pt idx="124">
                <c:v>15883.9514876059</c:v>
              </c:pt>
              <c:pt idx="125">
                <c:v>22159.16465183218</c:v>
              </c:pt>
              <c:pt idx="126">
                <c:v>23106.773986271201</c:v>
              </c:pt>
              <c:pt idx="127">
                <c:v>24815.068291749627</c:v>
              </c:pt>
            </c:numLit>
          </c:val>
        </c:ser>
        <c:marker val="1"/>
        <c:axId val="49467392"/>
        <c:axId val="49468928"/>
      </c:lineChart>
      <c:catAx>
        <c:axId val="49467392"/>
        <c:scaling>
          <c:orientation val="minMax"/>
        </c:scaling>
        <c:axPos val="b"/>
        <c:numFmt formatCode="mmm\-yyyy" sourceLinked="0"/>
        <c:tickLblPos val="nextTo"/>
        <c:crossAx val="49468928"/>
        <c:crosses val="autoZero"/>
        <c:auto val="1"/>
        <c:lblAlgn val="ctr"/>
        <c:lblOffset val="100"/>
      </c:catAx>
      <c:valAx>
        <c:axId val="49468928"/>
        <c:scaling>
          <c:orientation val="minMax"/>
        </c:scaling>
        <c:axPos val="l"/>
        <c:majorGridlines/>
        <c:numFmt formatCode="#,##0.0;\-#,##0.0" sourceLinked="1"/>
        <c:tickLblPos val="nextTo"/>
        <c:crossAx val="49467392"/>
        <c:crosses val="autoZero"/>
        <c:crossBetween val="between"/>
      </c:valAx>
    </c:plotArea>
    <c:legend>
      <c:legendPos val="b"/>
      <c:layout/>
    </c:legend>
    <c:plotVisOnly val="1"/>
  </c:chart>
  <c:txPr>
    <a:bodyPr/>
    <a:lstStyle/>
    <a:p>
      <a:pPr>
        <a:defRPr sz="1100" baseline="0">
          <a:latin typeface="Times New Roman" pitchFamily="18" charset="0"/>
        </a:defRPr>
      </a:pPr>
      <a:endParaRPr lang="en-US"/>
    </a:p>
  </c:txPr>
  <c:printSettings>
    <c:headerFooter/>
    <c:pageMargins b="0.75000000000000144" l="0.70000000000000062" r="0.70000000000000062" t="0.75000000000000144" header="0.30000000000000032" footer="0.3000000000000003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Residential Usage Regression Residuals</a:t>
            </a:r>
          </a:p>
        </c:rich>
      </c:tx>
    </c:title>
    <c:plotArea>
      <c:layout/>
      <c:scatterChart>
        <c:scatterStyle val="lineMarker"/>
        <c:ser>
          <c:idx val="0"/>
          <c:order val="0"/>
          <c:tx>
            <c:strRef>
              <c:f>'Residential USE Regn North'!$D$42</c:f>
              <c:strCache>
                <c:ptCount val="1"/>
                <c:pt idx="0">
                  <c:v>Residuals</c:v>
                </c:pt>
              </c:strCache>
            </c:strRef>
          </c:tx>
          <c:spPr>
            <a:ln w="28575">
              <a:noFill/>
            </a:ln>
          </c:spPr>
          <c:xVal>
            <c:numRef>
              <c:f>'Residential USE Regn North'!$A$43:$A$255</c:f>
              <c:numCache>
                <c:formatCode>mmm\-yy</c:formatCode>
                <c:ptCount val="213"/>
                <c:pt idx="0">
                  <c:v>34425</c:v>
                </c:pt>
                <c:pt idx="1">
                  <c:v>34455</c:v>
                </c:pt>
                <c:pt idx="2">
                  <c:v>34486</c:v>
                </c:pt>
                <c:pt idx="3">
                  <c:v>34516</c:v>
                </c:pt>
                <c:pt idx="4">
                  <c:v>34547</c:v>
                </c:pt>
                <c:pt idx="5">
                  <c:v>34578</c:v>
                </c:pt>
                <c:pt idx="6">
                  <c:v>34608</c:v>
                </c:pt>
                <c:pt idx="7">
                  <c:v>34639</c:v>
                </c:pt>
                <c:pt idx="8">
                  <c:v>34669</c:v>
                </c:pt>
                <c:pt idx="9">
                  <c:v>34700</c:v>
                </c:pt>
                <c:pt idx="10">
                  <c:v>34731</c:v>
                </c:pt>
                <c:pt idx="11">
                  <c:v>34759</c:v>
                </c:pt>
                <c:pt idx="12">
                  <c:v>34790</c:v>
                </c:pt>
                <c:pt idx="13">
                  <c:v>34820</c:v>
                </c:pt>
                <c:pt idx="14">
                  <c:v>34851</c:v>
                </c:pt>
                <c:pt idx="15">
                  <c:v>34881</c:v>
                </c:pt>
                <c:pt idx="16">
                  <c:v>34912</c:v>
                </c:pt>
                <c:pt idx="17">
                  <c:v>34943</c:v>
                </c:pt>
                <c:pt idx="18">
                  <c:v>34973</c:v>
                </c:pt>
                <c:pt idx="19">
                  <c:v>35004</c:v>
                </c:pt>
                <c:pt idx="20">
                  <c:v>35034</c:v>
                </c:pt>
                <c:pt idx="21">
                  <c:v>35065</c:v>
                </c:pt>
                <c:pt idx="22">
                  <c:v>35096</c:v>
                </c:pt>
                <c:pt idx="23">
                  <c:v>35125</c:v>
                </c:pt>
                <c:pt idx="24">
                  <c:v>35156</c:v>
                </c:pt>
                <c:pt idx="25">
                  <c:v>35186</c:v>
                </c:pt>
                <c:pt idx="26">
                  <c:v>35217</c:v>
                </c:pt>
                <c:pt idx="27">
                  <c:v>35247</c:v>
                </c:pt>
                <c:pt idx="28">
                  <c:v>35278</c:v>
                </c:pt>
                <c:pt idx="29">
                  <c:v>35309</c:v>
                </c:pt>
                <c:pt idx="30">
                  <c:v>35339</c:v>
                </c:pt>
                <c:pt idx="31">
                  <c:v>35370</c:v>
                </c:pt>
                <c:pt idx="32">
                  <c:v>35400</c:v>
                </c:pt>
                <c:pt idx="33">
                  <c:v>35431</c:v>
                </c:pt>
                <c:pt idx="34">
                  <c:v>35462</c:v>
                </c:pt>
                <c:pt idx="35">
                  <c:v>35490</c:v>
                </c:pt>
                <c:pt idx="36">
                  <c:v>35521</c:v>
                </c:pt>
                <c:pt idx="37">
                  <c:v>35551</c:v>
                </c:pt>
                <c:pt idx="38">
                  <c:v>35582</c:v>
                </c:pt>
                <c:pt idx="39">
                  <c:v>35612</c:v>
                </c:pt>
                <c:pt idx="40">
                  <c:v>35643</c:v>
                </c:pt>
                <c:pt idx="41">
                  <c:v>35674</c:v>
                </c:pt>
                <c:pt idx="42">
                  <c:v>35704</c:v>
                </c:pt>
                <c:pt idx="43">
                  <c:v>35735</c:v>
                </c:pt>
                <c:pt idx="44">
                  <c:v>35765</c:v>
                </c:pt>
                <c:pt idx="45">
                  <c:v>35796</c:v>
                </c:pt>
                <c:pt idx="46">
                  <c:v>35827</c:v>
                </c:pt>
                <c:pt idx="47">
                  <c:v>35855</c:v>
                </c:pt>
                <c:pt idx="48">
                  <c:v>35886</c:v>
                </c:pt>
                <c:pt idx="49">
                  <c:v>35916</c:v>
                </c:pt>
                <c:pt idx="50">
                  <c:v>35947</c:v>
                </c:pt>
                <c:pt idx="51">
                  <c:v>35977</c:v>
                </c:pt>
                <c:pt idx="52">
                  <c:v>36008</c:v>
                </c:pt>
                <c:pt idx="53">
                  <c:v>36039</c:v>
                </c:pt>
                <c:pt idx="54">
                  <c:v>36069</c:v>
                </c:pt>
                <c:pt idx="55">
                  <c:v>36100</c:v>
                </c:pt>
                <c:pt idx="56">
                  <c:v>36130</c:v>
                </c:pt>
                <c:pt idx="57">
                  <c:v>36161</c:v>
                </c:pt>
                <c:pt idx="58">
                  <c:v>36192</c:v>
                </c:pt>
                <c:pt idx="59">
                  <c:v>36220</c:v>
                </c:pt>
                <c:pt idx="60">
                  <c:v>36251</c:v>
                </c:pt>
                <c:pt idx="61">
                  <c:v>36281</c:v>
                </c:pt>
                <c:pt idx="62">
                  <c:v>36312</c:v>
                </c:pt>
                <c:pt idx="63">
                  <c:v>36342</c:v>
                </c:pt>
                <c:pt idx="64">
                  <c:v>36373</c:v>
                </c:pt>
                <c:pt idx="65">
                  <c:v>36404</c:v>
                </c:pt>
                <c:pt idx="66">
                  <c:v>36434</c:v>
                </c:pt>
                <c:pt idx="67">
                  <c:v>36465</c:v>
                </c:pt>
                <c:pt idx="68">
                  <c:v>36495</c:v>
                </c:pt>
                <c:pt idx="69">
                  <c:v>36526</c:v>
                </c:pt>
                <c:pt idx="70">
                  <c:v>36557</c:v>
                </c:pt>
                <c:pt idx="71">
                  <c:v>36586</c:v>
                </c:pt>
                <c:pt idx="72">
                  <c:v>36617</c:v>
                </c:pt>
                <c:pt idx="73">
                  <c:v>36647</c:v>
                </c:pt>
                <c:pt idx="74">
                  <c:v>36678</c:v>
                </c:pt>
                <c:pt idx="75">
                  <c:v>36708</c:v>
                </c:pt>
                <c:pt idx="76">
                  <c:v>36739</c:v>
                </c:pt>
                <c:pt idx="77">
                  <c:v>36770</c:v>
                </c:pt>
                <c:pt idx="78">
                  <c:v>36800</c:v>
                </c:pt>
                <c:pt idx="79">
                  <c:v>36831</c:v>
                </c:pt>
                <c:pt idx="80">
                  <c:v>36861</c:v>
                </c:pt>
                <c:pt idx="81">
                  <c:v>36892</c:v>
                </c:pt>
                <c:pt idx="82">
                  <c:v>36923</c:v>
                </c:pt>
                <c:pt idx="83">
                  <c:v>36951</c:v>
                </c:pt>
                <c:pt idx="84">
                  <c:v>36982</c:v>
                </c:pt>
                <c:pt idx="85">
                  <c:v>37012</c:v>
                </c:pt>
                <c:pt idx="86">
                  <c:v>37043</c:v>
                </c:pt>
                <c:pt idx="87">
                  <c:v>37073</c:v>
                </c:pt>
                <c:pt idx="88">
                  <c:v>37104</c:v>
                </c:pt>
                <c:pt idx="89">
                  <c:v>37135</c:v>
                </c:pt>
                <c:pt idx="90">
                  <c:v>37165</c:v>
                </c:pt>
                <c:pt idx="91">
                  <c:v>37196</c:v>
                </c:pt>
                <c:pt idx="92">
                  <c:v>37226</c:v>
                </c:pt>
                <c:pt idx="93">
                  <c:v>37257</c:v>
                </c:pt>
                <c:pt idx="94">
                  <c:v>37288</c:v>
                </c:pt>
                <c:pt idx="95">
                  <c:v>37316</c:v>
                </c:pt>
                <c:pt idx="96">
                  <c:v>37347</c:v>
                </c:pt>
                <c:pt idx="97">
                  <c:v>37377</c:v>
                </c:pt>
                <c:pt idx="98">
                  <c:v>37408</c:v>
                </c:pt>
                <c:pt idx="99">
                  <c:v>37438</c:v>
                </c:pt>
                <c:pt idx="100">
                  <c:v>37469</c:v>
                </c:pt>
                <c:pt idx="101">
                  <c:v>37500</c:v>
                </c:pt>
                <c:pt idx="102">
                  <c:v>37530</c:v>
                </c:pt>
                <c:pt idx="103">
                  <c:v>37561</c:v>
                </c:pt>
                <c:pt idx="104">
                  <c:v>37591</c:v>
                </c:pt>
                <c:pt idx="105">
                  <c:v>37622</c:v>
                </c:pt>
                <c:pt idx="106">
                  <c:v>37653</c:v>
                </c:pt>
                <c:pt idx="107">
                  <c:v>37681</c:v>
                </c:pt>
                <c:pt idx="108">
                  <c:v>37712</c:v>
                </c:pt>
                <c:pt idx="109">
                  <c:v>37742</c:v>
                </c:pt>
                <c:pt idx="110">
                  <c:v>37773</c:v>
                </c:pt>
                <c:pt idx="111">
                  <c:v>37803</c:v>
                </c:pt>
                <c:pt idx="112">
                  <c:v>37834</c:v>
                </c:pt>
                <c:pt idx="113">
                  <c:v>37865</c:v>
                </c:pt>
                <c:pt idx="114">
                  <c:v>37895</c:v>
                </c:pt>
                <c:pt idx="115">
                  <c:v>37926</c:v>
                </c:pt>
                <c:pt idx="116">
                  <c:v>37956</c:v>
                </c:pt>
                <c:pt idx="117">
                  <c:v>37987</c:v>
                </c:pt>
                <c:pt idx="118">
                  <c:v>38018</c:v>
                </c:pt>
                <c:pt idx="119">
                  <c:v>38047</c:v>
                </c:pt>
                <c:pt idx="120">
                  <c:v>38078</c:v>
                </c:pt>
                <c:pt idx="121">
                  <c:v>38108</c:v>
                </c:pt>
                <c:pt idx="122">
                  <c:v>38139</c:v>
                </c:pt>
                <c:pt idx="123">
                  <c:v>38169</c:v>
                </c:pt>
                <c:pt idx="124">
                  <c:v>38200</c:v>
                </c:pt>
                <c:pt idx="125">
                  <c:v>38231</c:v>
                </c:pt>
                <c:pt idx="126">
                  <c:v>38261</c:v>
                </c:pt>
                <c:pt idx="127">
                  <c:v>38292</c:v>
                </c:pt>
                <c:pt idx="128">
                  <c:v>38322</c:v>
                </c:pt>
                <c:pt idx="129">
                  <c:v>38353</c:v>
                </c:pt>
                <c:pt idx="130">
                  <c:v>38384</c:v>
                </c:pt>
                <c:pt idx="131">
                  <c:v>38412</c:v>
                </c:pt>
                <c:pt idx="132">
                  <c:v>38443</c:v>
                </c:pt>
                <c:pt idx="133">
                  <c:v>38473</c:v>
                </c:pt>
                <c:pt idx="134">
                  <c:v>38504</c:v>
                </c:pt>
                <c:pt idx="135">
                  <c:v>38534</c:v>
                </c:pt>
                <c:pt idx="136">
                  <c:v>38565</c:v>
                </c:pt>
                <c:pt idx="137">
                  <c:v>38596</c:v>
                </c:pt>
                <c:pt idx="138">
                  <c:v>38626</c:v>
                </c:pt>
                <c:pt idx="139">
                  <c:v>38657</c:v>
                </c:pt>
                <c:pt idx="140">
                  <c:v>38687</c:v>
                </c:pt>
                <c:pt idx="141">
                  <c:v>38718</c:v>
                </c:pt>
                <c:pt idx="142">
                  <c:v>38749</c:v>
                </c:pt>
                <c:pt idx="143">
                  <c:v>38777</c:v>
                </c:pt>
                <c:pt idx="144">
                  <c:v>38808</c:v>
                </c:pt>
                <c:pt idx="145">
                  <c:v>38838</c:v>
                </c:pt>
                <c:pt idx="146">
                  <c:v>38869</c:v>
                </c:pt>
                <c:pt idx="147">
                  <c:v>38899</c:v>
                </c:pt>
                <c:pt idx="148">
                  <c:v>38930</c:v>
                </c:pt>
                <c:pt idx="149">
                  <c:v>38961</c:v>
                </c:pt>
                <c:pt idx="150">
                  <c:v>38991</c:v>
                </c:pt>
                <c:pt idx="151">
                  <c:v>39022</c:v>
                </c:pt>
                <c:pt idx="152">
                  <c:v>39052</c:v>
                </c:pt>
                <c:pt idx="153">
                  <c:v>39083</c:v>
                </c:pt>
                <c:pt idx="154">
                  <c:v>39114</c:v>
                </c:pt>
                <c:pt idx="155">
                  <c:v>39142</c:v>
                </c:pt>
                <c:pt idx="156">
                  <c:v>39173</c:v>
                </c:pt>
                <c:pt idx="157">
                  <c:v>39203</c:v>
                </c:pt>
                <c:pt idx="158">
                  <c:v>39234</c:v>
                </c:pt>
                <c:pt idx="159">
                  <c:v>39264</c:v>
                </c:pt>
                <c:pt idx="160">
                  <c:v>39295</c:v>
                </c:pt>
                <c:pt idx="161">
                  <c:v>39326</c:v>
                </c:pt>
                <c:pt idx="162">
                  <c:v>39356</c:v>
                </c:pt>
                <c:pt idx="163">
                  <c:v>39387</c:v>
                </c:pt>
                <c:pt idx="164">
                  <c:v>39417</c:v>
                </c:pt>
                <c:pt idx="165">
                  <c:v>39448</c:v>
                </c:pt>
                <c:pt idx="166">
                  <c:v>39479</c:v>
                </c:pt>
                <c:pt idx="167">
                  <c:v>39508</c:v>
                </c:pt>
                <c:pt idx="168">
                  <c:v>39539</c:v>
                </c:pt>
                <c:pt idx="169">
                  <c:v>39569</c:v>
                </c:pt>
                <c:pt idx="170">
                  <c:v>39600</c:v>
                </c:pt>
                <c:pt idx="171">
                  <c:v>39630</c:v>
                </c:pt>
                <c:pt idx="172">
                  <c:v>39661</c:v>
                </c:pt>
                <c:pt idx="173">
                  <c:v>39692</c:v>
                </c:pt>
                <c:pt idx="174">
                  <c:v>39722</c:v>
                </c:pt>
                <c:pt idx="175">
                  <c:v>39753</c:v>
                </c:pt>
                <c:pt idx="176">
                  <c:v>39783</c:v>
                </c:pt>
                <c:pt idx="177">
                  <c:v>39814</c:v>
                </c:pt>
                <c:pt idx="178">
                  <c:v>39845</c:v>
                </c:pt>
                <c:pt idx="179">
                  <c:v>39873</c:v>
                </c:pt>
                <c:pt idx="180">
                  <c:v>39904</c:v>
                </c:pt>
                <c:pt idx="181">
                  <c:v>39934</c:v>
                </c:pt>
                <c:pt idx="182">
                  <c:v>39965</c:v>
                </c:pt>
                <c:pt idx="183">
                  <c:v>39995</c:v>
                </c:pt>
                <c:pt idx="184">
                  <c:v>40026</c:v>
                </c:pt>
                <c:pt idx="185">
                  <c:v>40057</c:v>
                </c:pt>
                <c:pt idx="186">
                  <c:v>40087</c:v>
                </c:pt>
                <c:pt idx="187">
                  <c:v>40118</c:v>
                </c:pt>
                <c:pt idx="188">
                  <c:v>40148</c:v>
                </c:pt>
                <c:pt idx="189">
                  <c:v>40179</c:v>
                </c:pt>
                <c:pt idx="190">
                  <c:v>40210</c:v>
                </c:pt>
                <c:pt idx="191">
                  <c:v>40238</c:v>
                </c:pt>
                <c:pt idx="192">
                  <c:v>40269</c:v>
                </c:pt>
                <c:pt idx="193">
                  <c:v>40299</c:v>
                </c:pt>
                <c:pt idx="194">
                  <c:v>40330</c:v>
                </c:pt>
                <c:pt idx="195">
                  <c:v>40360</c:v>
                </c:pt>
                <c:pt idx="196">
                  <c:v>40391</c:v>
                </c:pt>
                <c:pt idx="197">
                  <c:v>40422</c:v>
                </c:pt>
                <c:pt idx="198">
                  <c:v>40452</c:v>
                </c:pt>
                <c:pt idx="199">
                  <c:v>40483</c:v>
                </c:pt>
                <c:pt idx="200">
                  <c:v>40513</c:v>
                </c:pt>
                <c:pt idx="201">
                  <c:v>40544</c:v>
                </c:pt>
                <c:pt idx="202">
                  <c:v>40575</c:v>
                </c:pt>
                <c:pt idx="203">
                  <c:v>40603</c:v>
                </c:pt>
                <c:pt idx="204">
                  <c:v>40634</c:v>
                </c:pt>
                <c:pt idx="205">
                  <c:v>40664</c:v>
                </c:pt>
                <c:pt idx="206">
                  <c:v>40695</c:v>
                </c:pt>
                <c:pt idx="207">
                  <c:v>40725</c:v>
                </c:pt>
                <c:pt idx="208">
                  <c:v>40756</c:v>
                </c:pt>
                <c:pt idx="209">
                  <c:v>40787</c:v>
                </c:pt>
                <c:pt idx="210">
                  <c:v>40817</c:v>
                </c:pt>
                <c:pt idx="211">
                  <c:v>40848</c:v>
                </c:pt>
                <c:pt idx="212">
                  <c:v>40878</c:v>
                </c:pt>
              </c:numCache>
            </c:numRef>
          </c:xVal>
          <c:yVal>
            <c:numRef>
              <c:f>'Residential USE Regn North'!$D$43:$D$255</c:f>
              <c:numCache>
                <c:formatCode>#,##0.0_ ;[Red]\-#,##0.0\ </c:formatCode>
                <c:ptCount val="213"/>
                <c:pt idx="0">
                  <c:v>4.813000000000045</c:v>
                </c:pt>
                <c:pt idx="1">
                  <c:v>-6.2890000000000157</c:v>
                </c:pt>
                <c:pt idx="2">
                  <c:v>3.8489999999999895</c:v>
                </c:pt>
                <c:pt idx="3">
                  <c:v>2.3009999999999877</c:v>
                </c:pt>
                <c:pt idx="4">
                  <c:v>1.1589999999999918</c:v>
                </c:pt>
                <c:pt idx="5">
                  <c:v>8.6970000000000027</c:v>
                </c:pt>
                <c:pt idx="6">
                  <c:v>7.4260000000000161</c:v>
                </c:pt>
                <c:pt idx="7">
                  <c:v>4.2740000000000009</c:v>
                </c:pt>
                <c:pt idx="8">
                  <c:v>15.501000000000033</c:v>
                </c:pt>
                <c:pt idx="9">
                  <c:v>-0.76999999999998181</c:v>
                </c:pt>
                <c:pt idx="10">
                  <c:v>0</c:v>
                </c:pt>
                <c:pt idx="11">
                  <c:v>-1.5039999999999623</c:v>
                </c:pt>
                <c:pt idx="12">
                  <c:v>0.79400000000003956</c:v>
                </c:pt>
                <c:pt idx="13">
                  <c:v>-18.099000000000018</c:v>
                </c:pt>
                <c:pt idx="14">
                  <c:v>-5.2019999999999982</c:v>
                </c:pt>
                <c:pt idx="15">
                  <c:v>-7.1560000000000059</c:v>
                </c:pt>
                <c:pt idx="16">
                  <c:v>-7.936000000000007</c:v>
                </c:pt>
                <c:pt idx="17">
                  <c:v>6.7719999999999914</c:v>
                </c:pt>
                <c:pt idx="18">
                  <c:v>15.575999999999993</c:v>
                </c:pt>
                <c:pt idx="19">
                  <c:v>0</c:v>
                </c:pt>
                <c:pt idx="20">
                  <c:v>14.521999999999991</c:v>
                </c:pt>
                <c:pt idx="21">
                  <c:v>-7.9069999999999254</c:v>
                </c:pt>
                <c:pt idx="22">
                  <c:v>10.625</c:v>
                </c:pt>
                <c:pt idx="23">
                  <c:v>9.4460000000000264</c:v>
                </c:pt>
                <c:pt idx="24">
                  <c:v>-3.4800000000000182</c:v>
                </c:pt>
                <c:pt idx="25">
                  <c:v>-5.9170000000000016</c:v>
                </c:pt>
                <c:pt idx="26">
                  <c:v>1.2830000000000013</c:v>
                </c:pt>
                <c:pt idx="27">
                  <c:v>-0.11199999999999477</c:v>
                </c:pt>
                <c:pt idx="28">
                  <c:v>-1.2199999999999989</c:v>
                </c:pt>
                <c:pt idx="29">
                  <c:v>12.885000000000005</c:v>
                </c:pt>
                <c:pt idx="30">
                  <c:v>28.236999999999995</c:v>
                </c:pt>
                <c:pt idx="31">
                  <c:v>6.1059999999999945</c:v>
                </c:pt>
                <c:pt idx="32">
                  <c:v>-19.42900000000003</c:v>
                </c:pt>
                <c:pt idx="33">
                  <c:v>40.702999999999975</c:v>
                </c:pt>
                <c:pt idx="34">
                  <c:v>21.742999999999995</c:v>
                </c:pt>
                <c:pt idx="35">
                  <c:v>11.073000000000036</c:v>
                </c:pt>
                <c:pt idx="36">
                  <c:v>-7.0240000000000009</c:v>
                </c:pt>
                <c:pt idx="37">
                  <c:v>-4.4369999999999834</c:v>
                </c:pt>
                <c:pt idx="38">
                  <c:v>0.89700000000000557</c:v>
                </c:pt>
                <c:pt idx="39">
                  <c:v>-6.8999999999988404E-2</c:v>
                </c:pt>
                <c:pt idx="40">
                  <c:v>-1.7139999999999986</c:v>
                </c:pt>
                <c:pt idx="41">
                  <c:v>-2.179000000000002</c:v>
                </c:pt>
                <c:pt idx="42">
                  <c:v>15.070999999999998</c:v>
                </c:pt>
                <c:pt idx="43">
                  <c:v>-7.83299999999997</c:v>
                </c:pt>
                <c:pt idx="44">
                  <c:v>0</c:v>
                </c:pt>
                <c:pt idx="45">
                  <c:v>-4.3480000000000132</c:v>
                </c:pt>
                <c:pt idx="46">
                  <c:v>39.263000000000034</c:v>
                </c:pt>
                <c:pt idx="47">
                  <c:v>9.5449999999999591</c:v>
                </c:pt>
                <c:pt idx="48">
                  <c:v>-21.199000000000012</c:v>
                </c:pt>
                <c:pt idx="49">
                  <c:v>-14.421999999999997</c:v>
                </c:pt>
                <c:pt idx="50">
                  <c:v>-9.0529999999999973</c:v>
                </c:pt>
                <c:pt idx="51">
                  <c:v>-10.388999999999996</c:v>
                </c:pt>
                <c:pt idx="52">
                  <c:v>-10.850999999999999</c:v>
                </c:pt>
                <c:pt idx="53">
                  <c:v>5.4710000000000036</c:v>
                </c:pt>
                <c:pt idx="54">
                  <c:v>-64.357000000000014</c:v>
                </c:pt>
                <c:pt idx="55">
                  <c:v>-5.75</c:v>
                </c:pt>
                <c:pt idx="56">
                  <c:v>-10.829999999999984</c:v>
                </c:pt>
                <c:pt idx="57">
                  <c:v>-44.353999999999985</c:v>
                </c:pt>
                <c:pt idx="58">
                  <c:v>3.2000000000039108E-2</c:v>
                </c:pt>
                <c:pt idx="59">
                  <c:v>16.264999999999986</c:v>
                </c:pt>
                <c:pt idx="60">
                  <c:v>25.924999999999983</c:v>
                </c:pt>
                <c:pt idx="61">
                  <c:v>12.025999999999982</c:v>
                </c:pt>
                <c:pt idx="62">
                  <c:v>1.7150000000000034</c:v>
                </c:pt>
                <c:pt idx="63">
                  <c:v>-0.13899999999999579</c:v>
                </c:pt>
                <c:pt idx="64">
                  <c:v>-0.86899999999999977</c:v>
                </c:pt>
                <c:pt idx="65">
                  <c:v>3.7960000000000065</c:v>
                </c:pt>
                <c:pt idx="66">
                  <c:v>-6.7299999999999898</c:v>
                </c:pt>
                <c:pt idx="67">
                  <c:v>5.0029999999999859</c:v>
                </c:pt>
                <c:pt idx="68">
                  <c:v>-51.055000000000007</c:v>
                </c:pt>
                <c:pt idx="69">
                  <c:v>-12.369000000000028</c:v>
                </c:pt>
                <c:pt idx="70">
                  <c:v>41.552999999999997</c:v>
                </c:pt>
                <c:pt idx="71">
                  <c:v>-32.187000000000012</c:v>
                </c:pt>
                <c:pt idx="72">
                  <c:v>12.058999999999997</c:v>
                </c:pt>
                <c:pt idx="73">
                  <c:v>89.215000000000003</c:v>
                </c:pt>
                <c:pt idx="74">
                  <c:v>6.1890000000000001</c:v>
                </c:pt>
                <c:pt idx="75">
                  <c:v>5.777000000000001</c:v>
                </c:pt>
                <c:pt idx="76">
                  <c:v>2.7909999999999968</c:v>
                </c:pt>
                <c:pt idx="77">
                  <c:v>39.427000000000007</c:v>
                </c:pt>
                <c:pt idx="78">
                  <c:v>-46.724000000000004</c:v>
                </c:pt>
                <c:pt idx="79">
                  <c:v>11.761000000000024</c:v>
                </c:pt>
                <c:pt idx="80">
                  <c:v>-8.7439999999999714</c:v>
                </c:pt>
                <c:pt idx="81">
                  <c:v>2.9250000000000114</c:v>
                </c:pt>
                <c:pt idx="82">
                  <c:v>9.6139999999999759</c:v>
                </c:pt>
                <c:pt idx="83">
                  <c:v>-15.555000000000007</c:v>
                </c:pt>
                <c:pt idx="84">
                  <c:v>-11.936999999999983</c:v>
                </c:pt>
                <c:pt idx="85">
                  <c:v>-19.519999999999996</c:v>
                </c:pt>
                <c:pt idx="86">
                  <c:v>7.3320000000000078</c:v>
                </c:pt>
                <c:pt idx="87">
                  <c:v>3.9820000000000064</c:v>
                </c:pt>
                <c:pt idx="88">
                  <c:v>3.9250000000000043</c:v>
                </c:pt>
                <c:pt idx="89">
                  <c:v>0</c:v>
                </c:pt>
                <c:pt idx="90">
                  <c:v>-14.332999999999998</c:v>
                </c:pt>
                <c:pt idx="91">
                  <c:v>-10.256</c:v>
                </c:pt>
                <c:pt idx="92">
                  <c:v>-8.8870000000000005</c:v>
                </c:pt>
                <c:pt idx="93">
                  <c:v>6.0820000000000505</c:v>
                </c:pt>
                <c:pt idx="94">
                  <c:v>2.7730000000000246</c:v>
                </c:pt>
                <c:pt idx="95">
                  <c:v>-4.4800000000000182</c:v>
                </c:pt>
                <c:pt idx="96">
                  <c:v>5.2120000000000175</c:v>
                </c:pt>
                <c:pt idx="97">
                  <c:v>5.6349999999999909</c:v>
                </c:pt>
                <c:pt idx="98">
                  <c:v>5.304000000000002</c:v>
                </c:pt>
                <c:pt idx="99">
                  <c:v>3.7800000000000082</c:v>
                </c:pt>
                <c:pt idx="100">
                  <c:v>1.8670000000000044</c:v>
                </c:pt>
                <c:pt idx="101">
                  <c:v>-9.9490000000000123</c:v>
                </c:pt>
                <c:pt idx="102">
                  <c:v>-6.757000000000005</c:v>
                </c:pt>
                <c:pt idx="103">
                  <c:v>5.3919999999999959</c:v>
                </c:pt>
                <c:pt idx="104">
                  <c:v>-13.439999999999998</c:v>
                </c:pt>
                <c:pt idx="105">
                  <c:v>0</c:v>
                </c:pt>
                <c:pt idx="106">
                  <c:v>7.6299999999999955</c:v>
                </c:pt>
                <c:pt idx="107">
                  <c:v>4.56899999999996</c:v>
                </c:pt>
                <c:pt idx="108">
                  <c:v>-4.9639999999999986</c:v>
                </c:pt>
                <c:pt idx="109">
                  <c:v>4.1780000000000115</c:v>
                </c:pt>
                <c:pt idx="110">
                  <c:v>1.3310000000000031</c:v>
                </c:pt>
                <c:pt idx="111">
                  <c:v>-1.4099999999999966</c:v>
                </c:pt>
                <c:pt idx="112">
                  <c:v>-3.5750000000000028</c:v>
                </c:pt>
                <c:pt idx="113">
                  <c:v>7.5139999999999958</c:v>
                </c:pt>
                <c:pt idx="114">
                  <c:v>0.64799999999999613</c:v>
                </c:pt>
                <c:pt idx="115">
                  <c:v>6.3729999999999905</c:v>
                </c:pt>
                <c:pt idx="116">
                  <c:v>9.6680000000000064</c:v>
                </c:pt>
                <c:pt idx="117">
                  <c:v>-9.09699999999998</c:v>
                </c:pt>
                <c:pt idx="118">
                  <c:v>8.1650000000000205</c:v>
                </c:pt>
                <c:pt idx="119">
                  <c:v>-7.257000000000005</c:v>
                </c:pt>
                <c:pt idx="120">
                  <c:v>-10.75</c:v>
                </c:pt>
                <c:pt idx="121">
                  <c:v>-4.5550000000000068</c:v>
                </c:pt>
                <c:pt idx="122">
                  <c:v>1.8780000000000001</c:v>
                </c:pt>
                <c:pt idx="123">
                  <c:v>-7.8000000000002956E-2</c:v>
                </c:pt>
                <c:pt idx="124">
                  <c:v>-2.4699999999999989</c:v>
                </c:pt>
                <c:pt idx="125">
                  <c:v>9.3789999999999907</c:v>
                </c:pt>
                <c:pt idx="126">
                  <c:v>-18.937000000000012</c:v>
                </c:pt>
                <c:pt idx="127">
                  <c:v>-10.628000000000014</c:v>
                </c:pt>
                <c:pt idx="128">
                  <c:v>-9.4269999999999641</c:v>
                </c:pt>
                <c:pt idx="129">
                  <c:v>-1.1190000000000282</c:v>
                </c:pt>
                <c:pt idx="130">
                  <c:v>12.92900000000003</c:v>
                </c:pt>
                <c:pt idx="131">
                  <c:v>-13.58099999999996</c:v>
                </c:pt>
                <c:pt idx="132">
                  <c:v>-5.5220000000000198</c:v>
                </c:pt>
                <c:pt idx="133">
                  <c:v>2.688999999999993</c:v>
                </c:pt>
                <c:pt idx="134">
                  <c:v>-2.3709999999999951</c:v>
                </c:pt>
                <c:pt idx="135">
                  <c:v>-3.8489999999999966</c:v>
                </c:pt>
                <c:pt idx="136">
                  <c:v>-5.5629999999999953</c:v>
                </c:pt>
                <c:pt idx="137">
                  <c:v>-6.9519999999999982</c:v>
                </c:pt>
                <c:pt idx="138">
                  <c:v>-12.501000000000005</c:v>
                </c:pt>
                <c:pt idx="139">
                  <c:v>-16.99199999999999</c:v>
                </c:pt>
                <c:pt idx="140">
                  <c:v>1.7489999999999668</c:v>
                </c:pt>
                <c:pt idx="141">
                  <c:v>1.6859999999999786</c:v>
                </c:pt>
                <c:pt idx="142">
                  <c:v>-10.097999999999956</c:v>
                </c:pt>
                <c:pt idx="143">
                  <c:v>-3.535000000000025</c:v>
                </c:pt>
                <c:pt idx="144">
                  <c:v>0.96500000000000341</c:v>
                </c:pt>
                <c:pt idx="145">
                  <c:v>2.1559999999999917</c:v>
                </c:pt>
                <c:pt idx="146">
                  <c:v>-0.70299999999999585</c:v>
                </c:pt>
                <c:pt idx="147">
                  <c:v>-3.2689999999999984</c:v>
                </c:pt>
                <c:pt idx="148">
                  <c:v>-4.7629999999999981</c:v>
                </c:pt>
                <c:pt idx="149">
                  <c:v>-5.6479999999999961</c:v>
                </c:pt>
                <c:pt idx="150">
                  <c:v>-8.7870000000000061</c:v>
                </c:pt>
                <c:pt idx="151">
                  <c:v>11.961999999999989</c:v>
                </c:pt>
                <c:pt idx="152">
                  <c:v>-2.1469999999999914</c:v>
                </c:pt>
                <c:pt idx="153">
                  <c:v>-3.9239999999999782</c:v>
                </c:pt>
                <c:pt idx="154">
                  <c:v>-9.6819999999999595</c:v>
                </c:pt>
                <c:pt idx="155">
                  <c:v>10.064999999999998</c:v>
                </c:pt>
                <c:pt idx="156">
                  <c:v>11.939999999999998</c:v>
                </c:pt>
                <c:pt idx="157">
                  <c:v>6.6919999999999931</c:v>
                </c:pt>
                <c:pt idx="158">
                  <c:v>1.080999999999996</c:v>
                </c:pt>
                <c:pt idx="159">
                  <c:v>-1.652000000000001</c:v>
                </c:pt>
                <c:pt idx="160">
                  <c:v>-2.9870000000000019</c:v>
                </c:pt>
                <c:pt idx="161">
                  <c:v>-1.36099999999999</c:v>
                </c:pt>
                <c:pt idx="162">
                  <c:v>-7.9379999999999882</c:v>
                </c:pt>
                <c:pt idx="163">
                  <c:v>-14.01400000000001</c:v>
                </c:pt>
                <c:pt idx="164">
                  <c:v>1.4980000000000473</c:v>
                </c:pt>
                <c:pt idx="165">
                  <c:v>17.965000000000032</c:v>
                </c:pt>
                <c:pt idx="166">
                  <c:v>-5.186999999999955</c:v>
                </c:pt>
                <c:pt idx="167">
                  <c:v>-11.396999999999991</c:v>
                </c:pt>
                <c:pt idx="168">
                  <c:v>9.311000000000007</c:v>
                </c:pt>
                <c:pt idx="169">
                  <c:v>5.0309999999999917</c:v>
                </c:pt>
                <c:pt idx="170">
                  <c:v>6.554000000000002</c:v>
                </c:pt>
                <c:pt idx="171">
                  <c:v>4.8449999999999989</c:v>
                </c:pt>
                <c:pt idx="172">
                  <c:v>3.1300000000000026</c:v>
                </c:pt>
                <c:pt idx="173">
                  <c:v>-1.7939999999999969</c:v>
                </c:pt>
                <c:pt idx="174">
                  <c:v>-4.2890000000000157</c:v>
                </c:pt>
                <c:pt idx="175">
                  <c:v>0.81999999999999318</c:v>
                </c:pt>
                <c:pt idx="176">
                  <c:v>7.7370000000000232</c:v>
                </c:pt>
                <c:pt idx="177">
                  <c:v>10.69599999999997</c:v>
                </c:pt>
                <c:pt idx="178">
                  <c:v>-18.826000000000022</c:v>
                </c:pt>
                <c:pt idx="179">
                  <c:v>11.951999999999998</c:v>
                </c:pt>
                <c:pt idx="180">
                  <c:v>11.140000000000015</c:v>
                </c:pt>
                <c:pt idx="181">
                  <c:v>6.9309999999999974</c:v>
                </c:pt>
                <c:pt idx="182">
                  <c:v>2.982999999999997</c:v>
                </c:pt>
                <c:pt idx="183">
                  <c:v>1.1049999999999969</c:v>
                </c:pt>
                <c:pt idx="184">
                  <c:v>-0.5210000000000008</c:v>
                </c:pt>
                <c:pt idx="185">
                  <c:v>-9.8959999999999937</c:v>
                </c:pt>
                <c:pt idx="186">
                  <c:v>17.837000000000018</c:v>
                </c:pt>
                <c:pt idx="187">
                  <c:v>6.3410000000000082</c:v>
                </c:pt>
                <c:pt idx="188">
                  <c:v>-15.336000000000013</c:v>
                </c:pt>
                <c:pt idx="189">
                  <c:v>-2.2379999999999995</c:v>
                </c:pt>
                <c:pt idx="190">
                  <c:v>-10.790999999999997</c:v>
                </c:pt>
                <c:pt idx="191">
                  <c:v>-6.7940000000000111</c:v>
                </c:pt>
                <c:pt idx="192">
                  <c:v>-0.8160000000000025</c:v>
                </c:pt>
                <c:pt idx="193">
                  <c:v>1.3170000000000073</c:v>
                </c:pt>
                <c:pt idx="194">
                  <c:v>0.45100000000000051</c:v>
                </c:pt>
                <c:pt idx="195">
                  <c:v>-0.80299999999999727</c:v>
                </c:pt>
                <c:pt idx="196">
                  <c:v>-1.1280000000000001</c:v>
                </c:pt>
                <c:pt idx="197">
                  <c:v>-0.8819999999999979</c:v>
                </c:pt>
                <c:pt idx="198">
                  <c:v>7.0890000000000128</c:v>
                </c:pt>
                <c:pt idx="199">
                  <c:v>2.7549999999999955</c:v>
                </c:pt>
                <c:pt idx="200">
                  <c:v>5.0149999999999864</c:v>
                </c:pt>
                <c:pt idx="201">
                  <c:v>-5.1500000000000341</c:v>
                </c:pt>
                <c:pt idx="202">
                  <c:v>-20.728999999999985</c:v>
                </c:pt>
                <c:pt idx="203">
                  <c:v>13.899000000000001</c:v>
                </c:pt>
                <c:pt idx="204">
                  <c:v>1.7079999999999984</c:v>
                </c:pt>
                <c:pt idx="205">
                  <c:v>26.801999999999992</c:v>
                </c:pt>
                <c:pt idx="206">
                  <c:v>-9.6000000000003638E-2</c:v>
                </c:pt>
                <c:pt idx="207">
                  <c:v>-1.7469999999999999</c:v>
                </c:pt>
                <c:pt idx="208">
                  <c:v>-2.8940000000000055</c:v>
                </c:pt>
                <c:pt idx="209">
                  <c:v>-12.32</c:v>
                </c:pt>
                <c:pt idx="210">
                  <c:v>16.719000000000008</c:v>
                </c:pt>
                <c:pt idx="211">
                  <c:v>0.34299999999998931</c:v>
                </c:pt>
                <c:pt idx="212">
                  <c:v>2.396000000000015</c:v>
                </c:pt>
              </c:numCache>
            </c:numRef>
          </c:yVal>
        </c:ser>
        <c:axId val="46003712"/>
        <c:axId val="46005248"/>
      </c:scatterChart>
      <c:valAx>
        <c:axId val="46003712"/>
        <c:scaling>
          <c:orientation val="minMax"/>
        </c:scaling>
        <c:axPos val="b"/>
        <c:numFmt formatCode="mmm\-yy" sourceLinked="1"/>
        <c:tickLblPos val="nextTo"/>
        <c:crossAx val="46005248"/>
        <c:crosses val="autoZero"/>
        <c:crossBetween val="midCat"/>
      </c:valAx>
      <c:valAx>
        <c:axId val="46005248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</c:title>
        <c:numFmt formatCode="#,##0.0_ ;[Red]\-#,##0.0\ 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6003712"/>
        <c:crosses val="autoZero"/>
        <c:crossBetween val="midCat"/>
      </c:valAx>
    </c:plotArea>
    <c:legend>
      <c:legendPos val="b"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55" l="0.70000000000000062" r="0.70000000000000062" t="0.75000000000000155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Residential</a:t>
            </a:r>
            <a:r>
              <a:rPr lang="en-US" baseline="0"/>
              <a:t> 01</a:t>
            </a:r>
            <a:r>
              <a:rPr lang="en-US"/>
              <a:t>Mkt. Volume: Regression Results</a:t>
            </a:r>
          </a:p>
        </c:rich>
      </c:tx>
      <c:layout/>
    </c:title>
    <c:plotArea>
      <c:layout/>
      <c:lineChart>
        <c:grouping val="standard"/>
        <c:ser>
          <c:idx val="0"/>
          <c:order val="0"/>
          <c:tx>
            <c:strRef>
              <c:f>'Residential VOL Regn North'!$B$42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numRef>
              <c:f>'Residential VOL Regn North'!$A$43:$A$230</c:f>
              <c:numCache>
                <c:formatCode>mmm\-yy</c:formatCode>
                <c:ptCount val="188"/>
                <c:pt idx="0">
                  <c:v>35186</c:v>
                </c:pt>
                <c:pt idx="1">
                  <c:v>35217</c:v>
                </c:pt>
                <c:pt idx="2">
                  <c:v>35247</c:v>
                </c:pt>
                <c:pt idx="3">
                  <c:v>35278</c:v>
                </c:pt>
                <c:pt idx="4">
                  <c:v>35309</c:v>
                </c:pt>
                <c:pt idx="5">
                  <c:v>35339</c:v>
                </c:pt>
                <c:pt idx="6">
                  <c:v>35370</c:v>
                </c:pt>
                <c:pt idx="7">
                  <c:v>35400</c:v>
                </c:pt>
                <c:pt idx="8">
                  <c:v>35431</c:v>
                </c:pt>
                <c:pt idx="9">
                  <c:v>35462</c:v>
                </c:pt>
                <c:pt idx="10">
                  <c:v>35490</c:v>
                </c:pt>
                <c:pt idx="11">
                  <c:v>35521</c:v>
                </c:pt>
                <c:pt idx="12">
                  <c:v>35551</c:v>
                </c:pt>
                <c:pt idx="13">
                  <c:v>35582</c:v>
                </c:pt>
                <c:pt idx="14">
                  <c:v>35612</c:v>
                </c:pt>
                <c:pt idx="15">
                  <c:v>35643</c:v>
                </c:pt>
                <c:pt idx="16">
                  <c:v>35674</c:v>
                </c:pt>
                <c:pt idx="17">
                  <c:v>35704</c:v>
                </c:pt>
                <c:pt idx="18">
                  <c:v>35735</c:v>
                </c:pt>
                <c:pt idx="19">
                  <c:v>35765</c:v>
                </c:pt>
                <c:pt idx="20">
                  <c:v>35796</c:v>
                </c:pt>
                <c:pt idx="21">
                  <c:v>35827</c:v>
                </c:pt>
                <c:pt idx="22">
                  <c:v>35855</c:v>
                </c:pt>
                <c:pt idx="23">
                  <c:v>35886</c:v>
                </c:pt>
                <c:pt idx="24">
                  <c:v>35916</c:v>
                </c:pt>
                <c:pt idx="25">
                  <c:v>35947</c:v>
                </c:pt>
                <c:pt idx="26">
                  <c:v>35977</c:v>
                </c:pt>
                <c:pt idx="27">
                  <c:v>36008</c:v>
                </c:pt>
                <c:pt idx="28">
                  <c:v>36039</c:v>
                </c:pt>
                <c:pt idx="29">
                  <c:v>36069</c:v>
                </c:pt>
                <c:pt idx="30">
                  <c:v>36100</c:v>
                </c:pt>
                <c:pt idx="31">
                  <c:v>36130</c:v>
                </c:pt>
                <c:pt idx="32">
                  <c:v>36161</c:v>
                </c:pt>
                <c:pt idx="33">
                  <c:v>36192</c:v>
                </c:pt>
                <c:pt idx="34">
                  <c:v>36220</c:v>
                </c:pt>
                <c:pt idx="35">
                  <c:v>36251</c:v>
                </c:pt>
                <c:pt idx="36">
                  <c:v>36281</c:v>
                </c:pt>
                <c:pt idx="37">
                  <c:v>36312</c:v>
                </c:pt>
                <c:pt idx="38">
                  <c:v>36342</c:v>
                </c:pt>
                <c:pt idx="39">
                  <c:v>36373</c:v>
                </c:pt>
                <c:pt idx="40">
                  <c:v>36404</c:v>
                </c:pt>
                <c:pt idx="41">
                  <c:v>36434</c:v>
                </c:pt>
                <c:pt idx="42">
                  <c:v>36465</c:v>
                </c:pt>
                <c:pt idx="43">
                  <c:v>36495</c:v>
                </c:pt>
                <c:pt idx="44">
                  <c:v>36526</c:v>
                </c:pt>
                <c:pt idx="45">
                  <c:v>36557</c:v>
                </c:pt>
                <c:pt idx="46">
                  <c:v>36586</c:v>
                </c:pt>
                <c:pt idx="47">
                  <c:v>36617</c:v>
                </c:pt>
                <c:pt idx="48">
                  <c:v>36647</c:v>
                </c:pt>
                <c:pt idx="49">
                  <c:v>36678</c:v>
                </c:pt>
                <c:pt idx="50">
                  <c:v>36708</c:v>
                </c:pt>
                <c:pt idx="51">
                  <c:v>36739</c:v>
                </c:pt>
                <c:pt idx="52">
                  <c:v>36770</c:v>
                </c:pt>
                <c:pt idx="53">
                  <c:v>36800</c:v>
                </c:pt>
                <c:pt idx="54">
                  <c:v>36831</c:v>
                </c:pt>
                <c:pt idx="55">
                  <c:v>36861</c:v>
                </c:pt>
                <c:pt idx="56">
                  <c:v>36892</c:v>
                </c:pt>
                <c:pt idx="57">
                  <c:v>36923</c:v>
                </c:pt>
                <c:pt idx="58">
                  <c:v>36951</c:v>
                </c:pt>
                <c:pt idx="59">
                  <c:v>36982</c:v>
                </c:pt>
                <c:pt idx="60">
                  <c:v>37012</c:v>
                </c:pt>
                <c:pt idx="61">
                  <c:v>37043</c:v>
                </c:pt>
                <c:pt idx="62">
                  <c:v>37073</c:v>
                </c:pt>
                <c:pt idx="63">
                  <c:v>37104</c:v>
                </c:pt>
                <c:pt idx="64">
                  <c:v>37135</c:v>
                </c:pt>
                <c:pt idx="65">
                  <c:v>37165</c:v>
                </c:pt>
                <c:pt idx="66">
                  <c:v>37196</c:v>
                </c:pt>
                <c:pt idx="67">
                  <c:v>37226</c:v>
                </c:pt>
                <c:pt idx="68">
                  <c:v>37257</c:v>
                </c:pt>
                <c:pt idx="69">
                  <c:v>37288</c:v>
                </c:pt>
                <c:pt idx="70">
                  <c:v>37316</c:v>
                </c:pt>
                <c:pt idx="71">
                  <c:v>37347</c:v>
                </c:pt>
                <c:pt idx="72">
                  <c:v>37377</c:v>
                </c:pt>
                <c:pt idx="73">
                  <c:v>37408</c:v>
                </c:pt>
                <c:pt idx="74">
                  <c:v>37438</c:v>
                </c:pt>
                <c:pt idx="75">
                  <c:v>37469</c:v>
                </c:pt>
                <c:pt idx="76">
                  <c:v>37500</c:v>
                </c:pt>
                <c:pt idx="77">
                  <c:v>37530</c:v>
                </c:pt>
                <c:pt idx="78">
                  <c:v>37561</c:v>
                </c:pt>
                <c:pt idx="79">
                  <c:v>37591</c:v>
                </c:pt>
                <c:pt idx="80">
                  <c:v>37622</c:v>
                </c:pt>
                <c:pt idx="81">
                  <c:v>37653</c:v>
                </c:pt>
                <c:pt idx="82">
                  <c:v>37681</c:v>
                </c:pt>
                <c:pt idx="83">
                  <c:v>37712</c:v>
                </c:pt>
                <c:pt idx="84">
                  <c:v>37742</c:v>
                </c:pt>
                <c:pt idx="85">
                  <c:v>37773</c:v>
                </c:pt>
                <c:pt idx="86">
                  <c:v>37803</c:v>
                </c:pt>
                <c:pt idx="87">
                  <c:v>37834</c:v>
                </c:pt>
                <c:pt idx="88">
                  <c:v>37865</c:v>
                </c:pt>
                <c:pt idx="89">
                  <c:v>37895</c:v>
                </c:pt>
                <c:pt idx="90">
                  <c:v>37926</c:v>
                </c:pt>
                <c:pt idx="91">
                  <c:v>37956</c:v>
                </c:pt>
                <c:pt idx="92">
                  <c:v>37987</c:v>
                </c:pt>
                <c:pt idx="93">
                  <c:v>38018</c:v>
                </c:pt>
                <c:pt idx="94">
                  <c:v>38047</c:v>
                </c:pt>
                <c:pt idx="95">
                  <c:v>38078</c:v>
                </c:pt>
                <c:pt idx="96">
                  <c:v>38108</c:v>
                </c:pt>
                <c:pt idx="97">
                  <c:v>38139</c:v>
                </c:pt>
                <c:pt idx="98">
                  <c:v>38169</c:v>
                </c:pt>
                <c:pt idx="99">
                  <c:v>38200</c:v>
                </c:pt>
                <c:pt idx="100">
                  <c:v>38231</c:v>
                </c:pt>
                <c:pt idx="101">
                  <c:v>38261</c:v>
                </c:pt>
                <c:pt idx="102">
                  <c:v>38292</c:v>
                </c:pt>
                <c:pt idx="103">
                  <c:v>38322</c:v>
                </c:pt>
                <c:pt idx="104">
                  <c:v>38353</c:v>
                </c:pt>
                <c:pt idx="105">
                  <c:v>38384</c:v>
                </c:pt>
                <c:pt idx="106">
                  <c:v>38412</c:v>
                </c:pt>
                <c:pt idx="107">
                  <c:v>38443</c:v>
                </c:pt>
                <c:pt idx="108">
                  <c:v>38473</c:v>
                </c:pt>
                <c:pt idx="109">
                  <c:v>38504</c:v>
                </c:pt>
                <c:pt idx="110">
                  <c:v>38534</c:v>
                </c:pt>
                <c:pt idx="111">
                  <c:v>38565</c:v>
                </c:pt>
                <c:pt idx="112">
                  <c:v>38596</c:v>
                </c:pt>
                <c:pt idx="113">
                  <c:v>38626</c:v>
                </c:pt>
                <c:pt idx="114">
                  <c:v>38657</c:v>
                </c:pt>
                <c:pt idx="115">
                  <c:v>38687</c:v>
                </c:pt>
                <c:pt idx="116">
                  <c:v>38718</c:v>
                </c:pt>
                <c:pt idx="117">
                  <c:v>38749</c:v>
                </c:pt>
                <c:pt idx="118">
                  <c:v>38777</c:v>
                </c:pt>
                <c:pt idx="119">
                  <c:v>38808</c:v>
                </c:pt>
                <c:pt idx="120">
                  <c:v>38838</c:v>
                </c:pt>
                <c:pt idx="121">
                  <c:v>38869</c:v>
                </c:pt>
                <c:pt idx="122">
                  <c:v>38899</c:v>
                </c:pt>
                <c:pt idx="123">
                  <c:v>38930</c:v>
                </c:pt>
                <c:pt idx="124">
                  <c:v>38961</c:v>
                </c:pt>
                <c:pt idx="125">
                  <c:v>38991</c:v>
                </c:pt>
                <c:pt idx="126">
                  <c:v>39022</c:v>
                </c:pt>
                <c:pt idx="127">
                  <c:v>39052</c:v>
                </c:pt>
                <c:pt idx="128">
                  <c:v>39083</c:v>
                </c:pt>
                <c:pt idx="129">
                  <c:v>39114</c:v>
                </c:pt>
                <c:pt idx="130">
                  <c:v>39142</c:v>
                </c:pt>
                <c:pt idx="131">
                  <c:v>39173</c:v>
                </c:pt>
                <c:pt idx="132">
                  <c:v>39203</c:v>
                </c:pt>
                <c:pt idx="133">
                  <c:v>39234</c:v>
                </c:pt>
                <c:pt idx="134">
                  <c:v>39264</c:v>
                </c:pt>
                <c:pt idx="135">
                  <c:v>39295</c:v>
                </c:pt>
                <c:pt idx="136">
                  <c:v>39326</c:v>
                </c:pt>
                <c:pt idx="137">
                  <c:v>39356</c:v>
                </c:pt>
                <c:pt idx="138">
                  <c:v>39387</c:v>
                </c:pt>
                <c:pt idx="139">
                  <c:v>39417</c:v>
                </c:pt>
                <c:pt idx="140">
                  <c:v>39448</c:v>
                </c:pt>
                <c:pt idx="141">
                  <c:v>39479</c:v>
                </c:pt>
                <c:pt idx="142">
                  <c:v>39508</c:v>
                </c:pt>
                <c:pt idx="143">
                  <c:v>39539</c:v>
                </c:pt>
                <c:pt idx="144">
                  <c:v>39569</c:v>
                </c:pt>
                <c:pt idx="145">
                  <c:v>39600</c:v>
                </c:pt>
                <c:pt idx="146">
                  <c:v>39630</c:v>
                </c:pt>
                <c:pt idx="147">
                  <c:v>39661</c:v>
                </c:pt>
                <c:pt idx="148">
                  <c:v>39692</c:v>
                </c:pt>
                <c:pt idx="149">
                  <c:v>39722</c:v>
                </c:pt>
                <c:pt idx="150">
                  <c:v>39753</c:v>
                </c:pt>
                <c:pt idx="151">
                  <c:v>39783</c:v>
                </c:pt>
                <c:pt idx="152">
                  <c:v>39814</c:v>
                </c:pt>
                <c:pt idx="153">
                  <c:v>39845</c:v>
                </c:pt>
                <c:pt idx="154">
                  <c:v>39873</c:v>
                </c:pt>
                <c:pt idx="155">
                  <c:v>39904</c:v>
                </c:pt>
                <c:pt idx="156">
                  <c:v>39934</c:v>
                </c:pt>
                <c:pt idx="157">
                  <c:v>39965</c:v>
                </c:pt>
                <c:pt idx="158">
                  <c:v>39995</c:v>
                </c:pt>
                <c:pt idx="159">
                  <c:v>40026</c:v>
                </c:pt>
                <c:pt idx="160">
                  <c:v>40057</c:v>
                </c:pt>
                <c:pt idx="161">
                  <c:v>40087</c:v>
                </c:pt>
                <c:pt idx="162">
                  <c:v>40118</c:v>
                </c:pt>
                <c:pt idx="163">
                  <c:v>40148</c:v>
                </c:pt>
                <c:pt idx="164">
                  <c:v>40179</c:v>
                </c:pt>
                <c:pt idx="165">
                  <c:v>40210</c:v>
                </c:pt>
                <c:pt idx="166">
                  <c:v>40238</c:v>
                </c:pt>
                <c:pt idx="167">
                  <c:v>40269</c:v>
                </c:pt>
                <c:pt idx="168">
                  <c:v>40299</c:v>
                </c:pt>
                <c:pt idx="169">
                  <c:v>40330</c:v>
                </c:pt>
                <c:pt idx="170">
                  <c:v>40360</c:v>
                </c:pt>
                <c:pt idx="171">
                  <c:v>40391</c:v>
                </c:pt>
                <c:pt idx="172">
                  <c:v>40422</c:v>
                </c:pt>
                <c:pt idx="173">
                  <c:v>40452</c:v>
                </c:pt>
                <c:pt idx="174">
                  <c:v>40483</c:v>
                </c:pt>
                <c:pt idx="175">
                  <c:v>40513</c:v>
                </c:pt>
                <c:pt idx="176">
                  <c:v>40544</c:v>
                </c:pt>
                <c:pt idx="177">
                  <c:v>40575</c:v>
                </c:pt>
                <c:pt idx="178">
                  <c:v>40603</c:v>
                </c:pt>
                <c:pt idx="179">
                  <c:v>40634</c:v>
                </c:pt>
                <c:pt idx="180">
                  <c:v>40664</c:v>
                </c:pt>
                <c:pt idx="181">
                  <c:v>40695</c:v>
                </c:pt>
                <c:pt idx="182">
                  <c:v>40725</c:v>
                </c:pt>
                <c:pt idx="183">
                  <c:v>40756</c:v>
                </c:pt>
                <c:pt idx="184">
                  <c:v>40787</c:v>
                </c:pt>
                <c:pt idx="185">
                  <c:v>40817</c:v>
                </c:pt>
                <c:pt idx="186">
                  <c:v>40848</c:v>
                </c:pt>
                <c:pt idx="187">
                  <c:v>40878</c:v>
                </c:pt>
              </c:numCache>
            </c:numRef>
          </c:cat>
          <c:val>
            <c:numRef>
              <c:f>'Residential VOL Regn North'!$B$43:$B$230</c:f>
              <c:numCache>
                <c:formatCode>#,##0.0_ ;[Red]\-#,##0.0\ </c:formatCode>
                <c:ptCount val="188"/>
                <c:pt idx="0">
                  <c:v>35842</c:v>
                </c:pt>
                <c:pt idx="1">
                  <c:v>15000.333000000001</c:v>
                </c:pt>
                <c:pt idx="2">
                  <c:v>15000.333000000001</c:v>
                </c:pt>
                <c:pt idx="3">
                  <c:v>15000.333000000001</c:v>
                </c:pt>
                <c:pt idx="4">
                  <c:v>21096</c:v>
                </c:pt>
                <c:pt idx="5">
                  <c:v>46155</c:v>
                </c:pt>
                <c:pt idx="6">
                  <c:v>74472</c:v>
                </c:pt>
                <c:pt idx="7">
                  <c:v>86149</c:v>
                </c:pt>
                <c:pt idx="8">
                  <c:v>131775.9</c:v>
                </c:pt>
                <c:pt idx="9">
                  <c:v>102056.3</c:v>
                </c:pt>
                <c:pt idx="10">
                  <c:v>92754.5</c:v>
                </c:pt>
                <c:pt idx="11">
                  <c:v>56617.8</c:v>
                </c:pt>
                <c:pt idx="12">
                  <c:v>40715.800000000003</c:v>
                </c:pt>
                <c:pt idx="13">
                  <c:v>15258.633</c:v>
                </c:pt>
                <c:pt idx="14">
                  <c:v>15258.633</c:v>
                </c:pt>
                <c:pt idx="15">
                  <c:v>15258.633</c:v>
                </c:pt>
                <c:pt idx="16">
                  <c:v>23375.8</c:v>
                </c:pt>
                <c:pt idx="17">
                  <c:v>44528</c:v>
                </c:pt>
                <c:pt idx="18">
                  <c:v>70390</c:v>
                </c:pt>
                <c:pt idx="19">
                  <c:v>84838</c:v>
                </c:pt>
                <c:pt idx="20">
                  <c:v>110622</c:v>
                </c:pt>
                <c:pt idx="21">
                  <c:v>89188</c:v>
                </c:pt>
                <c:pt idx="22">
                  <c:v>83379</c:v>
                </c:pt>
                <c:pt idx="23">
                  <c:v>44822.7</c:v>
                </c:pt>
                <c:pt idx="24">
                  <c:v>23306.400000000001</c:v>
                </c:pt>
                <c:pt idx="25">
                  <c:v>13341.633</c:v>
                </c:pt>
                <c:pt idx="26">
                  <c:v>13341.633</c:v>
                </c:pt>
                <c:pt idx="27">
                  <c:v>13341.633</c:v>
                </c:pt>
                <c:pt idx="28">
                  <c:v>20537</c:v>
                </c:pt>
                <c:pt idx="29">
                  <c:v>24547.131000000001</c:v>
                </c:pt>
                <c:pt idx="30">
                  <c:v>65298.796000000002</c:v>
                </c:pt>
                <c:pt idx="31">
                  <c:v>90642.812000000005</c:v>
                </c:pt>
                <c:pt idx="32">
                  <c:v>116082.06600000001</c:v>
                </c:pt>
                <c:pt idx="33">
                  <c:v>90243.548999999999</c:v>
                </c:pt>
                <c:pt idx="34">
                  <c:v>90071.323000000004</c:v>
                </c:pt>
                <c:pt idx="35">
                  <c:v>59033.017</c:v>
                </c:pt>
                <c:pt idx="36">
                  <c:v>31817.194</c:v>
                </c:pt>
                <c:pt idx="37">
                  <c:v>15761.406999999999</c:v>
                </c:pt>
                <c:pt idx="38">
                  <c:v>15761.406999999999</c:v>
                </c:pt>
                <c:pt idx="39">
                  <c:v>15761.406999999999</c:v>
                </c:pt>
                <c:pt idx="40">
                  <c:v>20339.965</c:v>
                </c:pt>
                <c:pt idx="41">
                  <c:v>42804.616999999998</c:v>
                </c:pt>
                <c:pt idx="42">
                  <c:v>64970.483999999997</c:v>
                </c:pt>
                <c:pt idx="43">
                  <c:v>82706.123000000007</c:v>
                </c:pt>
                <c:pt idx="44">
                  <c:v>122549.951</c:v>
                </c:pt>
                <c:pt idx="45">
                  <c:v>105743.951</c:v>
                </c:pt>
                <c:pt idx="46">
                  <c:v>66317.563999999998</c:v>
                </c:pt>
                <c:pt idx="47">
                  <c:v>61473.817000000003</c:v>
                </c:pt>
                <c:pt idx="48">
                  <c:v>54852.959000000003</c:v>
                </c:pt>
                <c:pt idx="49">
                  <c:v>16746.129000000001</c:v>
                </c:pt>
                <c:pt idx="50">
                  <c:v>16746.129000000001</c:v>
                </c:pt>
                <c:pt idx="51">
                  <c:v>16746.129000000001</c:v>
                </c:pt>
                <c:pt idx="52">
                  <c:v>35174.156999999999</c:v>
                </c:pt>
                <c:pt idx="53">
                  <c:v>28849.941999999999</c:v>
                </c:pt>
                <c:pt idx="54">
                  <c:v>72242.926000000007</c:v>
                </c:pt>
                <c:pt idx="55">
                  <c:v>117048.356</c:v>
                </c:pt>
                <c:pt idx="56">
                  <c:v>114646.995</c:v>
                </c:pt>
                <c:pt idx="57">
                  <c:v>106174.02499999999</c:v>
                </c:pt>
                <c:pt idx="58">
                  <c:v>84323.138000000006</c:v>
                </c:pt>
                <c:pt idx="59">
                  <c:v>50759.375999999997</c:v>
                </c:pt>
                <c:pt idx="60">
                  <c:v>23352.686000000002</c:v>
                </c:pt>
                <c:pt idx="61">
                  <c:v>16569.847000000002</c:v>
                </c:pt>
                <c:pt idx="62">
                  <c:v>16569.847000000002</c:v>
                </c:pt>
                <c:pt idx="63">
                  <c:v>16569.847000000002</c:v>
                </c:pt>
                <c:pt idx="64">
                  <c:v>29582.226999999999</c:v>
                </c:pt>
                <c:pt idx="65">
                  <c:v>37240.362000000001</c:v>
                </c:pt>
                <c:pt idx="66">
                  <c:v>58090.705999999998</c:v>
                </c:pt>
                <c:pt idx="67">
                  <c:v>84483.178</c:v>
                </c:pt>
                <c:pt idx="68">
                  <c:v>111193.239</c:v>
                </c:pt>
                <c:pt idx="69">
                  <c:v>95386.464000000007</c:v>
                </c:pt>
                <c:pt idx="70">
                  <c:v>93874.866999999998</c:v>
                </c:pt>
                <c:pt idx="71">
                  <c:v>60619.275999999998</c:v>
                </c:pt>
                <c:pt idx="72">
                  <c:v>41128.552000000003</c:v>
                </c:pt>
                <c:pt idx="73">
                  <c:v>16306.084000000001</c:v>
                </c:pt>
                <c:pt idx="74">
                  <c:v>16306.084000000001</c:v>
                </c:pt>
                <c:pt idx="75">
                  <c:v>16306.084000000001</c:v>
                </c:pt>
                <c:pt idx="76">
                  <c:v>16751.71</c:v>
                </c:pt>
                <c:pt idx="77">
                  <c:v>46779.504999999997</c:v>
                </c:pt>
                <c:pt idx="78">
                  <c:v>79954.298999999999</c:v>
                </c:pt>
                <c:pt idx="79">
                  <c:v>92878.486000000004</c:v>
                </c:pt>
                <c:pt idx="80">
                  <c:v>141948.13099999999</c:v>
                </c:pt>
                <c:pt idx="81">
                  <c:v>117355.6</c:v>
                </c:pt>
                <c:pt idx="82">
                  <c:v>93269.09</c:v>
                </c:pt>
                <c:pt idx="83">
                  <c:v>61681.49</c:v>
                </c:pt>
                <c:pt idx="84">
                  <c:v>31765.588</c:v>
                </c:pt>
                <c:pt idx="85">
                  <c:v>14565.594999999999</c:v>
                </c:pt>
                <c:pt idx="86">
                  <c:v>14565.594999999999</c:v>
                </c:pt>
                <c:pt idx="87">
                  <c:v>14565.594999999999</c:v>
                </c:pt>
                <c:pt idx="88">
                  <c:v>20839.686000000002</c:v>
                </c:pt>
                <c:pt idx="89">
                  <c:v>42342.37</c:v>
                </c:pt>
                <c:pt idx="90">
                  <c:v>70078.917000000001</c:v>
                </c:pt>
                <c:pt idx="91">
                  <c:v>97426.784</c:v>
                </c:pt>
                <c:pt idx="92">
                  <c:v>145664.527</c:v>
                </c:pt>
                <c:pt idx="93">
                  <c:v>100352.02899999999</c:v>
                </c:pt>
                <c:pt idx="94">
                  <c:v>80791.725999999995</c:v>
                </c:pt>
                <c:pt idx="95">
                  <c:v>57124.474000000002</c:v>
                </c:pt>
                <c:pt idx="96">
                  <c:v>35148.42</c:v>
                </c:pt>
                <c:pt idx="97">
                  <c:v>14792.35</c:v>
                </c:pt>
                <c:pt idx="98">
                  <c:v>14792.35</c:v>
                </c:pt>
                <c:pt idx="99">
                  <c:v>14792.35</c:v>
                </c:pt>
                <c:pt idx="100">
                  <c:v>21290.154999999999</c:v>
                </c:pt>
                <c:pt idx="101">
                  <c:v>34175.652999999998</c:v>
                </c:pt>
                <c:pt idx="102">
                  <c:v>64351.019</c:v>
                </c:pt>
                <c:pt idx="103">
                  <c:v>107921.53599999999</c:v>
                </c:pt>
                <c:pt idx="104">
                  <c:v>134566.93700000001</c:v>
                </c:pt>
                <c:pt idx="105">
                  <c:v>99706.93</c:v>
                </c:pt>
                <c:pt idx="106">
                  <c:v>89049.144</c:v>
                </c:pt>
                <c:pt idx="107">
                  <c:v>49456.652000000002</c:v>
                </c:pt>
                <c:pt idx="108">
                  <c:v>33331.769999999997</c:v>
                </c:pt>
                <c:pt idx="109">
                  <c:v>13782.761</c:v>
                </c:pt>
                <c:pt idx="110">
                  <c:v>13782.761</c:v>
                </c:pt>
                <c:pt idx="111">
                  <c:v>13782.761</c:v>
                </c:pt>
                <c:pt idx="112">
                  <c:v>17103.376</c:v>
                </c:pt>
                <c:pt idx="113">
                  <c:v>33636.088000000003</c:v>
                </c:pt>
                <c:pt idx="114">
                  <c:v>66433.209000000003</c:v>
                </c:pt>
                <c:pt idx="115">
                  <c:v>104928.6</c:v>
                </c:pt>
                <c:pt idx="116">
                  <c:v>104448.689</c:v>
                </c:pt>
                <c:pt idx="117">
                  <c:v>101771.175</c:v>
                </c:pt>
                <c:pt idx="118">
                  <c:v>80768.739000000001</c:v>
                </c:pt>
                <c:pt idx="119">
                  <c:v>47588.042999999998</c:v>
                </c:pt>
                <c:pt idx="120">
                  <c:v>26780.723999999998</c:v>
                </c:pt>
                <c:pt idx="121">
                  <c:v>13714.880999999999</c:v>
                </c:pt>
                <c:pt idx="122">
                  <c:v>13714.880999999999</c:v>
                </c:pt>
                <c:pt idx="123">
                  <c:v>13714.880999999999</c:v>
                </c:pt>
                <c:pt idx="124">
                  <c:v>19727.393</c:v>
                </c:pt>
                <c:pt idx="125">
                  <c:v>39727.864000000001</c:v>
                </c:pt>
                <c:pt idx="126">
                  <c:v>67313.509000000005</c:v>
                </c:pt>
                <c:pt idx="127">
                  <c:v>85323.687000000005</c:v>
                </c:pt>
                <c:pt idx="128">
                  <c:v>116867.94100000001</c:v>
                </c:pt>
                <c:pt idx="129">
                  <c:v>112708.598</c:v>
                </c:pt>
                <c:pt idx="130">
                  <c:v>88318.682000000001</c:v>
                </c:pt>
                <c:pt idx="131">
                  <c:v>60291.873</c:v>
                </c:pt>
                <c:pt idx="132">
                  <c:v>29993.616999999998</c:v>
                </c:pt>
                <c:pt idx="133">
                  <c:v>14088.597</c:v>
                </c:pt>
                <c:pt idx="134">
                  <c:v>14088.597</c:v>
                </c:pt>
                <c:pt idx="135">
                  <c:v>14088.597</c:v>
                </c:pt>
                <c:pt idx="136">
                  <c:v>18248.582999999999</c:v>
                </c:pt>
                <c:pt idx="137">
                  <c:v>29416.519</c:v>
                </c:pt>
                <c:pt idx="138">
                  <c:v>69840.381999999998</c:v>
                </c:pt>
                <c:pt idx="139">
                  <c:v>106189.97900000001</c:v>
                </c:pt>
                <c:pt idx="140">
                  <c:v>119797.12699999999</c:v>
                </c:pt>
                <c:pt idx="141">
                  <c:v>108286.45</c:v>
                </c:pt>
                <c:pt idx="142">
                  <c:v>91727.808000000005</c:v>
                </c:pt>
                <c:pt idx="143">
                  <c:v>51846.373</c:v>
                </c:pt>
                <c:pt idx="144">
                  <c:v>34711.398999999998</c:v>
                </c:pt>
                <c:pt idx="145">
                  <c:v>15415.388000000001</c:v>
                </c:pt>
                <c:pt idx="146">
                  <c:v>15415.388000000001</c:v>
                </c:pt>
                <c:pt idx="147">
                  <c:v>15415.388000000001</c:v>
                </c:pt>
                <c:pt idx="148">
                  <c:v>17829.322</c:v>
                </c:pt>
                <c:pt idx="149">
                  <c:v>36784.326000000001</c:v>
                </c:pt>
                <c:pt idx="150">
                  <c:v>69570.835000000006</c:v>
                </c:pt>
                <c:pt idx="151">
                  <c:v>116067.851</c:v>
                </c:pt>
                <c:pt idx="152">
                  <c:v>142607.88200000001</c:v>
                </c:pt>
                <c:pt idx="153">
                  <c:v>95932.611999999994</c:v>
                </c:pt>
                <c:pt idx="154">
                  <c:v>88887.732000000004</c:v>
                </c:pt>
                <c:pt idx="155">
                  <c:v>56695.175000000003</c:v>
                </c:pt>
                <c:pt idx="156">
                  <c:v>33761.053</c:v>
                </c:pt>
                <c:pt idx="157">
                  <c:v>14398.77</c:v>
                </c:pt>
                <c:pt idx="158">
                  <c:v>14398.77</c:v>
                </c:pt>
                <c:pt idx="159">
                  <c:v>14398.77</c:v>
                </c:pt>
                <c:pt idx="160">
                  <c:v>15707.816000000001</c:v>
                </c:pt>
                <c:pt idx="161">
                  <c:v>46268.695</c:v>
                </c:pt>
                <c:pt idx="162">
                  <c:v>59261.951999999997</c:v>
                </c:pt>
                <c:pt idx="163">
                  <c:v>101810.889</c:v>
                </c:pt>
                <c:pt idx="164">
                  <c:v>121960.24800000001</c:v>
                </c:pt>
                <c:pt idx="165">
                  <c:v>95150.027000000002</c:v>
                </c:pt>
                <c:pt idx="166">
                  <c:v>66434.98</c:v>
                </c:pt>
                <c:pt idx="167">
                  <c:v>42755.531000000003</c:v>
                </c:pt>
                <c:pt idx="168">
                  <c:v>23013.654999999999</c:v>
                </c:pt>
                <c:pt idx="169">
                  <c:v>14020.932000000001</c:v>
                </c:pt>
                <c:pt idx="170">
                  <c:v>14020.932000000001</c:v>
                </c:pt>
                <c:pt idx="171">
                  <c:v>14020.932000000001</c:v>
                </c:pt>
                <c:pt idx="172">
                  <c:v>17531.060000000001</c:v>
                </c:pt>
                <c:pt idx="173">
                  <c:v>37800.845000000001</c:v>
                </c:pt>
                <c:pt idx="174">
                  <c:v>66113.135999999999</c:v>
                </c:pt>
                <c:pt idx="175">
                  <c:v>105722.182</c:v>
                </c:pt>
                <c:pt idx="176">
                  <c:v>136540.285</c:v>
                </c:pt>
                <c:pt idx="177">
                  <c:v>97232.769</c:v>
                </c:pt>
                <c:pt idx="178">
                  <c:v>95250.692999999999</c:v>
                </c:pt>
                <c:pt idx="179">
                  <c:v>55722.279000000002</c:v>
                </c:pt>
                <c:pt idx="180">
                  <c:v>32424.446</c:v>
                </c:pt>
                <c:pt idx="181">
                  <c:v>13254.29</c:v>
                </c:pt>
                <c:pt idx="182">
                  <c:v>13254.29</c:v>
                </c:pt>
                <c:pt idx="183">
                  <c:v>13254.29</c:v>
                </c:pt>
                <c:pt idx="184">
                  <c:v>14597.502</c:v>
                </c:pt>
                <c:pt idx="185">
                  <c:v>36540.372000000003</c:v>
                </c:pt>
                <c:pt idx="186">
                  <c:v>61018.169000000002</c:v>
                </c:pt>
                <c:pt idx="187">
                  <c:v>95548.198999999993</c:v>
                </c:pt>
              </c:numCache>
            </c:numRef>
          </c:val>
        </c:ser>
        <c:ser>
          <c:idx val="1"/>
          <c:order val="1"/>
          <c:tx>
            <c:strRef>
              <c:f>'Residential VOL Regn North'!$C$42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numRef>
              <c:f>'Residential VOL Regn North'!$A$43:$A$230</c:f>
              <c:numCache>
                <c:formatCode>mmm\-yy</c:formatCode>
                <c:ptCount val="188"/>
                <c:pt idx="0">
                  <c:v>35186</c:v>
                </c:pt>
                <c:pt idx="1">
                  <c:v>35217</c:v>
                </c:pt>
                <c:pt idx="2">
                  <c:v>35247</c:v>
                </c:pt>
                <c:pt idx="3">
                  <c:v>35278</c:v>
                </c:pt>
                <c:pt idx="4">
                  <c:v>35309</c:v>
                </c:pt>
                <c:pt idx="5">
                  <c:v>35339</c:v>
                </c:pt>
                <c:pt idx="6">
                  <c:v>35370</c:v>
                </c:pt>
                <c:pt idx="7">
                  <c:v>35400</c:v>
                </c:pt>
                <c:pt idx="8">
                  <c:v>35431</c:v>
                </c:pt>
                <c:pt idx="9">
                  <c:v>35462</c:v>
                </c:pt>
                <c:pt idx="10">
                  <c:v>35490</c:v>
                </c:pt>
                <c:pt idx="11">
                  <c:v>35521</c:v>
                </c:pt>
                <c:pt idx="12">
                  <c:v>35551</c:v>
                </c:pt>
                <c:pt idx="13">
                  <c:v>35582</c:v>
                </c:pt>
                <c:pt idx="14">
                  <c:v>35612</c:v>
                </c:pt>
                <c:pt idx="15">
                  <c:v>35643</c:v>
                </c:pt>
                <c:pt idx="16">
                  <c:v>35674</c:v>
                </c:pt>
                <c:pt idx="17">
                  <c:v>35704</c:v>
                </c:pt>
                <c:pt idx="18">
                  <c:v>35735</c:v>
                </c:pt>
                <c:pt idx="19">
                  <c:v>35765</c:v>
                </c:pt>
                <c:pt idx="20">
                  <c:v>35796</c:v>
                </c:pt>
                <c:pt idx="21">
                  <c:v>35827</c:v>
                </c:pt>
                <c:pt idx="22">
                  <c:v>35855</c:v>
                </c:pt>
                <c:pt idx="23">
                  <c:v>35886</c:v>
                </c:pt>
                <c:pt idx="24">
                  <c:v>35916</c:v>
                </c:pt>
                <c:pt idx="25">
                  <c:v>35947</c:v>
                </c:pt>
                <c:pt idx="26">
                  <c:v>35977</c:v>
                </c:pt>
                <c:pt idx="27">
                  <c:v>36008</c:v>
                </c:pt>
                <c:pt idx="28">
                  <c:v>36039</c:v>
                </c:pt>
                <c:pt idx="29">
                  <c:v>36069</c:v>
                </c:pt>
                <c:pt idx="30">
                  <c:v>36100</c:v>
                </c:pt>
                <c:pt idx="31">
                  <c:v>36130</c:v>
                </c:pt>
                <c:pt idx="32">
                  <c:v>36161</c:v>
                </c:pt>
                <c:pt idx="33">
                  <c:v>36192</c:v>
                </c:pt>
                <c:pt idx="34">
                  <c:v>36220</c:v>
                </c:pt>
                <c:pt idx="35">
                  <c:v>36251</c:v>
                </c:pt>
                <c:pt idx="36">
                  <c:v>36281</c:v>
                </c:pt>
                <c:pt idx="37">
                  <c:v>36312</c:v>
                </c:pt>
                <c:pt idx="38">
                  <c:v>36342</c:v>
                </c:pt>
                <c:pt idx="39">
                  <c:v>36373</c:v>
                </c:pt>
                <c:pt idx="40">
                  <c:v>36404</c:v>
                </c:pt>
                <c:pt idx="41">
                  <c:v>36434</c:v>
                </c:pt>
                <c:pt idx="42">
                  <c:v>36465</c:v>
                </c:pt>
                <c:pt idx="43">
                  <c:v>36495</c:v>
                </c:pt>
                <c:pt idx="44">
                  <c:v>36526</c:v>
                </c:pt>
                <c:pt idx="45">
                  <c:v>36557</c:v>
                </c:pt>
                <c:pt idx="46">
                  <c:v>36586</c:v>
                </c:pt>
                <c:pt idx="47">
                  <c:v>36617</c:v>
                </c:pt>
                <c:pt idx="48">
                  <c:v>36647</c:v>
                </c:pt>
                <c:pt idx="49">
                  <c:v>36678</c:v>
                </c:pt>
                <c:pt idx="50">
                  <c:v>36708</c:v>
                </c:pt>
                <c:pt idx="51">
                  <c:v>36739</c:v>
                </c:pt>
                <c:pt idx="52">
                  <c:v>36770</c:v>
                </c:pt>
                <c:pt idx="53">
                  <c:v>36800</c:v>
                </c:pt>
                <c:pt idx="54">
                  <c:v>36831</c:v>
                </c:pt>
                <c:pt idx="55">
                  <c:v>36861</c:v>
                </c:pt>
                <c:pt idx="56">
                  <c:v>36892</c:v>
                </c:pt>
                <c:pt idx="57">
                  <c:v>36923</c:v>
                </c:pt>
                <c:pt idx="58">
                  <c:v>36951</c:v>
                </c:pt>
                <c:pt idx="59">
                  <c:v>36982</c:v>
                </c:pt>
                <c:pt idx="60">
                  <c:v>37012</c:v>
                </c:pt>
                <c:pt idx="61">
                  <c:v>37043</c:v>
                </c:pt>
                <c:pt idx="62">
                  <c:v>37073</c:v>
                </c:pt>
                <c:pt idx="63">
                  <c:v>37104</c:v>
                </c:pt>
                <c:pt idx="64">
                  <c:v>37135</c:v>
                </c:pt>
                <c:pt idx="65">
                  <c:v>37165</c:v>
                </c:pt>
                <c:pt idx="66">
                  <c:v>37196</c:v>
                </c:pt>
                <c:pt idx="67">
                  <c:v>37226</c:v>
                </c:pt>
                <c:pt idx="68">
                  <c:v>37257</c:v>
                </c:pt>
                <c:pt idx="69">
                  <c:v>37288</c:v>
                </c:pt>
                <c:pt idx="70">
                  <c:v>37316</c:v>
                </c:pt>
                <c:pt idx="71">
                  <c:v>37347</c:v>
                </c:pt>
                <c:pt idx="72">
                  <c:v>37377</c:v>
                </c:pt>
                <c:pt idx="73">
                  <c:v>37408</c:v>
                </c:pt>
                <c:pt idx="74">
                  <c:v>37438</c:v>
                </c:pt>
                <c:pt idx="75">
                  <c:v>37469</c:v>
                </c:pt>
                <c:pt idx="76">
                  <c:v>37500</c:v>
                </c:pt>
                <c:pt idx="77">
                  <c:v>37530</c:v>
                </c:pt>
                <c:pt idx="78">
                  <c:v>37561</c:v>
                </c:pt>
                <c:pt idx="79">
                  <c:v>37591</c:v>
                </c:pt>
                <c:pt idx="80">
                  <c:v>37622</c:v>
                </c:pt>
                <c:pt idx="81">
                  <c:v>37653</c:v>
                </c:pt>
                <c:pt idx="82">
                  <c:v>37681</c:v>
                </c:pt>
                <c:pt idx="83">
                  <c:v>37712</c:v>
                </c:pt>
                <c:pt idx="84">
                  <c:v>37742</c:v>
                </c:pt>
                <c:pt idx="85">
                  <c:v>37773</c:v>
                </c:pt>
                <c:pt idx="86">
                  <c:v>37803</c:v>
                </c:pt>
                <c:pt idx="87">
                  <c:v>37834</c:v>
                </c:pt>
                <c:pt idx="88">
                  <c:v>37865</c:v>
                </c:pt>
                <c:pt idx="89">
                  <c:v>37895</c:v>
                </c:pt>
                <c:pt idx="90">
                  <c:v>37926</c:v>
                </c:pt>
                <c:pt idx="91">
                  <c:v>37956</c:v>
                </c:pt>
                <c:pt idx="92">
                  <c:v>37987</c:v>
                </c:pt>
                <c:pt idx="93">
                  <c:v>38018</c:v>
                </c:pt>
                <c:pt idx="94">
                  <c:v>38047</c:v>
                </c:pt>
                <c:pt idx="95">
                  <c:v>38078</c:v>
                </c:pt>
                <c:pt idx="96">
                  <c:v>38108</c:v>
                </c:pt>
                <c:pt idx="97">
                  <c:v>38139</c:v>
                </c:pt>
                <c:pt idx="98">
                  <c:v>38169</c:v>
                </c:pt>
                <c:pt idx="99">
                  <c:v>38200</c:v>
                </c:pt>
                <c:pt idx="100">
                  <c:v>38231</c:v>
                </c:pt>
                <c:pt idx="101">
                  <c:v>38261</c:v>
                </c:pt>
                <c:pt idx="102">
                  <c:v>38292</c:v>
                </c:pt>
                <c:pt idx="103">
                  <c:v>38322</c:v>
                </c:pt>
                <c:pt idx="104">
                  <c:v>38353</c:v>
                </c:pt>
                <c:pt idx="105">
                  <c:v>38384</c:v>
                </c:pt>
                <c:pt idx="106">
                  <c:v>38412</c:v>
                </c:pt>
                <c:pt idx="107">
                  <c:v>38443</c:v>
                </c:pt>
                <c:pt idx="108">
                  <c:v>38473</c:v>
                </c:pt>
                <c:pt idx="109">
                  <c:v>38504</c:v>
                </c:pt>
                <c:pt idx="110">
                  <c:v>38534</c:v>
                </c:pt>
                <c:pt idx="111">
                  <c:v>38565</c:v>
                </c:pt>
                <c:pt idx="112">
                  <c:v>38596</c:v>
                </c:pt>
                <c:pt idx="113">
                  <c:v>38626</c:v>
                </c:pt>
                <c:pt idx="114">
                  <c:v>38657</c:v>
                </c:pt>
                <c:pt idx="115">
                  <c:v>38687</c:v>
                </c:pt>
                <c:pt idx="116">
                  <c:v>38718</c:v>
                </c:pt>
                <c:pt idx="117">
                  <c:v>38749</c:v>
                </c:pt>
                <c:pt idx="118">
                  <c:v>38777</c:v>
                </c:pt>
                <c:pt idx="119">
                  <c:v>38808</c:v>
                </c:pt>
                <c:pt idx="120">
                  <c:v>38838</c:v>
                </c:pt>
                <c:pt idx="121">
                  <c:v>38869</c:v>
                </c:pt>
                <c:pt idx="122">
                  <c:v>38899</c:v>
                </c:pt>
                <c:pt idx="123">
                  <c:v>38930</c:v>
                </c:pt>
                <c:pt idx="124">
                  <c:v>38961</c:v>
                </c:pt>
                <c:pt idx="125">
                  <c:v>38991</c:v>
                </c:pt>
                <c:pt idx="126">
                  <c:v>39022</c:v>
                </c:pt>
                <c:pt idx="127">
                  <c:v>39052</c:v>
                </c:pt>
                <c:pt idx="128">
                  <c:v>39083</c:v>
                </c:pt>
                <c:pt idx="129">
                  <c:v>39114</c:v>
                </c:pt>
                <c:pt idx="130">
                  <c:v>39142</c:v>
                </c:pt>
                <c:pt idx="131">
                  <c:v>39173</c:v>
                </c:pt>
                <c:pt idx="132">
                  <c:v>39203</c:v>
                </c:pt>
                <c:pt idx="133">
                  <c:v>39234</c:v>
                </c:pt>
                <c:pt idx="134">
                  <c:v>39264</c:v>
                </c:pt>
                <c:pt idx="135">
                  <c:v>39295</c:v>
                </c:pt>
                <c:pt idx="136">
                  <c:v>39326</c:v>
                </c:pt>
                <c:pt idx="137">
                  <c:v>39356</c:v>
                </c:pt>
                <c:pt idx="138">
                  <c:v>39387</c:v>
                </c:pt>
                <c:pt idx="139">
                  <c:v>39417</c:v>
                </c:pt>
                <c:pt idx="140">
                  <c:v>39448</c:v>
                </c:pt>
                <c:pt idx="141">
                  <c:v>39479</c:v>
                </c:pt>
                <c:pt idx="142">
                  <c:v>39508</c:v>
                </c:pt>
                <c:pt idx="143">
                  <c:v>39539</c:v>
                </c:pt>
                <c:pt idx="144">
                  <c:v>39569</c:v>
                </c:pt>
                <c:pt idx="145">
                  <c:v>39600</c:v>
                </c:pt>
                <c:pt idx="146">
                  <c:v>39630</c:v>
                </c:pt>
                <c:pt idx="147">
                  <c:v>39661</c:v>
                </c:pt>
                <c:pt idx="148">
                  <c:v>39692</c:v>
                </c:pt>
                <c:pt idx="149">
                  <c:v>39722</c:v>
                </c:pt>
                <c:pt idx="150">
                  <c:v>39753</c:v>
                </c:pt>
                <c:pt idx="151">
                  <c:v>39783</c:v>
                </c:pt>
                <c:pt idx="152">
                  <c:v>39814</c:v>
                </c:pt>
                <c:pt idx="153">
                  <c:v>39845</c:v>
                </c:pt>
                <c:pt idx="154">
                  <c:v>39873</c:v>
                </c:pt>
                <c:pt idx="155">
                  <c:v>39904</c:v>
                </c:pt>
                <c:pt idx="156">
                  <c:v>39934</c:v>
                </c:pt>
                <c:pt idx="157">
                  <c:v>39965</c:v>
                </c:pt>
                <c:pt idx="158">
                  <c:v>39995</c:v>
                </c:pt>
                <c:pt idx="159">
                  <c:v>40026</c:v>
                </c:pt>
                <c:pt idx="160">
                  <c:v>40057</c:v>
                </c:pt>
                <c:pt idx="161">
                  <c:v>40087</c:v>
                </c:pt>
                <c:pt idx="162">
                  <c:v>40118</c:v>
                </c:pt>
                <c:pt idx="163">
                  <c:v>40148</c:v>
                </c:pt>
                <c:pt idx="164">
                  <c:v>40179</c:v>
                </c:pt>
                <c:pt idx="165">
                  <c:v>40210</c:v>
                </c:pt>
                <c:pt idx="166">
                  <c:v>40238</c:v>
                </c:pt>
                <c:pt idx="167">
                  <c:v>40269</c:v>
                </c:pt>
                <c:pt idx="168">
                  <c:v>40299</c:v>
                </c:pt>
                <c:pt idx="169">
                  <c:v>40330</c:v>
                </c:pt>
                <c:pt idx="170">
                  <c:v>40360</c:v>
                </c:pt>
                <c:pt idx="171">
                  <c:v>40391</c:v>
                </c:pt>
                <c:pt idx="172">
                  <c:v>40422</c:v>
                </c:pt>
                <c:pt idx="173">
                  <c:v>40452</c:v>
                </c:pt>
                <c:pt idx="174">
                  <c:v>40483</c:v>
                </c:pt>
                <c:pt idx="175">
                  <c:v>40513</c:v>
                </c:pt>
                <c:pt idx="176">
                  <c:v>40544</c:v>
                </c:pt>
                <c:pt idx="177">
                  <c:v>40575</c:v>
                </c:pt>
                <c:pt idx="178">
                  <c:v>40603</c:v>
                </c:pt>
                <c:pt idx="179">
                  <c:v>40634</c:v>
                </c:pt>
                <c:pt idx="180">
                  <c:v>40664</c:v>
                </c:pt>
                <c:pt idx="181">
                  <c:v>40695</c:v>
                </c:pt>
                <c:pt idx="182">
                  <c:v>40725</c:v>
                </c:pt>
                <c:pt idx="183">
                  <c:v>40756</c:v>
                </c:pt>
                <c:pt idx="184">
                  <c:v>40787</c:v>
                </c:pt>
                <c:pt idx="185">
                  <c:v>40817</c:v>
                </c:pt>
                <c:pt idx="186">
                  <c:v>40848</c:v>
                </c:pt>
                <c:pt idx="187">
                  <c:v>40878</c:v>
                </c:pt>
              </c:numCache>
            </c:numRef>
          </c:cat>
          <c:val>
            <c:numRef>
              <c:f>'Residential VOL Regn North'!$C$43:$C$230</c:f>
              <c:numCache>
                <c:formatCode>#,##0.0_ ;[Red]\-#,##0.0\ </c:formatCode>
                <c:ptCount val="188"/>
                <c:pt idx="0">
                  <c:v>36041.131999999998</c:v>
                </c:pt>
                <c:pt idx="1">
                  <c:v>14925.128000000001</c:v>
                </c:pt>
                <c:pt idx="2">
                  <c:v>14921.258</c:v>
                </c:pt>
                <c:pt idx="3">
                  <c:v>14930.01</c:v>
                </c:pt>
                <c:pt idx="4">
                  <c:v>18929.453000000001</c:v>
                </c:pt>
                <c:pt idx="5">
                  <c:v>39043.000999999997</c:v>
                </c:pt>
                <c:pt idx="6">
                  <c:v>77375.145000000004</c:v>
                </c:pt>
                <c:pt idx="7">
                  <c:v>97922.487999999998</c:v>
                </c:pt>
                <c:pt idx="8">
                  <c:v>135127.098</c:v>
                </c:pt>
                <c:pt idx="9">
                  <c:v>104394.59699999999</c:v>
                </c:pt>
                <c:pt idx="10">
                  <c:v>95498.62</c:v>
                </c:pt>
                <c:pt idx="11">
                  <c:v>58069.309000000001</c:v>
                </c:pt>
                <c:pt idx="12">
                  <c:v>39804.421999999999</c:v>
                </c:pt>
                <c:pt idx="13">
                  <c:v>15222.651</c:v>
                </c:pt>
                <c:pt idx="14">
                  <c:v>15210.415999999999</c:v>
                </c:pt>
                <c:pt idx="15">
                  <c:v>15220.18</c:v>
                </c:pt>
                <c:pt idx="16">
                  <c:v>18745.574000000001</c:v>
                </c:pt>
                <c:pt idx="17">
                  <c:v>39112.254999999997</c:v>
                </c:pt>
                <c:pt idx="18">
                  <c:v>73677.832999999999</c:v>
                </c:pt>
                <c:pt idx="19">
                  <c:v>96152.222999999998</c:v>
                </c:pt>
                <c:pt idx="20">
                  <c:v>118631.095</c:v>
                </c:pt>
                <c:pt idx="21">
                  <c:v>82991.607000000004</c:v>
                </c:pt>
                <c:pt idx="22">
                  <c:v>82963.012000000002</c:v>
                </c:pt>
                <c:pt idx="23">
                  <c:v>48038.358</c:v>
                </c:pt>
                <c:pt idx="24">
                  <c:v>24302.227999999999</c:v>
                </c:pt>
                <c:pt idx="25">
                  <c:v>15435.835999999999</c:v>
                </c:pt>
                <c:pt idx="26">
                  <c:v>15424.522999999999</c:v>
                </c:pt>
                <c:pt idx="27">
                  <c:v>15440.808000000001</c:v>
                </c:pt>
                <c:pt idx="28">
                  <c:v>19468.085999999999</c:v>
                </c:pt>
                <c:pt idx="29">
                  <c:v>36741.353999999999</c:v>
                </c:pt>
                <c:pt idx="30">
                  <c:v>66021.172999999995</c:v>
                </c:pt>
                <c:pt idx="31">
                  <c:v>95100.459000000003</c:v>
                </c:pt>
                <c:pt idx="32">
                  <c:v>131744.144</c:v>
                </c:pt>
                <c:pt idx="33">
                  <c:v>91972.664999999994</c:v>
                </c:pt>
                <c:pt idx="34">
                  <c:v>86449.638000000006</c:v>
                </c:pt>
                <c:pt idx="35">
                  <c:v>50348.889000000003</c:v>
                </c:pt>
                <c:pt idx="36">
                  <c:v>26487.55</c:v>
                </c:pt>
                <c:pt idx="37">
                  <c:v>15686.055</c:v>
                </c:pt>
                <c:pt idx="38">
                  <c:v>15681.56</c:v>
                </c:pt>
                <c:pt idx="39">
                  <c:v>15683.584000000001</c:v>
                </c:pt>
                <c:pt idx="40">
                  <c:v>19662.039000000001</c:v>
                </c:pt>
                <c:pt idx="41">
                  <c:v>41397.535000000003</c:v>
                </c:pt>
                <c:pt idx="42">
                  <c:v>62572.159</c:v>
                </c:pt>
                <c:pt idx="43">
                  <c:v>96446.028999999995</c:v>
                </c:pt>
                <c:pt idx="44">
                  <c:v>129294.586</c:v>
                </c:pt>
                <c:pt idx="45">
                  <c:v>96634.767000000007</c:v>
                </c:pt>
                <c:pt idx="46">
                  <c:v>73804.188999999998</c:v>
                </c:pt>
                <c:pt idx="47">
                  <c:v>56048.58</c:v>
                </c:pt>
                <c:pt idx="48">
                  <c:v>30356.363000000001</c:v>
                </c:pt>
                <c:pt idx="49">
                  <c:v>15822.76</c:v>
                </c:pt>
                <c:pt idx="50">
                  <c:v>15878.281000000001</c:v>
                </c:pt>
                <c:pt idx="51">
                  <c:v>15879.531999999999</c:v>
                </c:pt>
                <c:pt idx="52">
                  <c:v>20337.715</c:v>
                </c:pt>
                <c:pt idx="53">
                  <c:v>37276.404999999999</c:v>
                </c:pt>
                <c:pt idx="54">
                  <c:v>67908.528000000006</c:v>
                </c:pt>
                <c:pt idx="55">
                  <c:v>119680.67200000001</c:v>
                </c:pt>
                <c:pt idx="56">
                  <c:v>115776.777</c:v>
                </c:pt>
                <c:pt idx="57">
                  <c:v>104952.41099999999</c:v>
                </c:pt>
                <c:pt idx="58">
                  <c:v>87699.067999999999</c:v>
                </c:pt>
                <c:pt idx="59">
                  <c:v>51813.96</c:v>
                </c:pt>
                <c:pt idx="60">
                  <c:v>27191.738000000001</c:v>
                </c:pt>
                <c:pt idx="61">
                  <c:v>15969.228999999999</c:v>
                </c:pt>
                <c:pt idx="62">
                  <c:v>15982.09</c:v>
                </c:pt>
                <c:pt idx="63">
                  <c:v>15972.623</c:v>
                </c:pt>
                <c:pt idx="64">
                  <c:v>29582.226999999999</c:v>
                </c:pt>
                <c:pt idx="65">
                  <c:v>38058.781000000003</c:v>
                </c:pt>
                <c:pt idx="66">
                  <c:v>59370.750999999997</c:v>
                </c:pt>
                <c:pt idx="67">
                  <c:v>86895.005000000005</c:v>
                </c:pt>
                <c:pt idx="68">
                  <c:v>110684.325</c:v>
                </c:pt>
                <c:pt idx="69">
                  <c:v>94694.744000000006</c:v>
                </c:pt>
                <c:pt idx="70">
                  <c:v>94146.596000000005</c:v>
                </c:pt>
                <c:pt idx="71">
                  <c:v>57137.171000000002</c:v>
                </c:pt>
                <c:pt idx="72">
                  <c:v>37905.322999999997</c:v>
                </c:pt>
                <c:pt idx="73">
                  <c:v>16123.707</c:v>
                </c:pt>
                <c:pt idx="74">
                  <c:v>16078.397000000001</c:v>
                </c:pt>
                <c:pt idx="75">
                  <c:v>16077.682000000001</c:v>
                </c:pt>
                <c:pt idx="76">
                  <c:v>20050.987000000001</c:v>
                </c:pt>
                <c:pt idx="77">
                  <c:v>45557.544000000002</c:v>
                </c:pt>
                <c:pt idx="78">
                  <c:v>76443.457999999999</c:v>
                </c:pt>
                <c:pt idx="79">
                  <c:v>96059.671000000002</c:v>
                </c:pt>
                <c:pt idx="80">
                  <c:v>141948.13099999999</c:v>
                </c:pt>
                <c:pt idx="81">
                  <c:v>114916.431</c:v>
                </c:pt>
                <c:pt idx="82">
                  <c:v>91737.835999999996</c:v>
                </c:pt>
                <c:pt idx="83">
                  <c:v>61160.57</c:v>
                </c:pt>
                <c:pt idx="84">
                  <c:v>30506.030999999999</c:v>
                </c:pt>
                <c:pt idx="85">
                  <c:v>13641.904</c:v>
                </c:pt>
                <c:pt idx="86">
                  <c:v>13665.035</c:v>
                </c:pt>
                <c:pt idx="87">
                  <c:v>13647.887000000001</c:v>
                </c:pt>
                <c:pt idx="88">
                  <c:v>17608.420999999998</c:v>
                </c:pt>
                <c:pt idx="89">
                  <c:v>40294.124000000003</c:v>
                </c:pt>
                <c:pt idx="90">
                  <c:v>67273.777000000002</c:v>
                </c:pt>
                <c:pt idx="91">
                  <c:v>95185.947</c:v>
                </c:pt>
                <c:pt idx="92">
                  <c:v>148900.65</c:v>
                </c:pt>
                <c:pt idx="93">
                  <c:v>98968.002999999997</c:v>
                </c:pt>
                <c:pt idx="94">
                  <c:v>82706.101999999999</c:v>
                </c:pt>
                <c:pt idx="95">
                  <c:v>58030.514000000003</c:v>
                </c:pt>
                <c:pt idx="96">
                  <c:v>35334.896999999997</c:v>
                </c:pt>
                <c:pt idx="97">
                  <c:v>13759.347</c:v>
                </c:pt>
                <c:pt idx="98">
                  <c:v>13774.143</c:v>
                </c:pt>
                <c:pt idx="99">
                  <c:v>13773.19</c:v>
                </c:pt>
                <c:pt idx="100">
                  <c:v>17741.196</c:v>
                </c:pt>
                <c:pt idx="101">
                  <c:v>37808.404999999999</c:v>
                </c:pt>
                <c:pt idx="102">
                  <c:v>65846.108999999997</c:v>
                </c:pt>
                <c:pt idx="103">
                  <c:v>109124.777</c:v>
                </c:pt>
                <c:pt idx="104">
                  <c:v>134511.709</c:v>
                </c:pt>
                <c:pt idx="105">
                  <c:v>96825.035999999993</c:v>
                </c:pt>
                <c:pt idx="106">
                  <c:v>92081.179000000004</c:v>
                </c:pt>
                <c:pt idx="107">
                  <c:v>50539.582999999999</c:v>
                </c:pt>
                <c:pt idx="108">
                  <c:v>33203.078999999998</c:v>
                </c:pt>
                <c:pt idx="109">
                  <c:v>13863.215</c:v>
                </c:pt>
                <c:pt idx="110">
                  <c:v>13876.463</c:v>
                </c:pt>
                <c:pt idx="111">
                  <c:v>13878.636</c:v>
                </c:pt>
                <c:pt idx="112">
                  <c:v>17851.018</c:v>
                </c:pt>
                <c:pt idx="113">
                  <c:v>36321.896000000001</c:v>
                </c:pt>
                <c:pt idx="114">
                  <c:v>69439.584000000003</c:v>
                </c:pt>
                <c:pt idx="115">
                  <c:v>103049.353</c:v>
                </c:pt>
                <c:pt idx="116">
                  <c:v>104221.145</c:v>
                </c:pt>
                <c:pt idx="117">
                  <c:v>104158.84699999999</c:v>
                </c:pt>
                <c:pt idx="118">
                  <c:v>81908.972999999998</c:v>
                </c:pt>
                <c:pt idx="119">
                  <c:v>48568.178</c:v>
                </c:pt>
                <c:pt idx="120">
                  <c:v>28696.983</c:v>
                </c:pt>
                <c:pt idx="121">
                  <c:v>13970.566999999999</c:v>
                </c:pt>
                <c:pt idx="122">
                  <c:v>13987.744000000001</c:v>
                </c:pt>
                <c:pt idx="123">
                  <c:v>13984.857</c:v>
                </c:pt>
                <c:pt idx="124">
                  <c:v>20456.29</c:v>
                </c:pt>
                <c:pt idx="125">
                  <c:v>41580.868000000002</c:v>
                </c:pt>
                <c:pt idx="126">
                  <c:v>63591.303</c:v>
                </c:pt>
                <c:pt idx="127">
                  <c:v>85791.271999999997</c:v>
                </c:pt>
                <c:pt idx="128">
                  <c:v>117635.624</c:v>
                </c:pt>
                <c:pt idx="129">
                  <c:v>113924.913</c:v>
                </c:pt>
                <c:pt idx="130">
                  <c:v>84641.994999999995</c:v>
                </c:pt>
                <c:pt idx="131">
                  <c:v>56672.612000000001</c:v>
                </c:pt>
                <c:pt idx="132">
                  <c:v>30367.312000000002</c:v>
                </c:pt>
                <c:pt idx="133">
                  <c:v>14077.829</c:v>
                </c:pt>
                <c:pt idx="134">
                  <c:v>14083.514999999999</c:v>
                </c:pt>
                <c:pt idx="135">
                  <c:v>14093.487999999999</c:v>
                </c:pt>
                <c:pt idx="136">
                  <c:v>18066.079000000002</c:v>
                </c:pt>
                <c:pt idx="137">
                  <c:v>32973.748</c:v>
                </c:pt>
                <c:pt idx="138">
                  <c:v>72571.284</c:v>
                </c:pt>
                <c:pt idx="139">
                  <c:v>103934.933</c:v>
                </c:pt>
                <c:pt idx="140">
                  <c:v>114209.054</c:v>
                </c:pt>
                <c:pt idx="141">
                  <c:v>108474.442</c:v>
                </c:pt>
                <c:pt idx="142">
                  <c:v>93831.209000000003</c:v>
                </c:pt>
                <c:pt idx="143">
                  <c:v>50995.711000000003</c:v>
                </c:pt>
                <c:pt idx="144">
                  <c:v>35972.432999999997</c:v>
                </c:pt>
                <c:pt idx="145">
                  <c:v>14185.597</c:v>
                </c:pt>
                <c:pt idx="146">
                  <c:v>14195.243</c:v>
                </c:pt>
                <c:pt idx="147">
                  <c:v>14205.96</c:v>
                </c:pt>
                <c:pt idx="148">
                  <c:v>18175.424999999999</c:v>
                </c:pt>
                <c:pt idx="149">
                  <c:v>39461.641000000003</c:v>
                </c:pt>
                <c:pt idx="150">
                  <c:v>69160.258000000002</c:v>
                </c:pt>
                <c:pt idx="151">
                  <c:v>111777.113</c:v>
                </c:pt>
                <c:pt idx="152">
                  <c:v>137337.21</c:v>
                </c:pt>
                <c:pt idx="153">
                  <c:v>95932.611999999994</c:v>
                </c:pt>
                <c:pt idx="154">
                  <c:v>86391.236000000004</c:v>
                </c:pt>
                <c:pt idx="155">
                  <c:v>55000.758999999998</c:v>
                </c:pt>
                <c:pt idx="156">
                  <c:v>35541.284</c:v>
                </c:pt>
                <c:pt idx="157">
                  <c:v>14297.653</c:v>
                </c:pt>
                <c:pt idx="158">
                  <c:v>14309.709000000001</c:v>
                </c:pt>
                <c:pt idx="159">
                  <c:v>14313.817999999999</c:v>
                </c:pt>
                <c:pt idx="160">
                  <c:v>18271.581999999999</c:v>
                </c:pt>
                <c:pt idx="161">
                  <c:v>42992.328000000001</c:v>
                </c:pt>
                <c:pt idx="162">
                  <c:v>58764.004000000001</c:v>
                </c:pt>
                <c:pt idx="163">
                  <c:v>104005.374</c:v>
                </c:pt>
                <c:pt idx="164">
                  <c:v>119919.238</c:v>
                </c:pt>
                <c:pt idx="165">
                  <c:v>96684.372000000003</c:v>
                </c:pt>
                <c:pt idx="166">
                  <c:v>69097.006999999998</c:v>
                </c:pt>
                <c:pt idx="167">
                  <c:v>45252.173000000003</c:v>
                </c:pt>
                <c:pt idx="168">
                  <c:v>27379.169000000002</c:v>
                </c:pt>
                <c:pt idx="169">
                  <c:v>14403.754000000001</c:v>
                </c:pt>
                <c:pt idx="170">
                  <c:v>14433.554</c:v>
                </c:pt>
                <c:pt idx="171">
                  <c:v>14412.566000000001</c:v>
                </c:pt>
                <c:pt idx="172">
                  <c:v>21018.593000000001</c:v>
                </c:pt>
                <c:pt idx="173">
                  <c:v>38917.258000000002</c:v>
                </c:pt>
                <c:pt idx="174">
                  <c:v>66168.962</c:v>
                </c:pt>
                <c:pt idx="175">
                  <c:v>102308.274</c:v>
                </c:pt>
                <c:pt idx="176">
                  <c:v>133815.04300000001</c:v>
                </c:pt>
                <c:pt idx="177">
                  <c:v>101533.182</c:v>
                </c:pt>
                <c:pt idx="178">
                  <c:v>89863.423999999999</c:v>
                </c:pt>
                <c:pt idx="179">
                  <c:v>56231.858</c:v>
                </c:pt>
                <c:pt idx="180">
                  <c:v>30462.745999999999</c:v>
                </c:pt>
                <c:pt idx="181">
                  <c:v>14519.411</c:v>
                </c:pt>
                <c:pt idx="182">
                  <c:v>14538.464</c:v>
                </c:pt>
                <c:pt idx="183">
                  <c:v>14537.540999999999</c:v>
                </c:pt>
                <c:pt idx="184">
                  <c:v>18516.830000000002</c:v>
                </c:pt>
                <c:pt idx="185">
                  <c:v>36022.758000000002</c:v>
                </c:pt>
                <c:pt idx="186">
                  <c:v>62327.998</c:v>
                </c:pt>
                <c:pt idx="187">
                  <c:v>93543.771999999997</c:v>
                </c:pt>
              </c:numCache>
            </c:numRef>
          </c:val>
        </c:ser>
        <c:marker val="1"/>
        <c:axId val="46117248"/>
        <c:axId val="46118784"/>
      </c:lineChart>
      <c:dateAx>
        <c:axId val="46117248"/>
        <c:scaling>
          <c:orientation val="minMax"/>
        </c:scaling>
        <c:axPos val="b"/>
        <c:numFmt formatCode="mmm\-yy" sourceLinked="1"/>
        <c:tickLblPos val="nextTo"/>
        <c:crossAx val="46118784"/>
        <c:crosses val="autoZero"/>
        <c:auto val="1"/>
        <c:lblOffset val="100"/>
      </c:dateAx>
      <c:valAx>
        <c:axId val="46118784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  <c:layout/>
        </c:title>
        <c:numFmt formatCode="#,##0.0_ ;[Red]\-#,##0.0\ 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6117248"/>
        <c:crosses val="autoZero"/>
        <c:crossBetween val="between"/>
      </c:valAx>
    </c:plotArea>
    <c:legend>
      <c:legendPos val="b"/>
      <c:layout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55" l="0.70000000000000062" r="0.70000000000000062" t="0.75000000000000155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 sz="1400"/>
              <a:t>Residential 01 Volume Regression</a:t>
            </a:r>
          </a:p>
          <a:p>
            <a:pPr>
              <a:defRPr/>
            </a:pPr>
            <a:r>
              <a:rPr lang="en-US" sz="1200" b="0"/>
              <a:t>Rolling 12 Months</a:t>
            </a:r>
            <a:r>
              <a:rPr lang="en-US" sz="1200" b="0" baseline="0"/>
              <a:t> Total Usage</a:t>
            </a:r>
            <a:endParaRPr lang="en-US" sz="1600" b="0"/>
          </a:p>
        </c:rich>
      </c:tx>
    </c:title>
    <c:plotArea>
      <c:layout/>
      <c:lineChart>
        <c:grouping val="standard"/>
        <c:ser>
          <c:idx val="0"/>
          <c:order val="0"/>
          <c:tx>
            <c:strRef>
              <c:f>'Residential VOL Regn North'!$F$53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numRef>
              <c:f>'Residential VOL Regn North'!$A$54:$A$230</c:f>
              <c:numCache>
                <c:formatCode>mmm\-yy</c:formatCode>
                <c:ptCount val="177"/>
                <c:pt idx="0">
                  <c:v>35521</c:v>
                </c:pt>
                <c:pt idx="1">
                  <c:v>35551</c:v>
                </c:pt>
                <c:pt idx="2">
                  <c:v>35582</c:v>
                </c:pt>
                <c:pt idx="3">
                  <c:v>35612</c:v>
                </c:pt>
                <c:pt idx="4">
                  <c:v>35643</c:v>
                </c:pt>
                <c:pt idx="5">
                  <c:v>35674</c:v>
                </c:pt>
                <c:pt idx="6">
                  <c:v>35704</c:v>
                </c:pt>
                <c:pt idx="7">
                  <c:v>35735</c:v>
                </c:pt>
                <c:pt idx="8">
                  <c:v>35765</c:v>
                </c:pt>
                <c:pt idx="9">
                  <c:v>35796</c:v>
                </c:pt>
                <c:pt idx="10">
                  <c:v>35827</c:v>
                </c:pt>
                <c:pt idx="11">
                  <c:v>35855</c:v>
                </c:pt>
                <c:pt idx="12">
                  <c:v>35886</c:v>
                </c:pt>
                <c:pt idx="13">
                  <c:v>35916</c:v>
                </c:pt>
                <c:pt idx="14">
                  <c:v>35947</c:v>
                </c:pt>
                <c:pt idx="15">
                  <c:v>35977</c:v>
                </c:pt>
                <c:pt idx="16">
                  <c:v>36008</c:v>
                </c:pt>
                <c:pt idx="17">
                  <c:v>36039</c:v>
                </c:pt>
                <c:pt idx="18">
                  <c:v>36069</c:v>
                </c:pt>
                <c:pt idx="19">
                  <c:v>36100</c:v>
                </c:pt>
                <c:pt idx="20">
                  <c:v>36130</c:v>
                </c:pt>
                <c:pt idx="21">
                  <c:v>36161</c:v>
                </c:pt>
                <c:pt idx="22">
                  <c:v>36192</c:v>
                </c:pt>
                <c:pt idx="23">
                  <c:v>36220</c:v>
                </c:pt>
                <c:pt idx="24">
                  <c:v>36251</c:v>
                </c:pt>
                <c:pt idx="25">
                  <c:v>36281</c:v>
                </c:pt>
                <c:pt idx="26">
                  <c:v>36312</c:v>
                </c:pt>
                <c:pt idx="27">
                  <c:v>36342</c:v>
                </c:pt>
                <c:pt idx="28">
                  <c:v>36373</c:v>
                </c:pt>
                <c:pt idx="29">
                  <c:v>36404</c:v>
                </c:pt>
                <c:pt idx="30">
                  <c:v>36434</c:v>
                </c:pt>
                <c:pt idx="31">
                  <c:v>36465</c:v>
                </c:pt>
                <c:pt idx="32">
                  <c:v>36495</c:v>
                </c:pt>
                <c:pt idx="33">
                  <c:v>36526</c:v>
                </c:pt>
                <c:pt idx="34">
                  <c:v>36557</c:v>
                </c:pt>
                <c:pt idx="35">
                  <c:v>36586</c:v>
                </c:pt>
                <c:pt idx="36">
                  <c:v>36617</c:v>
                </c:pt>
                <c:pt idx="37">
                  <c:v>36647</c:v>
                </c:pt>
                <c:pt idx="38">
                  <c:v>36678</c:v>
                </c:pt>
                <c:pt idx="39">
                  <c:v>36708</c:v>
                </c:pt>
                <c:pt idx="40">
                  <c:v>36739</c:v>
                </c:pt>
                <c:pt idx="41">
                  <c:v>36770</c:v>
                </c:pt>
                <c:pt idx="42">
                  <c:v>36800</c:v>
                </c:pt>
                <c:pt idx="43">
                  <c:v>36831</c:v>
                </c:pt>
                <c:pt idx="44">
                  <c:v>36861</c:v>
                </c:pt>
                <c:pt idx="45">
                  <c:v>36892</c:v>
                </c:pt>
                <c:pt idx="46">
                  <c:v>36923</c:v>
                </c:pt>
                <c:pt idx="47">
                  <c:v>36951</c:v>
                </c:pt>
                <c:pt idx="48">
                  <c:v>36982</c:v>
                </c:pt>
                <c:pt idx="49">
                  <c:v>37012</c:v>
                </c:pt>
                <c:pt idx="50">
                  <c:v>37043</c:v>
                </c:pt>
                <c:pt idx="51">
                  <c:v>37073</c:v>
                </c:pt>
                <c:pt idx="52">
                  <c:v>37104</c:v>
                </c:pt>
                <c:pt idx="53">
                  <c:v>37135</c:v>
                </c:pt>
                <c:pt idx="54">
                  <c:v>37165</c:v>
                </c:pt>
                <c:pt idx="55">
                  <c:v>37196</c:v>
                </c:pt>
                <c:pt idx="56">
                  <c:v>37226</c:v>
                </c:pt>
                <c:pt idx="57">
                  <c:v>37257</c:v>
                </c:pt>
                <c:pt idx="58">
                  <c:v>37288</c:v>
                </c:pt>
                <c:pt idx="59">
                  <c:v>37316</c:v>
                </c:pt>
                <c:pt idx="60">
                  <c:v>37347</c:v>
                </c:pt>
                <c:pt idx="61">
                  <c:v>37377</c:v>
                </c:pt>
                <c:pt idx="62">
                  <c:v>37408</c:v>
                </c:pt>
                <c:pt idx="63">
                  <c:v>37438</c:v>
                </c:pt>
                <c:pt idx="64">
                  <c:v>37469</c:v>
                </c:pt>
                <c:pt idx="65">
                  <c:v>37500</c:v>
                </c:pt>
                <c:pt idx="66">
                  <c:v>37530</c:v>
                </c:pt>
                <c:pt idx="67">
                  <c:v>37561</c:v>
                </c:pt>
                <c:pt idx="68">
                  <c:v>37591</c:v>
                </c:pt>
                <c:pt idx="69">
                  <c:v>37622</c:v>
                </c:pt>
                <c:pt idx="70">
                  <c:v>37653</c:v>
                </c:pt>
                <c:pt idx="71">
                  <c:v>37681</c:v>
                </c:pt>
                <c:pt idx="72">
                  <c:v>37712</c:v>
                </c:pt>
                <c:pt idx="73">
                  <c:v>37742</c:v>
                </c:pt>
                <c:pt idx="74">
                  <c:v>37773</c:v>
                </c:pt>
                <c:pt idx="75">
                  <c:v>37803</c:v>
                </c:pt>
                <c:pt idx="76">
                  <c:v>37834</c:v>
                </c:pt>
                <c:pt idx="77">
                  <c:v>37865</c:v>
                </c:pt>
                <c:pt idx="78">
                  <c:v>37895</c:v>
                </c:pt>
                <c:pt idx="79">
                  <c:v>37926</c:v>
                </c:pt>
                <c:pt idx="80">
                  <c:v>37956</c:v>
                </c:pt>
                <c:pt idx="81">
                  <c:v>37987</c:v>
                </c:pt>
                <c:pt idx="82">
                  <c:v>38018</c:v>
                </c:pt>
                <c:pt idx="83">
                  <c:v>38047</c:v>
                </c:pt>
                <c:pt idx="84">
                  <c:v>38078</c:v>
                </c:pt>
                <c:pt idx="85">
                  <c:v>38108</c:v>
                </c:pt>
                <c:pt idx="86">
                  <c:v>38139</c:v>
                </c:pt>
                <c:pt idx="87">
                  <c:v>38169</c:v>
                </c:pt>
                <c:pt idx="88">
                  <c:v>38200</c:v>
                </c:pt>
                <c:pt idx="89">
                  <c:v>38231</c:v>
                </c:pt>
                <c:pt idx="90">
                  <c:v>38261</c:v>
                </c:pt>
                <c:pt idx="91">
                  <c:v>38292</c:v>
                </c:pt>
                <c:pt idx="92">
                  <c:v>38322</c:v>
                </c:pt>
                <c:pt idx="93">
                  <c:v>38353</c:v>
                </c:pt>
                <c:pt idx="94">
                  <c:v>38384</c:v>
                </c:pt>
                <c:pt idx="95">
                  <c:v>38412</c:v>
                </c:pt>
                <c:pt idx="96">
                  <c:v>38443</c:v>
                </c:pt>
                <c:pt idx="97">
                  <c:v>38473</c:v>
                </c:pt>
                <c:pt idx="98">
                  <c:v>38504</c:v>
                </c:pt>
                <c:pt idx="99">
                  <c:v>38534</c:v>
                </c:pt>
                <c:pt idx="100">
                  <c:v>38565</c:v>
                </c:pt>
                <c:pt idx="101">
                  <c:v>38596</c:v>
                </c:pt>
                <c:pt idx="102">
                  <c:v>38626</c:v>
                </c:pt>
                <c:pt idx="103">
                  <c:v>38657</c:v>
                </c:pt>
                <c:pt idx="104">
                  <c:v>38687</c:v>
                </c:pt>
                <c:pt idx="105">
                  <c:v>38718</c:v>
                </c:pt>
                <c:pt idx="106">
                  <c:v>38749</c:v>
                </c:pt>
                <c:pt idx="107">
                  <c:v>38777</c:v>
                </c:pt>
                <c:pt idx="108">
                  <c:v>38808</c:v>
                </c:pt>
                <c:pt idx="109">
                  <c:v>38838</c:v>
                </c:pt>
                <c:pt idx="110">
                  <c:v>38869</c:v>
                </c:pt>
                <c:pt idx="111">
                  <c:v>38899</c:v>
                </c:pt>
                <c:pt idx="112">
                  <c:v>38930</c:v>
                </c:pt>
                <c:pt idx="113">
                  <c:v>38961</c:v>
                </c:pt>
                <c:pt idx="114">
                  <c:v>38991</c:v>
                </c:pt>
                <c:pt idx="115">
                  <c:v>39022</c:v>
                </c:pt>
                <c:pt idx="116">
                  <c:v>39052</c:v>
                </c:pt>
                <c:pt idx="117">
                  <c:v>39083</c:v>
                </c:pt>
                <c:pt idx="118">
                  <c:v>39114</c:v>
                </c:pt>
                <c:pt idx="119">
                  <c:v>39142</c:v>
                </c:pt>
                <c:pt idx="120">
                  <c:v>39173</c:v>
                </c:pt>
                <c:pt idx="121">
                  <c:v>39203</c:v>
                </c:pt>
                <c:pt idx="122">
                  <c:v>39234</c:v>
                </c:pt>
                <c:pt idx="123">
                  <c:v>39264</c:v>
                </c:pt>
                <c:pt idx="124">
                  <c:v>39295</c:v>
                </c:pt>
                <c:pt idx="125">
                  <c:v>39326</c:v>
                </c:pt>
                <c:pt idx="126">
                  <c:v>39356</c:v>
                </c:pt>
                <c:pt idx="127">
                  <c:v>39387</c:v>
                </c:pt>
                <c:pt idx="128">
                  <c:v>39417</c:v>
                </c:pt>
                <c:pt idx="129">
                  <c:v>39448</c:v>
                </c:pt>
                <c:pt idx="130">
                  <c:v>39479</c:v>
                </c:pt>
                <c:pt idx="131">
                  <c:v>39508</c:v>
                </c:pt>
                <c:pt idx="132">
                  <c:v>39539</c:v>
                </c:pt>
                <c:pt idx="133">
                  <c:v>39569</c:v>
                </c:pt>
                <c:pt idx="134">
                  <c:v>39600</c:v>
                </c:pt>
                <c:pt idx="135">
                  <c:v>39630</c:v>
                </c:pt>
                <c:pt idx="136">
                  <c:v>39661</c:v>
                </c:pt>
                <c:pt idx="137">
                  <c:v>39692</c:v>
                </c:pt>
                <c:pt idx="138">
                  <c:v>39722</c:v>
                </c:pt>
                <c:pt idx="139">
                  <c:v>39753</c:v>
                </c:pt>
                <c:pt idx="140">
                  <c:v>39783</c:v>
                </c:pt>
                <c:pt idx="141">
                  <c:v>39814</c:v>
                </c:pt>
                <c:pt idx="142">
                  <c:v>39845</c:v>
                </c:pt>
                <c:pt idx="143">
                  <c:v>39873</c:v>
                </c:pt>
                <c:pt idx="144">
                  <c:v>39904</c:v>
                </c:pt>
                <c:pt idx="145">
                  <c:v>39934</c:v>
                </c:pt>
                <c:pt idx="146">
                  <c:v>39965</c:v>
                </c:pt>
                <c:pt idx="147">
                  <c:v>39995</c:v>
                </c:pt>
                <c:pt idx="148">
                  <c:v>40026</c:v>
                </c:pt>
                <c:pt idx="149">
                  <c:v>40057</c:v>
                </c:pt>
                <c:pt idx="150">
                  <c:v>40087</c:v>
                </c:pt>
                <c:pt idx="151">
                  <c:v>40118</c:v>
                </c:pt>
                <c:pt idx="152">
                  <c:v>40148</c:v>
                </c:pt>
                <c:pt idx="153">
                  <c:v>40179</c:v>
                </c:pt>
                <c:pt idx="154">
                  <c:v>40210</c:v>
                </c:pt>
                <c:pt idx="155">
                  <c:v>40238</c:v>
                </c:pt>
                <c:pt idx="156">
                  <c:v>40269</c:v>
                </c:pt>
                <c:pt idx="157">
                  <c:v>40299</c:v>
                </c:pt>
                <c:pt idx="158">
                  <c:v>40330</c:v>
                </c:pt>
                <c:pt idx="159">
                  <c:v>40360</c:v>
                </c:pt>
                <c:pt idx="160">
                  <c:v>40391</c:v>
                </c:pt>
                <c:pt idx="161">
                  <c:v>40422</c:v>
                </c:pt>
                <c:pt idx="162">
                  <c:v>40452</c:v>
                </c:pt>
                <c:pt idx="163">
                  <c:v>40483</c:v>
                </c:pt>
                <c:pt idx="164">
                  <c:v>40513</c:v>
                </c:pt>
                <c:pt idx="165">
                  <c:v>40544</c:v>
                </c:pt>
                <c:pt idx="166">
                  <c:v>40575</c:v>
                </c:pt>
                <c:pt idx="167">
                  <c:v>40603</c:v>
                </c:pt>
                <c:pt idx="168">
                  <c:v>40634</c:v>
                </c:pt>
                <c:pt idx="169">
                  <c:v>40664</c:v>
                </c:pt>
                <c:pt idx="170">
                  <c:v>40695</c:v>
                </c:pt>
                <c:pt idx="171">
                  <c:v>40725</c:v>
                </c:pt>
                <c:pt idx="172">
                  <c:v>40756</c:v>
                </c:pt>
                <c:pt idx="173">
                  <c:v>40787</c:v>
                </c:pt>
                <c:pt idx="174">
                  <c:v>40817</c:v>
                </c:pt>
                <c:pt idx="175">
                  <c:v>40848</c:v>
                </c:pt>
                <c:pt idx="176">
                  <c:v>40878</c:v>
                </c:pt>
              </c:numCache>
            </c:numRef>
          </c:cat>
          <c:val>
            <c:numRef>
              <c:f>'Residential VOL Regn North'!$F$54:$F$230</c:f>
              <c:numCache>
                <c:formatCode>_-* #,##0_-;\-* #,##0_-;_-* "-"??_-;_-@_-</c:formatCode>
                <c:ptCount val="177"/>
                <c:pt idx="0">
                  <c:v>691919.49900000007</c:v>
                </c:pt>
                <c:pt idx="1">
                  <c:v>696793.29900000012</c:v>
                </c:pt>
                <c:pt idx="2">
                  <c:v>697051.59900000005</c:v>
                </c:pt>
                <c:pt idx="3">
                  <c:v>697309.89900000021</c:v>
                </c:pt>
                <c:pt idx="4">
                  <c:v>697568.19900000014</c:v>
                </c:pt>
                <c:pt idx="5">
                  <c:v>699847.99900000019</c:v>
                </c:pt>
                <c:pt idx="6">
                  <c:v>698220.99900000019</c:v>
                </c:pt>
                <c:pt idx="7">
                  <c:v>694138.99900000007</c:v>
                </c:pt>
                <c:pt idx="8">
                  <c:v>692827.99899999984</c:v>
                </c:pt>
                <c:pt idx="9">
                  <c:v>671674.09899999993</c:v>
                </c:pt>
                <c:pt idx="10">
                  <c:v>658805.799</c:v>
                </c:pt>
                <c:pt idx="11">
                  <c:v>649430.299</c:v>
                </c:pt>
                <c:pt idx="12">
                  <c:v>637635.19900000002</c:v>
                </c:pt>
                <c:pt idx="13">
                  <c:v>620225.799</c:v>
                </c:pt>
                <c:pt idx="14">
                  <c:v>618308.799</c:v>
                </c:pt>
                <c:pt idx="15">
                  <c:v>616391.799</c:v>
                </c:pt>
                <c:pt idx="16">
                  <c:v>614474.79900000012</c:v>
                </c:pt>
                <c:pt idx="17">
                  <c:v>611635.99900000007</c:v>
                </c:pt>
                <c:pt idx="18">
                  <c:v>591655.13000000012</c:v>
                </c:pt>
                <c:pt idx="19">
                  <c:v>586563.92599999998</c:v>
                </c:pt>
                <c:pt idx="20">
                  <c:v>592368.73800000001</c:v>
                </c:pt>
                <c:pt idx="21">
                  <c:v>597828.804</c:v>
                </c:pt>
                <c:pt idx="22">
                  <c:v>598884.353</c:v>
                </c:pt>
                <c:pt idx="23">
                  <c:v>605576.67599999998</c:v>
                </c:pt>
                <c:pt idx="24">
                  <c:v>619786.99300000002</c:v>
                </c:pt>
                <c:pt idx="25">
                  <c:v>628297.78700000001</c:v>
                </c:pt>
                <c:pt idx="26">
                  <c:v>630717.56099999999</c:v>
                </c:pt>
                <c:pt idx="27">
                  <c:v>633137.33500000008</c:v>
                </c:pt>
                <c:pt idx="28">
                  <c:v>635557.10900000005</c:v>
                </c:pt>
                <c:pt idx="29">
                  <c:v>635360.07400000002</c:v>
                </c:pt>
                <c:pt idx="30">
                  <c:v>653617.55999999994</c:v>
                </c:pt>
                <c:pt idx="31">
                  <c:v>653289.24799999991</c:v>
                </c:pt>
                <c:pt idx="32">
                  <c:v>645352.55900000001</c:v>
                </c:pt>
                <c:pt idx="33">
                  <c:v>651820.44400000002</c:v>
                </c:pt>
                <c:pt idx="34">
                  <c:v>667320.84600000002</c:v>
                </c:pt>
                <c:pt idx="35">
                  <c:v>643567.08700000006</c:v>
                </c:pt>
                <c:pt idx="36">
                  <c:v>646007.88699999999</c:v>
                </c:pt>
                <c:pt idx="37">
                  <c:v>669043.65200000012</c:v>
                </c:pt>
                <c:pt idx="38">
                  <c:v>670028.37400000007</c:v>
                </c:pt>
                <c:pt idx="39">
                  <c:v>671013.09600000002</c:v>
                </c:pt>
                <c:pt idx="40">
                  <c:v>671997.81799999997</c:v>
                </c:pt>
                <c:pt idx="41">
                  <c:v>686832.00999999989</c:v>
                </c:pt>
                <c:pt idx="42">
                  <c:v>672877.33499999996</c:v>
                </c:pt>
                <c:pt idx="43">
                  <c:v>680149.777</c:v>
                </c:pt>
                <c:pt idx="44">
                  <c:v>714492.01</c:v>
                </c:pt>
                <c:pt idx="45">
                  <c:v>706589.05400000012</c:v>
                </c:pt>
                <c:pt idx="46">
                  <c:v>707019.12800000003</c:v>
                </c:pt>
                <c:pt idx="47">
                  <c:v>725024.70200000016</c:v>
                </c:pt>
                <c:pt idx="48">
                  <c:v>714310.26100000006</c:v>
                </c:pt>
                <c:pt idx="49">
                  <c:v>682809.98800000013</c:v>
                </c:pt>
                <c:pt idx="50">
                  <c:v>682633.70600000001</c:v>
                </c:pt>
                <c:pt idx="51">
                  <c:v>682457.424</c:v>
                </c:pt>
                <c:pt idx="52">
                  <c:v>682281.14199999999</c:v>
                </c:pt>
                <c:pt idx="53">
                  <c:v>676689.21199999982</c:v>
                </c:pt>
                <c:pt idx="54">
                  <c:v>685079.63199999987</c:v>
                </c:pt>
                <c:pt idx="55">
                  <c:v>670927.41199999978</c:v>
                </c:pt>
                <c:pt idx="56">
                  <c:v>638362.23399999994</c:v>
                </c:pt>
                <c:pt idx="57">
                  <c:v>634908.47800000012</c:v>
                </c:pt>
                <c:pt idx="58">
                  <c:v>624120.91700000013</c:v>
                </c:pt>
                <c:pt idx="59">
                  <c:v>633672.64599999995</c:v>
                </c:pt>
                <c:pt idx="60">
                  <c:v>643532.54599999997</c:v>
                </c:pt>
                <c:pt idx="61">
                  <c:v>661308.41200000001</c:v>
                </c:pt>
                <c:pt idx="62">
                  <c:v>661044.64899999998</c:v>
                </c:pt>
                <c:pt idx="63">
                  <c:v>660780.88600000006</c:v>
                </c:pt>
                <c:pt idx="64">
                  <c:v>660517.12300000002</c:v>
                </c:pt>
                <c:pt idx="65">
                  <c:v>647686.60600000003</c:v>
                </c:pt>
                <c:pt idx="66">
                  <c:v>657225.74900000007</c:v>
                </c:pt>
                <c:pt idx="67">
                  <c:v>679089.34199999995</c:v>
                </c:pt>
                <c:pt idx="68">
                  <c:v>687484.65</c:v>
                </c:pt>
                <c:pt idx="69">
                  <c:v>718239.5419999999</c:v>
                </c:pt>
                <c:pt idx="70">
                  <c:v>740208.67799999996</c:v>
                </c:pt>
                <c:pt idx="71">
                  <c:v>739602.90100000007</c:v>
                </c:pt>
                <c:pt idx="72">
                  <c:v>740665.11499999999</c:v>
                </c:pt>
                <c:pt idx="73">
                  <c:v>731302.15099999995</c:v>
                </c:pt>
                <c:pt idx="74">
                  <c:v>729561.66199999989</c:v>
                </c:pt>
                <c:pt idx="75">
                  <c:v>727821.17299999984</c:v>
                </c:pt>
                <c:pt idx="76">
                  <c:v>726080.68399999989</c:v>
                </c:pt>
                <c:pt idx="77">
                  <c:v>730168.6599999998</c:v>
                </c:pt>
                <c:pt idx="78">
                  <c:v>725731.52499999979</c:v>
                </c:pt>
                <c:pt idx="79">
                  <c:v>715856.14299999992</c:v>
                </c:pt>
                <c:pt idx="80">
                  <c:v>720404.44099999988</c:v>
                </c:pt>
                <c:pt idx="81">
                  <c:v>724120.83699999994</c:v>
                </c:pt>
                <c:pt idx="82">
                  <c:v>707117.26599999995</c:v>
                </c:pt>
                <c:pt idx="83">
                  <c:v>694639.902</c:v>
                </c:pt>
                <c:pt idx="84">
                  <c:v>690082.88600000006</c:v>
                </c:pt>
                <c:pt idx="85">
                  <c:v>693465.71800000011</c:v>
                </c:pt>
                <c:pt idx="86">
                  <c:v>693692.473</c:v>
                </c:pt>
                <c:pt idx="87">
                  <c:v>693919.228</c:v>
                </c:pt>
                <c:pt idx="88">
                  <c:v>694145.98300000001</c:v>
                </c:pt>
                <c:pt idx="89">
                  <c:v>694596.45200000005</c:v>
                </c:pt>
                <c:pt idx="90">
                  <c:v>686429.7350000001</c:v>
                </c:pt>
                <c:pt idx="91">
                  <c:v>680701.83699999994</c:v>
                </c:pt>
                <c:pt idx="92">
                  <c:v>691196.58899999992</c:v>
                </c:pt>
                <c:pt idx="93">
                  <c:v>680098.99899999995</c:v>
                </c:pt>
                <c:pt idx="94">
                  <c:v>679453.89999999991</c:v>
                </c:pt>
                <c:pt idx="95">
                  <c:v>687711.31800000009</c:v>
                </c:pt>
                <c:pt idx="96">
                  <c:v>680043.49599999993</c:v>
                </c:pt>
                <c:pt idx="97">
                  <c:v>678226.84600000002</c:v>
                </c:pt>
                <c:pt idx="98">
                  <c:v>677217.2570000001</c:v>
                </c:pt>
                <c:pt idx="99">
                  <c:v>676207.66800000018</c:v>
                </c:pt>
                <c:pt idx="100">
                  <c:v>675198.07900000014</c:v>
                </c:pt>
                <c:pt idx="101">
                  <c:v>671011.30000000028</c:v>
                </c:pt>
                <c:pt idx="102">
                  <c:v>670471.73500000022</c:v>
                </c:pt>
                <c:pt idx="103">
                  <c:v>672553.92500000028</c:v>
                </c:pt>
                <c:pt idx="104">
                  <c:v>669560.98899999994</c:v>
                </c:pt>
                <c:pt idx="105">
                  <c:v>639442.74099999992</c:v>
                </c:pt>
                <c:pt idx="106">
                  <c:v>641506.98600000003</c:v>
                </c:pt>
                <c:pt idx="107">
                  <c:v>633226.58100000001</c:v>
                </c:pt>
                <c:pt idx="108">
                  <c:v>631357.97199999995</c:v>
                </c:pt>
                <c:pt idx="109">
                  <c:v>624806.92599999998</c:v>
                </c:pt>
                <c:pt idx="110">
                  <c:v>624739.04600000009</c:v>
                </c:pt>
                <c:pt idx="111">
                  <c:v>624671.16600000008</c:v>
                </c:pt>
                <c:pt idx="112">
                  <c:v>624603.2860000002</c:v>
                </c:pt>
                <c:pt idx="113">
                  <c:v>627227.30300000019</c:v>
                </c:pt>
                <c:pt idx="114">
                  <c:v>633319.07900000014</c:v>
                </c:pt>
                <c:pt idx="115">
                  <c:v>634199.37899999984</c:v>
                </c:pt>
                <c:pt idx="116">
                  <c:v>614594.46600000001</c:v>
                </c:pt>
                <c:pt idx="117">
                  <c:v>627013.71799999999</c:v>
                </c:pt>
                <c:pt idx="118">
                  <c:v>637951.14099999995</c:v>
                </c:pt>
                <c:pt idx="119">
                  <c:v>645501.08400000003</c:v>
                </c:pt>
                <c:pt idx="120">
                  <c:v>658204.91399999999</c:v>
                </c:pt>
                <c:pt idx="121">
                  <c:v>661417.80700000003</c:v>
                </c:pt>
                <c:pt idx="122">
                  <c:v>661791.52299999993</c:v>
                </c:pt>
                <c:pt idx="123">
                  <c:v>662165.23899999994</c:v>
                </c:pt>
                <c:pt idx="124">
                  <c:v>662538.95499999984</c:v>
                </c:pt>
                <c:pt idx="125">
                  <c:v>661060.14499999979</c:v>
                </c:pt>
                <c:pt idx="126">
                  <c:v>650748.79999999981</c:v>
                </c:pt>
                <c:pt idx="127">
                  <c:v>653275.67299999995</c:v>
                </c:pt>
                <c:pt idx="128">
                  <c:v>674141.96500000008</c:v>
                </c:pt>
                <c:pt idx="129">
                  <c:v>677071.15100000007</c:v>
                </c:pt>
                <c:pt idx="130">
                  <c:v>672649.00300000003</c:v>
                </c:pt>
                <c:pt idx="131">
                  <c:v>676058.12899999996</c:v>
                </c:pt>
                <c:pt idx="132">
                  <c:v>667612.62899999996</c:v>
                </c:pt>
                <c:pt idx="133">
                  <c:v>672330.41099999996</c:v>
                </c:pt>
                <c:pt idx="134">
                  <c:v>673657.20200000005</c:v>
                </c:pt>
                <c:pt idx="135">
                  <c:v>674983.99300000002</c:v>
                </c:pt>
                <c:pt idx="136">
                  <c:v>676310.7840000001</c:v>
                </c:pt>
                <c:pt idx="137">
                  <c:v>675891.52300000016</c:v>
                </c:pt>
                <c:pt idx="138">
                  <c:v>683259.33000000019</c:v>
                </c:pt>
                <c:pt idx="139">
                  <c:v>682989.78300000005</c:v>
                </c:pt>
                <c:pt idx="140">
                  <c:v>692867.65499999991</c:v>
                </c:pt>
                <c:pt idx="141">
                  <c:v>715678.40999999992</c:v>
                </c:pt>
                <c:pt idx="142">
                  <c:v>703324.57200000004</c:v>
                </c:pt>
                <c:pt idx="143">
                  <c:v>700484.49599999993</c:v>
                </c:pt>
                <c:pt idx="144">
                  <c:v>705333.29799999995</c:v>
                </c:pt>
                <c:pt idx="145">
                  <c:v>704382.95199999993</c:v>
                </c:pt>
                <c:pt idx="146">
                  <c:v>703366.33399999992</c:v>
                </c:pt>
                <c:pt idx="147">
                  <c:v>702349.71600000001</c:v>
                </c:pt>
                <c:pt idx="148">
                  <c:v>701333.098</c:v>
                </c:pt>
                <c:pt idx="149">
                  <c:v>699211.59199999995</c:v>
                </c:pt>
                <c:pt idx="150">
                  <c:v>708695.96099999989</c:v>
                </c:pt>
                <c:pt idx="151">
                  <c:v>698387.07799999998</c:v>
                </c:pt>
                <c:pt idx="152">
                  <c:v>684130.11600000004</c:v>
                </c:pt>
                <c:pt idx="153">
                  <c:v>663482.48200000008</c:v>
                </c:pt>
                <c:pt idx="154">
                  <c:v>662699.897</c:v>
                </c:pt>
                <c:pt idx="155">
                  <c:v>640247.14500000002</c:v>
                </c:pt>
                <c:pt idx="156">
                  <c:v>626307.50099999993</c:v>
                </c:pt>
                <c:pt idx="157">
                  <c:v>615560.103</c:v>
                </c:pt>
                <c:pt idx="158">
                  <c:v>615182.26500000001</c:v>
                </c:pt>
                <c:pt idx="159">
                  <c:v>614804.42700000003</c:v>
                </c:pt>
                <c:pt idx="160">
                  <c:v>614426.58900000004</c:v>
                </c:pt>
                <c:pt idx="161">
                  <c:v>616249.8330000001</c:v>
                </c:pt>
                <c:pt idx="162">
                  <c:v>607781.98300000012</c:v>
                </c:pt>
                <c:pt idx="163">
                  <c:v>614633.16700000013</c:v>
                </c:pt>
                <c:pt idx="164">
                  <c:v>618544.46000000008</c:v>
                </c:pt>
                <c:pt idx="165">
                  <c:v>633124.49699999997</c:v>
                </c:pt>
                <c:pt idx="166">
                  <c:v>635207.23900000006</c:v>
                </c:pt>
                <c:pt idx="167">
                  <c:v>664022.95199999993</c:v>
                </c:pt>
                <c:pt idx="168">
                  <c:v>676989.7</c:v>
                </c:pt>
                <c:pt idx="169">
                  <c:v>686400.49099999992</c:v>
                </c:pt>
                <c:pt idx="170">
                  <c:v>685633.84899999993</c:v>
                </c:pt>
                <c:pt idx="171">
                  <c:v>684867.20700000005</c:v>
                </c:pt>
                <c:pt idx="172">
                  <c:v>684100.56500000006</c:v>
                </c:pt>
                <c:pt idx="173">
                  <c:v>681167.00699999998</c:v>
                </c:pt>
                <c:pt idx="174">
                  <c:v>679906.53399999999</c:v>
                </c:pt>
                <c:pt idx="175">
                  <c:v>674811.56700000004</c:v>
                </c:pt>
                <c:pt idx="176">
                  <c:v>664637.58399999992</c:v>
                </c:pt>
              </c:numCache>
            </c:numRef>
          </c:val>
        </c:ser>
        <c:ser>
          <c:idx val="1"/>
          <c:order val="1"/>
          <c:tx>
            <c:strRef>
              <c:f>'Residential VOL Regn North'!$G$53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numRef>
              <c:f>'Residential VOL Regn North'!$A$54:$A$230</c:f>
              <c:numCache>
                <c:formatCode>mmm\-yy</c:formatCode>
                <c:ptCount val="177"/>
                <c:pt idx="0">
                  <c:v>35521</c:v>
                </c:pt>
                <c:pt idx="1">
                  <c:v>35551</c:v>
                </c:pt>
                <c:pt idx="2">
                  <c:v>35582</c:v>
                </c:pt>
                <c:pt idx="3">
                  <c:v>35612</c:v>
                </c:pt>
                <c:pt idx="4">
                  <c:v>35643</c:v>
                </c:pt>
                <c:pt idx="5">
                  <c:v>35674</c:v>
                </c:pt>
                <c:pt idx="6">
                  <c:v>35704</c:v>
                </c:pt>
                <c:pt idx="7">
                  <c:v>35735</c:v>
                </c:pt>
                <c:pt idx="8">
                  <c:v>35765</c:v>
                </c:pt>
                <c:pt idx="9">
                  <c:v>35796</c:v>
                </c:pt>
                <c:pt idx="10">
                  <c:v>35827</c:v>
                </c:pt>
                <c:pt idx="11">
                  <c:v>35855</c:v>
                </c:pt>
                <c:pt idx="12">
                  <c:v>35886</c:v>
                </c:pt>
                <c:pt idx="13">
                  <c:v>35916</c:v>
                </c:pt>
                <c:pt idx="14">
                  <c:v>35947</c:v>
                </c:pt>
                <c:pt idx="15">
                  <c:v>35977</c:v>
                </c:pt>
                <c:pt idx="16">
                  <c:v>36008</c:v>
                </c:pt>
                <c:pt idx="17">
                  <c:v>36039</c:v>
                </c:pt>
                <c:pt idx="18">
                  <c:v>36069</c:v>
                </c:pt>
                <c:pt idx="19">
                  <c:v>36100</c:v>
                </c:pt>
                <c:pt idx="20">
                  <c:v>36130</c:v>
                </c:pt>
                <c:pt idx="21">
                  <c:v>36161</c:v>
                </c:pt>
                <c:pt idx="22">
                  <c:v>36192</c:v>
                </c:pt>
                <c:pt idx="23">
                  <c:v>36220</c:v>
                </c:pt>
                <c:pt idx="24">
                  <c:v>36251</c:v>
                </c:pt>
                <c:pt idx="25">
                  <c:v>36281</c:v>
                </c:pt>
                <c:pt idx="26">
                  <c:v>36312</c:v>
                </c:pt>
                <c:pt idx="27">
                  <c:v>36342</c:v>
                </c:pt>
                <c:pt idx="28">
                  <c:v>36373</c:v>
                </c:pt>
                <c:pt idx="29">
                  <c:v>36404</c:v>
                </c:pt>
                <c:pt idx="30">
                  <c:v>36434</c:v>
                </c:pt>
                <c:pt idx="31">
                  <c:v>36465</c:v>
                </c:pt>
                <c:pt idx="32">
                  <c:v>36495</c:v>
                </c:pt>
                <c:pt idx="33">
                  <c:v>36526</c:v>
                </c:pt>
                <c:pt idx="34">
                  <c:v>36557</c:v>
                </c:pt>
                <c:pt idx="35">
                  <c:v>36586</c:v>
                </c:pt>
                <c:pt idx="36">
                  <c:v>36617</c:v>
                </c:pt>
                <c:pt idx="37">
                  <c:v>36647</c:v>
                </c:pt>
                <c:pt idx="38">
                  <c:v>36678</c:v>
                </c:pt>
                <c:pt idx="39">
                  <c:v>36708</c:v>
                </c:pt>
                <c:pt idx="40">
                  <c:v>36739</c:v>
                </c:pt>
                <c:pt idx="41">
                  <c:v>36770</c:v>
                </c:pt>
                <c:pt idx="42">
                  <c:v>36800</c:v>
                </c:pt>
                <c:pt idx="43">
                  <c:v>36831</c:v>
                </c:pt>
                <c:pt idx="44">
                  <c:v>36861</c:v>
                </c:pt>
                <c:pt idx="45">
                  <c:v>36892</c:v>
                </c:pt>
                <c:pt idx="46">
                  <c:v>36923</c:v>
                </c:pt>
                <c:pt idx="47">
                  <c:v>36951</c:v>
                </c:pt>
                <c:pt idx="48">
                  <c:v>36982</c:v>
                </c:pt>
                <c:pt idx="49">
                  <c:v>37012</c:v>
                </c:pt>
                <c:pt idx="50">
                  <c:v>37043</c:v>
                </c:pt>
                <c:pt idx="51">
                  <c:v>37073</c:v>
                </c:pt>
                <c:pt idx="52">
                  <c:v>37104</c:v>
                </c:pt>
                <c:pt idx="53">
                  <c:v>37135</c:v>
                </c:pt>
                <c:pt idx="54">
                  <c:v>37165</c:v>
                </c:pt>
                <c:pt idx="55">
                  <c:v>37196</c:v>
                </c:pt>
                <c:pt idx="56">
                  <c:v>37226</c:v>
                </c:pt>
                <c:pt idx="57">
                  <c:v>37257</c:v>
                </c:pt>
                <c:pt idx="58">
                  <c:v>37288</c:v>
                </c:pt>
                <c:pt idx="59">
                  <c:v>37316</c:v>
                </c:pt>
                <c:pt idx="60">
                  <c:v>37347</c:v>
                </c:pt>
                <c:pt idx="61">
                  <c:v>37377</c:v>
                </c:pt>
                <c:pt idx="62">
                  <c:v>37408</c:v>
                </c:pt>
                <c:pt idx="63">
                  <c:v>37438</c:v>
                </c:pt>
                <c:pt idx="64">
                  <c:v>37469</c:v>
                </c:pt>
                <c:pt idx="65">
                  <c:v>37500</c:v>
                </c:pt>
                <c:pt idx="66">
                  <c:v>37530</c:v>
                </c:pt>
                <c:pt idx="67">
                  <c:v>37561</c:v>
                </c:pt>
                <c:pt idx="68">
                  <c:v>37591</c:v>
                </c:pt>
                <c:pt idx="69">
                  <c:v>37622</c:v>
                </c:pt>
                <c:pt idx="70">
                  <c:v>37653</c:v>
                </c:pt>
                <c:pt idx="71">
                  <c:v>37681</c:v>
                </c:pt>
                <c:pt idx="72">
                  <c:v>37712</c:v>
                </c:pt>
                <c:pt idx="73">
                  <c:v>37742</c:v>
                </c:pt>
                <c:pt idx="74">
                  <c:v>37773</c:v>
                </c:pt>
                <c:pt idx="75">
                  <c:v>37803</c:v>
                </c:pt>
                <c:pt idx="76">
                  <c:v>37834</c:v>
                </c:pt>
                <c:pt idx="77">
                  <c:v>37865</c:v>
                </c:pt>
                <c:pt idx="78">
                  <c:v>37895</c:v>
                </c:pt>
                <c:pt idx="79">
                  <c:v>37926</c:v>
                </c:pt>
                <c:pt idx="80">
                  <c:v>37956</c:v>
                </c:pt>
                <c:pt idx="81">
                  <c:v>37987</c:v>
                </c:pt>
                <c:pt idx="82">
                  <c:v>38018</c:v>
                </c:pt>
                <c:pt idx="83">
                  <c:v>38047</c:v>
                </c:pt>
                <c:pt idx="84">
                  <c:v>38078</c:v>
                </c:pt>
                <c:pt idx="85">
                  <c:v>38108</c:v>
                </c:pt>
                <c:pt idx="86">
                  <c:v>38139</c:v>
                </c:pt>
                <c:pt idx="87">
                  <c:v>38169</c:v>
                </c:pt>
                <c:pt idx="88">
                  <c:v>38200</c:v>
                </c:pt>
                <c:pt idx="89">
                  <c:v>38231</c:v>
                </c:pt>
                <c:pt idx="90">
                  <c:v>38261</c:v>
                </c:pt>
                <c:pt idx="91">
                  <c:v>38292</c:v>
                </c:pt>
                <c:pt idx="92">
                  <c:v>38322</c:v>
                </c:pt>
                <c:pt idx="93">
                  <c:v>38353</c:v>
                </c:pt>
                <c:pt idx="94">
                  <c:v>38384</c:v>
                </c:pt>
                <c:pt idx="95">
                  <c:v>38412</c:v>
                </c:pt>
                <c:pt idx="96">
                  <c:v>38443</c:v>
                </c:pt>
                <c:pt idx="97">
                  <c:v>38473</c:v>
                </c:pt>
                <c:pt idx="98">
                  <c:v>38504</c:v>
                </c:pt>
                <c:pt idx="99">
                  <c:v>38534</c:v>
                </c:pt>
                <c:pt idx="100">
                  <c:v>38565</c:v>
                </c:pt>
                <c:pt idx="101">
                  <c:v>38596</c:v>
                </c:pt>
                <c:pt idx="102">
                  <c:v>38626</c:v>
                </c:pt>
                <c:pt idx="103">
                  <c:v>38657</c:v>
                </c:pt>
                <c:pt idx="104">
                  <c:v>38687</c:v>
                </c:pt>
                <c:pt idx="105">
                  <c:v>38718</c:v>
                </c:pt>
                <c:pt idx="106">
                  <c:v>38749</c:v>
                </c:pt>
                <c:pt idx="107">
                  <c:v>38777</c:v>
                </c:pt>
                <c:pt idx="108">
                  <c:v>38808</c:v>
                </c:pt>
                <c:pt idx="109">
                  <c:v>38838</c:v>
                </c:pt>
                <c:pt idx="110">
                  <c:v>38869</c:v>
                </c:pt>
                <c:pt idx="111">
                  <c:v>38899</c:v>
                </c:pt>
                <c:pt idx="112">
                  <c:v>38930</c:v>
                </c:pt>
                <c:pt idx="113">
                  <c:v>38961</c:v>
                </c:pt>
                <c:pt idx="114">
                  <c:v>38991</c:v>
                </c:pt>
                <c:pt idx="115">
                  <c:v>39022</c:v>
                </c:pt>
                <c:pt idx="116">
                  <c:v>39052</c:v>
                </c:pt>
                <c:pt idx="117">
                  <c:v>39083</c:v>
                </c:pt>
                <c:pt idx="118">
                  <c:v>39114</c:v>
                </c:pt>
                <c:pt idx="119">
                  <c:v>39142</c:v>
                </c:pt>
                <c:pt idx="120">
                  <c:v>39173</c:v>
                </c:pt>
                <c:pt idx="121">
                  <c:v>39203</c:v>
                </c:pt>
                <c:pt idx="122">
                  <c:v>39234</c:v>
                </c:pt>
                <c:pt idx="123">
                  <c:v>39264</c:v>
                </c:pt>
                <c:pt idx="124">
                  <c:v>39295</c:v>
                </c:pt>
                <c:pt idx="125">
                  <c:v>39326</c:v>
                </c:pt>
                <c:pt idx="126">
                  <c:v>39356</c:v>
                </c:pt>
                <c:pt idx="127">
                  <c:v>39387</c:v>
                </c:pt>
                <c:pt idx="128">
                  <c:v>39417</c:v>
                </c:pt>
                <c:pt idx="129">
                  <c:v>39448</c:v>
                </c:pt>
                <c:pt idx="130">
                  <c:v>39479</c:v>
                </c:pt>
                <c:pt idx="131">
                  <c:v>39508</c:v>
                </c:pt>
                <c:pt idx="132">
                  <c:v>39539</c:v>
                </c:pt>
                <c:pt idx="133">
                  <c:v>39569</c:v>
                </c:pt>
                <c:pt idx="134">
                  <c:v>39600</c:v>
                </c:pt>
                <c:pt idx="135">
                  <c:v>39630</c:v>
                </c:pt>
                <c:pt idx="136">
                  <c:v>39661</c:v>
                </c:pt>
                <c:pt idx="137">
                  <c:v>39692</c:v>
                </c:pt>
                <c:pt idx="138">
                  <c:v>39722</c:v>
                </c:pt>
                <c:pt idx="139">
                  <c:v>39753</c:v>
                </c:pt>
                <c:pt idx="140">
                  <c:v>39783</c:v>
                </c:pt>
                <c:pt idx="141">
                  <c:v>39814</c:v>
                </c:pt>
                <c:pt idx="142">
                  <c:v>39845</c:v>
                </c:pt>
                <c:pt idx="143">
                  <c:v>39873</c:v>
                </c:pt>
                <c:pt idx="144">
                  <c:v>39904</c:v>
                </c:pt>
                <c:pt idx="145">
                  <c:v>39934</c:v>
                </c:pt>
                <c:pt idx="146">
                  <c:v>39965</c:v>
                </c:pt>
                <c:pt idx="147">
                  <c:v>39995</c:v>
                </c:pt>
                <c:pt idx="148">
                  <c:v>40026</c:v>
                </c:pt>
                <c:pt idx="149">
                  <c:v>40057</c:v>
                </c:pt>
                <c:pt idx="150">
                  <c:v>40087</c:v>
                </c:pt>
                <c:pt idx="151">
                  <c:v>40118</c:v>
                </c:pt>
                <c:pt idx="152">
                  <c:v>40148</c:v>
                </c:pt>
                <c:pt idx="153">
                  <c:v>40179</c:v>
                </c:pt>
                <c:pt idx="154">
                  <c:v>40210</c:v>
                </c:pt>
                <c:pt idx="155">
                  <c:v>40238</c:v>
                </c:pt>
                <c:pt idx="156">
                  <c:v>40269</c:v>
                </c:pt>
                <c:pt idx="157">
                  <c:v>40299</c:v>
                </c:pt>
                <c:pt idx="158">
                  <c:v>40330</c:v>
                </c:pt>
                <c:pt idx="159">
                  <c:v>40360</c:v>
                </c:pt>
                <c:pt idx="160">
                  <c:v>40391</c:v>
                </c:pt>
                <c:pt idx="161">
                  <c:v>40422</c:v>
                </c:pt>
                <c:pt idx="162">
                  <c:v>40452</c:v>
                </c:pt>
                <c:pt idx="163">
                  <c:v>40483</c:v>
                </c:pt>
                <c:pt idx="164">
                  <c:v>40513</c:v>
                </c:pt>
                <c:pt idx="165">
                  <c:v>40544</c:v>
                </c:pt>
                <c:pt idx="166">
                  <c:v>40575</c:v>
                </c:pt>
                <c:pt idx="167">
                  <c:v>40603</c:v>
                </c:pt>
                <c:pt idx="168">
                  <c:v>40634</c:v>
                </c:pt>
                <c:pt idx="169">
                  <c:v>40664</c:v>
                </c:pt>
                <c:pt idx="170">
                  <c:v>40695</c:v>
                </c:pt>
                <c:pt idx="171">
                  <c:v>40725</c:v>
                </c:pt>
                <c:pt idx="172">
                  <c:v>40756</c:v>
                </c:pt>
                <c:pt idx="173">
                  <c:v>40787</c:v>
                </c:pt>
                <c:pt idx="174">
                  <c:v>40817</c:v>
                </c:pt>
                <c:pt idx="175">
                  <c:v>40848</c:v>
                </c:pt>
                <c:pt idx="176">
                  <c:v>40878</c:v>
                </c:pt>
              </c:numCache>
            </c:numRef>
          </c:cat>
          <c:val>
            <c:numRef>
              <c:f>'Residential VOL Regn North'!$G$54:$G$230</c:f>
              <c:numCache>
                <c:formatCode>_-* #,##0_-;\-* #,##0_-;_-* "-"??_-;_-@_-</c:formatCode>
                <c:ptCount val="177"/>
                <c:pt idx="0">
                  <c:v>707177.23899999994</c:v>
                </c:pt>
                <c:pt idx="1">
                  <c:v>710940.52899999998</c:v>
                </c:pt>
                <c:pt idx="2">
                  <c:v>711238.05200000003</c:v>
                </c:pt>
                <c:pt idx="3">
                  <c:v>711527.21</c:v>
                </c:pt>
                <c:pt idx="4">
                  <c:v>711817.38</c:v>
                </c:pt>
                <c:pt idx="5">
                  <c:v>711633.50100000005</c:v>
                </c:pt>
                <c:pt idx="6">
                  <c:v>711702.755</c:v>
                </c:pt>
                <c:pt idx="7">
                  <c:v>708005.44299999997</c:v>
                </c:pt>
                <c:pt idx="8">
                  <c:v>706235.17800000007</c:v>
                </c:pt>
                <c:pt idx="9">
                  <c:v>689739.17500000005</c:v>
                </c:pt>
                <c:pt idx="10">
                  <c:v>668336.18499999994</c:v>
                </c:pt>
                <c:pt idx="11">
                  <c:v>655800.57699999993</c:v>
                </c:pt>
                <c:pt idx="12">
                  <c:v>645769.62600000005</c:v>
                </c:pt>
                <c:pt idx="13">
                  <c:v>630267.43200000003</c:v>
                </c:pt>
                <c:pt idx="14">
                  <c:v>630480.61700000009</c:v>
                </c:pt>
                <c:pt idx="15">
                  <c:v>630694.72400000016</c:v>
                </c:pt>
                <c:pt idx="16">
                  <c:v>630915.35199999996</c:v>
                </c:pt>
                <c:pt idx="17">
                  <c:v>631637.86399999994</c:v>
                </c:pt>
                <c:pt idx="18">
                  <c:v>629266.96299999999</c:v>
                </c:pt>
                <c:pt idx="19">
                  <c:v>621610.30299999996</c:v>
                </c:pt>
                <c:pt idx="20">
                  <c:v>620558.53899999999</c:v>
                </c:pt>
                <c:pt idx="21">
                  <c:v>633671.58799999999</c:v>
                </c:pt>
                <c:pt idx="22">
                  <c:v>642652.64599999995</c:v>
                </c:pt>
                <c:pt idx="23">
                  <c:v>646139.272</c:v>
                </c:pt>
                <c:pt idx="24">
                  <c:v>648449.80299999984</c:v>
                </c:pt>
                <c:pt idx="25">
                  <c:v>650635.12499999988</c:v>
                </c:pt>
                <c:pt idx="26">
                  <c:v>650885.34400000004</c:v>
                </c:pt>
                <c:pt idx="27">
                  <c:v>651142.38100000005</c:v>
                </c:pt>
                <c:pt idx="28">
                  <c:v>651385.15700000012</c:v>
                </c:pt>
                <c:pt idx="29">
                  <c:v>651579.1100000001</c:v>
                </c:pt>
                <c:pt idx="30">
                  <c:v>656235.29100000008</c:v>
                </c:pt>
                <c:pt idx="31">
                  <c:v>652786.277</c:v>
                </c:pt>
                <c:pt idx="32">
                  <c:v>654131.84699999995</c:v>
                </c:pt>
                <c:pt idx="33">
                  <c:v>651682.28899999999</c:v>
                </c:pt>
                <c:pt idx="34">
                  <c:v>656344.39099999995</c:v>
                </c:pt>
                <c:pt idx="35">
                  <c:v>643698.94200000004</c:v>
                </c:pt>
                <c:pt idx="36">
                  <c:v>649398.63299999991</c:v>
                </c:pt>
                <c:pt idx="37">
                  <c:v>653267.446</c:v>
                </c:pt>
                <c:pt idx="38">
                  <c:v>653404.15099999995</c:v>
                </c:pt>
                <c:pt idx="39">
                  <c:v>653600.87199999986</c:v>
                </c:pt>
                <c:pt idx="40">
                  <c:v>653796.81999999995</c:v>
                </c:pt>
                <c:pt idx="41">
                  <c:v>654472.49599999993</c:v>
                </c:pt>
                <c:pt idx="42">
                  <c:v>650351.36599999992</c:v>
                </c:pt>
                <c:pt idx="43">
                  <c:v>655687.7350000001</c:v>
                </c:pt>
                <c:pt idx="44">
                  <c:v>678922.37800000014</c:v>
                </c:pt>
                <c:pt idx="45">
                  <c:v>665404.56900000002</c:v>
                </c:pt>
                <c:pt idx="46">
                  <c:v>673722.21299999999</c:v>
                </c:pt>
                <c:pt idx="47">
                  <c:v>687617.09199999995</c:v>
                </c:pt>
                <c:pt idx="48">
                  <c:v>683382.47199999995</c:v>
                </c:pt>
                <c:pt idx="49">
                  <c:v>680217.84699999995</c:v>
                </c:pt>
                <c:pt idx="50">
                  <c:v>680364.31599999999</c:v>
                </c:pt>
                <c:pt idx="51">
                  <c:v>680468.125</c:v>
                </c:pt>
                <c:pt idx="52">
                  <c:v>680561.21600000001</c:v>
                </c:pt>
                <c:pt idx="53">
                  <c:v>689805.72799999989</c:v>
                </c:pt>
                <c:pt idx="54">
                  <c:v>690588.10399999993</c:v>
                </c:pt>
                <c:pt idx="55">
                  <c:v>682050.32699999993</c:v>
                </c:pt>
                <c:pt idx="56">
                  <c:v>649264.66000000015</c:v>
                </c:pt>
                <c:pt idx="57">
                  <c:v>644172.20799999998</c:v>
                </c:pt>
                <c:pt idx="58">
                  <c:v>633914.54099999997</c:v>
                </c:pt>
                <c:pt idx="59">
                  <c:v>640362.06900000002</c:v>
                </c:pt>
                <c:pt idx="60">
                  <c:v>645685.28</c:v>
                </c:pt>
                <c:pt idx="61">
                  <c:v>656398.86499999999</c:v>
                </c:pt>
                <c:pt idx="62">
                  <c:v>656553.34299999999</c:v>
                </c:pt>
                <c:pt idx="63">
                  <c:v>656649.65</c:v>
                </c:pt>
                <c:pt idx="64">
                  <c:v>656754.70900000003</c:v>
                </c:pt>
                <c:pt idx="65">
                  <c:v>647223.46900000004</c:v>
                </c:pt>
                <c:pt idx="66">
                  <c:v>654722.23200000008</c:v>
                </c:pt>
                <c:pt idx="67">
                  <c:v>671794.9389999999</c:v>
                </c:pt>
                <c:pt idx="68">
                  <c:v>680959.60499999998</c:v>
                </c:pt>
                <c:pt idx="69">
                  <c:v>712223.41100000008</c:v>
                </c:pt>
                <c:pt idx="70">
                  <c:v>732445.09799999988</c:v>
                </c:pt>
                <c:pt idx="71">
                  <c:v>730036.33799999999</c:v>
                </c:pt>
                <c:pt idx="72">
                  <c:v>734059.73699999996</c:v>
                </c:pt>
                <c:pt idx="73">
                  <c:v>726660.44499999995</c:v>
                </c:pt>
                <c:pt idx="74">
                  <c:v>724178.64199999999</c:v>
                </c:pt>
                <c:pt idx="75">
                  <c:v>721765.27999999991</c:v>
                </c:pt>
                <c:pt idx="76">
                  <c:v>719335.48499999987</c:v>
                </c:pt>
                <c:pt idx="77">
                  <c:v>716892.91899999988</c:v>
                </c:pt>
                <c:pt idx="78">
                  <c:v>711629.49899999984</c:v>
                </c:pt>
                <c:pt idx="79">
                  <c:v>702459.81799999997</c:v>
                </c:pt>
                <c:pt idx="80">
                  <c:v>701586.09399999992</c:v>
                </c:pt>
                <c:pt idx="81">
                  <c:v>708538.61300000001</c:v>
                </c:pt>
                <c:pt idx="82">
                  <c:v>692590.18499999994</c:v>
                </c:pt>
                <c:pt idx="83">
                  <c:v>683558.451</c:v>
                </c:pt>
                <c:pt idx="84">
                  <c:v>680428.3949999999</c:v>
                </c:pt>
                <c:pt idx="85">
                  <c:v>685257.26099999994</c:v>
                </c:pt>
                <c:pt idx="86">
                  <c:v>685374.70399999991</c:v>
                </c:pt>
                <c:pt idx="87">
                  <c:v>685483.81199999992</c:v>
                </c:pt>
                <c:pt idx="88">
                  <c:v>685609.11499999987</c:v>
                </c:pt>
                <c:pt idx="89">
                  <c:v>685741.8899999999</c:v>
                </c:pt>
                <c:pt idx="90">
                  <c:v>683256.17099999997</c:v>
                </c:pt>
                <c:pt idx="91">
                  <c:v>681828.50300000003</c:v>
                </c:pt>
                <c:pt idx="92">
                  <c:v>695767.3330000001</c:v>
                </c:pt>
                <c:pt idx="93">
                  <c:v>681378.39199999999</c:v>
                </c:pt>
                <c:pt idx="94">
                  <c:v>679235.42499999993</c:v>
                </c:pt>
                <c:pt idx="95">
                  <c:v>688610.50199999998</c:v>
                </c:pt>
                <c:pt idx="96">
                  <c:v>681119.571</c:v>
                </c:pt>
                <c:pt idx="97">
                  <c:v>678987.75300000003</c:v>
                </c:pt>
                <c:pt idx="98">
                  <c:v>679091.62099999993</c:v>
                </c:pt>
                <c:pt idx="99">
                  <c:v>679193.94099999999</c:v>
                </c:pt>
                <c:pt idx="100">
                  <c:v>679299.38699999999</c:v>
                </c:pt>
                <c:pt idx="101">
                  <c:v>679409.20900000003</c:v>
                </c:pt>
                <c:pt idx="102">
                  <c:v>677922.7</c:v>
                </c:pt>
                <c:pt idx="103">
                  <c:v>681516.17500000005</c:v>
                </c:pt>
                <c:pt idx="104">
                  <c:v>675440.75100000005</c:v>
                </c:pt>
                <c:pt idx="105">
                  <c:v>645150.18700000003</c:v>
                </c:pt>
                <c:pt idx="106">
                  <c:v>652483.99799999991</c:v>
                </c:pt>
                <c:pt idx="107">
                  <c:v>642311.79200000002</c:v>
                </c:pt>
                <c:pt idx="108">
                  <c:v>640340.38699999999</c:v>
                </c:pt>
                <c:pt idx="109">
                  <c:v>635834.29100000008</c:v>
                </c:pt>
                <c:pt idx="110">
                  <c:v>635941.64300000004</c:v>
                </c:pt>
                <c:pt idx="111">
                  <c:v>636052.924</c:v>
                </c:pt>
                <c:pt idx="112">
                  <c:v>636159.14500000002</c:v>
                </c:pt>
                <c:pt idx="113">
                  <c:v>638764.41700000002</c:v>
                </c:pt>
                <c:pt idx="114">
                  <c:v>644023.38899999997</c:v>
                </c:pt>
                <c:pt idx="115">
                  <c:v>638175.10800000001</c:v>
                </c:pt>
                <c:pt idx="116">
                  <c:v>620917.027</c:v>
                </c:pt>
                <c:pt idx="117">
                  <c:v>634331.50600000005</c:v>
                </c:pt>
                <c:pt idx="118">
                  <c:v>644097.57199999993</c:v>
                </c:pt>
                <c:pt idx="119">
                  <c:v>646830.59400000004</c:v>
                </c:pt>
                <c:pt idx="120">
                  <c:v>654935.02799999993</c:v>
                </c:pt>
                <c:pt idx="121">
                  <c:v>656605.35699999996</c:v>
                </c:pt>
                <c:pt idx="122">
                  <c:v>656712.61899999995</c:v>
                </c:pt>
                <c:pt idx="123">
                  <c:v>656808.39</c:v>
                </c:pt>
                <c:pt idx="124">
                  <c:v>656917.02100000007</c:v>
                </c:pt>
                <c:pt idx="125">
                  <c:v>654526.81000000006</c:v>
                </c:pt>
                <c:pt idx="126">
                  <c:v>645919.69000000018</c:v>
                </c:pt>
                <c:pt idx="127">
                  <c:v>654899.67100000009</c:v>
                </c:pt>
                <c:pt idx="128">
                  <c:v>673043.33200000005</c:v>
                </c:pt>
                <c:pt idx="129">
                  <c:v>669616.7620000001</c:v>
                </c:pt>
                <c:pt idx="130">
                  <c:v>664166.29099999997</c:v>
                </c:pt>
                <c:pt idx="131">
                  <c:v>673355.505</c:v>
                </c:pt>
                <c:pt idx="132">
                  <c:v>667678.60400000005</c:v>
                </c:pt>
                <c:pt idx="133">
                  <c:v>673283.72499999998</c:v>
                </c:pt>
                <c:pt idx="134">
                  <c:v>673391.4929999999</c:v>
                </c:pt>
                <c:pt idx="135">
                  <c:v>673503.2209999999</c:v>
                </c:pt>
                <c:pt idx="136">
                  <c:v>673615.69299999985</c:v>
                </c:pt>
                <c:pt idx="137">
                  <c:v>673725.03899999999</c:v>
                </c:pt>
                <c:pt idx="138">
                  <c:v>680212.93200000003</c:v>
                </c:pt>
                <c:pt idx="139">
                  <c:v>676801.90600000008</c:v>
                </c:pt>
                <c:pt idx="140">
                  <c:v>684644.08600000001</c:v>
                </c:pt>
                <c:pt idx="141">
                  <c:v>707772.24200000009</c:v>
                </c:pt>
                <c:pt idx="142">
                  <c:v>695230.41199999989</c:v>
                </c:pt>
                <c:pt idx="143">
                  <c:v>687790.43900000001</c:v>
                </c:pt>
                <c:pt idx="144">
                  <c:v>691795.48699999996</c:v>
                </c:pt>
                <c:pt idx="145">
                  <c:v>691364.33799999999</c:v>
                </c:pt>
                <c:pt idx="146">
                  <c:v>691476.39399999997</c:v>
                </c:pt>
                <c:pt idx="147">
                  <c:v>691590.86</c:v>
                </c:pt>
                <c:pt idx="148">
                  <c:v>691698.71799999999</c:v>
                </c:pt>
                <c:pt idx="149">
                  <c:v>691794.875</c:v>
                </c:pt>
                <c:pt idx="150">
                  <c:v>695325.56200000003</c:v>
                </c:pt>
                <c:pt idx="151">
                  <c:v>684929.30799999996</c:v>
                </c:pt>
                <c:pt idx="152">
                  <c:v>677157.5689999999</c:v>
                </c:pt>
                <c:pt idx="153">
                  <c:v>659739.59699999995</c:v>
                </c:pt>
                <c:pt idx="154">
                  <c:v>660491.35699999996</c:v>
                </c:pt>
                <c:pt idx="155">
                  <c:v>643197.12800000003</c:v>
                </c:pt>
                <c:pt idx="156">
                  <c:v>633448.54200000002</c:v>
                </c:pt>
                <c:pt idx="157">
                  <c:v>625286.42699999991</c:v>
                </c:pt>
                <c:pt idx="158">
                  <c:v>625392.52799999993</c:v>
                </c:pt>
                <c:pt idx="159">
                  <c:v>625516.37299999991</c:v>
                </c:pt>
                <c:pt idx="160">
                  <c:v>625615.12099999993</c:v>
                </c:pt>
                <c:pt idx="161">
                  <c:v>628362.13199999987</c:v>
                </c:pt>
                <c:pt idx="162">
                  <c:v>624287.06200000003</c:v>
                </c:pt>
                <c:pt idx="163">
                  <c:v>631692.02</c:v>
                </c:pt>
                <c:pt idx="164">
                  <c:v>629994.91999999993</c:v>
                </c:pt>
                <c:pt idx="165">
                  <c:v>643890.72500000009</c:v>
                </c:pt>
                <c:pt idx="166">
                  <c:v>648739.53499999992</c:v>
                </c:pt>
                <c:pt idx="167">
                  <c:v>669505.95200000005</c:v>
                </c:pt>
                <c:pt idx="168">
                  <c:v>680485.63699999999</c:v>
                </c:pt>
                <c:pt idx="169">
                  <c:v>683569.21400000004</c:v>
                </c:pt>
                <c:pt idx="170">
                  <c:v>683684.87100000004</c:v>
                </c:pt>
                <c:pt idx="171">
                  <c:v>683789.78100000008</c:v>
                </c:pt>
                <c:pt idx="172">
                  <c:v>683914.75600000005</c:v>
                </c:pt>
                <c:pt idx="173">
                  <c:v>681412.99300000002</c:v>
                </c:pt>
                <c:pt idx="174">
                  <c:v>678518.49300000002</c:v>
                </c:pt>
                <c:pt idx="175">
                  <c:v>674677.52899999998</c:v>
                </c:pt>
                <c:pt idx="176">
                  <c:v>665913.027</c:v>
                </c:pt>
              </c:numCache>
            </c:numRef>
          </c:val>
        </c:ser>
        <c:marker val="1"/>
        <c:axId val="46152320"/>
        <c:axId val="46268800"/>
      </c:lineChart>
      <c:dateAx>
        <c:axId val="46152320"/>
        <c:scaling>
          <c:orientation val="minMax"/>
        </c:scaling>
        <c:axPos val="b"/>
        <c:numFmt formatCode="mmm\-yy" sourceLinked="1"/>
        <c:tickLblPos val="nextTo"/>
        <c:crossAx val="46268800"/>
        <c:crosses val="autoZero"/>
        <c:auto val="1"/>
        <c:lblOffset val="100"/>
      </c:dateAx>
      <c:valAx>
        <c:axId val="46268800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</c:title>
        <c:numFmt formatCode="_-* #,##0_-;\-* #,##0_-;_-* &quot;-&quot;??_-;_-@_-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6152320"/>
        <c:crosses val="autoZero"/>
        <c:crossBetween val="between"/>
      </c:valAx>
    </c:plotArea>
    <c:legend>
      <c:legendPos val="b"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78" l="0.70000000000000062" r="0.70000000000000062" t="0.75000000000000178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Residential Volume Regression Residuals</a:t>
            </a:r>
          </a:p>
        </c:rich>
      </c:tx>
    </c:title>
    <c:plotArea>
      <c:layout/>
      <c:scatterChart>
        <c:scatterStyle val="lineMarker"/>
        <c:ser>
          <c:idx val="0"/>
          <c:order val="0"/>
          <c:tx>
            <c:strRef>
              <c:f>'Residential VOL Regn North'!$D$42</c:f>
              <c:strCache>
                <c:ptCount val="1"/>
                <c:pt idx="0">
                  <c:v>Residuals</c:v>
                </c:pt>
              </c:strCache>
            </c:strRef>
          </c:tx>
          <c:spPr>
            <a:ln w="28575">
              <a:noFill/>
            </a:ln>
          </c:spPr>
          <c:xVal>
            <c:numRef>
              <c:f>'Residential VOL Regn North'!$A$43:$A$230</c:f>
              <c:numCache>
                <c:formatCode>mmm\-yy</c:formatCode>
                <c:ptCount val="188"/>
                <c:pt idx="0">
                  <c:v>35186</c:v>
                </c:pt>
                <c:pt idx="1">
                  <c:v>35217</c:v>
                </c:pt>
                <c:pt idx="2">
                  <c:v>35247</c:v>
                </c:pt>
                <c:pt idx="3">
                  <c:v>35278</c:v>
                </c:pt>
                <c:pt idx="4">
                  <c:v>35309</c:v>
                </c:pt>
                <c:pt idx="5">
                  <c:v>35339</c:v>
                </c:pt>
                <c:pt idx="6">
                  <c:v>35370</c:v>
                </c:pt>
                <c:pt idx="7">
                  <c:v>35400</c:v>
                </c:pt>
                <c:pt idx="8">
                  <c:v>35431</c:v>
                </c:pt>
                <c:pt idx="9">
                  <c:v>35462</c:v>
                </c:pt>
                <c:pt idx="10">
                  <c:v>35490</c:v>
                </c:pt>
                <c:pt idx="11">
                  <c:v>35521</c:v>
                </c:pt>
                <c:pt idx="12">
                  <c:v>35551</c:v>
                </c:pt>
                <c:pt idx="13">
                  <c:v>35582</c:v>
                </c:pt>
                <c:pt idx="14">
                  <c:v>35612</c:v>
                </c:pt>
                <c:pt idx="15">
                  <c:v>35643</c:v>
                </c:pt>
                <c:pt idx="16">
                  <c:v>35674</c:v>
                </c:pt>
                <c:pt idx="17">
                  <c:v>35704</c:v>
                </c:pt>
                <c:pt idx="18">
                  <c:v>35735</c:v>
                </c:pt>
                <c:pt idx="19">
                  <c:v>35765</c:v>
                </c:pt>
                <c:pt idx="20">
                  <c:v>35796</c:v>
                </c:pt>
                <c:pt idx="21">
                  <c:v>35827</c:v>
                </c:pt>
                <c:pt idx="22">
                  <c:v>35855</c:v>
                </c:pt>
                <c:pt idx="23">
                  <c:v>35886</c:v>
                </c:pt>
                <c:pt idx="24">
                  <c:v>35916</c:v>
                </c:pt>
                <c:pt idx="25">
                  <c:v>35947</c:v>
                </c:pt>
                <c:pt idx="26">
                  <c:v>35977</c:v>
                </c:pt>
                <c:pt idx="27">
                  <c:v>36008</c:v>
                </c:pt>
                <c:pt idx="28">
                  <c:v>36039</c:v>
                </c:pt>
                <c:pt idx="29">
                  <c:v>36069</c:v>
                </c:pt>
                <c:pt idx="30">
                  <c:v>36100</c:v>
                </c:pt>
                <c:pt idx="31">
                  <c:v>36130</c:v>
                </c:pt>
                <c:pt idx="32">
                  <c:v>36161</c:v>
                </c:pt>
                <c:pt idx="33">
                  <c:v>36192</c:v>
                </c:pt>
                <c:pt idx="34">
                  <c:v>36220</c:v>
                </c:pt>
                <c:pt idx="35">
                  <c:v>36251</c:v>
                </c:pt>
                <c:pt idx="36">
                  <c:v>36281</c:v>
                </c:pt>
                <c:pt idx="37">
                  <c:v>36312</c:v>
                </c:pt>
                <c:pt idx="38">
                  <c:v>36342</c:v>
                </c:pt>
                <c:pt idx="39">
                  <c:v>36373</c:v>
                </c:pt>
                <c:pt idx="40">
                  <c:v>36404</c:v>
                </c:pt>
                <c:pt idx="41">
                  <c:v>36434</c:v>
                </c:pt>
                <c:pt idx="42">
                  <c:v>36465</c:v>
                </c:pt>
                <c:pt idx="43">
                  <c:v>36495</c:v>
                </c:pt>
                <c:pt idx="44">
                  <c:v>36526</c:v>
                </c:pt>
                <c:pt idx="45">
                  <c:v>36557</c:v>
                </c:pt>
                <c:pt idx="46">
                  <c:v>36586</c:v>
                </c:pt>
                <c:pt idx="47">
                  <c:v>36617</c:v>
                </c:pt>
                <c:pt idx="48">
                  <c:v>36647</c:v>
                </c:pt>
                <c:pt idx="49">
                  <c:v>36678</c:v>
                </c:pt>
                <c:pt idx="50">
                  <c:v>36708</c:v>
                </c:pt>
                <c:pt idx="51">
                  <c:v>36739</c:v>
                </c:pt>
                <c:pt idx="52">
                  <c:v>36770</c:v>
                </c:pt>
                <c:pt idx="53">
                  <c:v>36800</c:v>
                </c:pt>
                <c:pt idx="54">
                  <c:v>36831</c:v>
                </c:pt>
                <c:pt idx="55">
                  <c:v>36861</c:v>
                </c:pt>
                <c:pt idx="56">
                  <c:v>36892</c:v>
                </c:pt>
                <c:pt idx="57">
                  <c:v>36923</c:v>
                </c:pt>
                <c:pt idx="58">
                  <c:v>36951</c:v>
                </c:pt>
                <c:pt idx="59">
                  <c:v>36982</c:v>
                </c:pt>
                <c:pt idx="60">
                  <c:v>37012</c:v>
                </c:pt>
                <c:pt idx="61">
                  <c:v>37043</c:v>
                </c:pt>
                <c:pt idx="62">
                  <c:v>37073</c:v>
                </c:pt>
                <c:pt idx="63">
                  <c:v>37104</c:v>
                </c:pt>
                <c:pt idx="64">
                  <c:v>37135</c:v>
                </c:pt>
                <c:pt idx="65">
                  <c:v>37165</c:v>
                </c:pt>
                <c:pt idx="66">
                  <c:v>37196</c:v>
                </c:pt>
                <c:pt idx="67">
                  <c:v>37226</c:v>
                </c:pt>
                <c:pt idx="68">
                  <c:v>37257</c:v>
                </c:pt>
                <c:pt idx="69">
                  <c:v>37288</c:v>
                </c:pt>
                <c:pt idx="70">
                  <c:v>37316</c:v>
                </c:pt>
                <c:pt idx="71">
                  <c:v>37347</c:v>
                </c:pt>
                <c:pt idx="72">
                  <c:v>37377</c:v>
                </c:pt>
                <c:pt idx="73">
                  <c:v>37408</c:v>
                </c:pt>
                <c:pt idx="74">
                  <c:v>37438</c:v>
                </c:pt>
                <c:pt idx="75">
                  <c:v>37469</c:v>
                </c:pt>
                <c:pt idx="76">
                  <c:v>37500</c:v>
                </c:pt>
                <c:pt idx="77">
                  <c:v>37530</c:v>
                </c:pt>
                <c:pt idx="78">
                  <c:v>37561</c:v>
                </c:pt>
                <c:pt idx="79">
                  <c:v>37591</c:v>
                </c:pt>
                <c:pt idx="80">
                  <c:v>37622</c:v>
                </c:pt>
                <c:pt idx="81">
                  <c:v>37653</c:v>
                </c:pt>
                <c:pt idx="82">
                  <c:v>37681</c:v>
                </c:pt>
                <c:pt idx="83">
                  <c:v>37712</c:v>
                </c:pt>
                <c:pt idx="84">
                  <c:v>37742</c:v>
                </c:pt>
                <c:pt idx="85">
                  <c:v>37773</c:v>
                </c:pt>
                <c:pt idx="86">
                  <c:v>37803</c:v>
                </c:pt>
                <c:pt idx="87">
                  <c:v>37834</c:v>
                </c:pt>
                <c:pt idx="88">
                  <c:v>37865</c:v>
                </c:pt>
                <c:pt idx="89">
                  <c:v>37895</c:v>
                </c:pt>
                <c:pt idx="90">
                  <c:v>37926</c:v>
                </c:pt>
                <c:pt idx="91">
                  <c:v>37956</c:v>
                </c:pt>
                <c:pt idx="92">
                  <c:v>37987</c:v>
                </c:pt>
                <c:pt idx="93">
                  <c:v>38018</c:v>
                </c:pt>
                <c:pt idx="94">
                  <c:v>38047</c:v>
                </c:pt>
                <c:pt idx="95">
                  <c:v>38078</c:v>
                </c:pt>
                <c:pt idx="96">
                  <c:v>38108</c:v>
                </c:pt>
                <c:pt idx="97">
                  <c:v>38139</c:v>
                </c:pt>
                <c:pt idx="98">
                  <c:v>38169</c:v>
                </c:pt>
                <c:pt idx="99">
                  <c:v>38200</c:v>
                </c:pt>
                <c:pt idx="100">
                  <c:v>38231</c:v>
                </c:pt>
                <c:pt idx="101">
                  <c:v>38261</c:v>
                </c:pt>
                <c:pt idx="102">
                  <c:v>38292</c:v>
                </c:pt>
                <c:pt idx="103">
                  <c:v>38322</c:v>
                </c:pt>
                <c:pt idx="104">
                  <c:v>38353</c:v>
                </c:pt>
                <c:pt idx="105">
                  <c:v>38384</c:v>
                </c:pt>
                <c:pt idx="106">
                  <c:v>38412</c:v>
                </c:pt>
                <c:pt idx="107">
                  <c:v>38443</c:v>
                </c:pt>
                <c:pt idx="108">
                  <c:v>38473</c:v>
                </c:pt>
                <c:pt idx="109">
                  <c:v>38504</c:v>
                </c:pt>
                <c:pt idx="110">
                  <c:v>38534</c:v>
                </c:pt>
                <c:pt idx="111">
                  <c:v>38565</c:v>
                </c:pt>
                <c:pt idx="112">
                  <c:v>38596</c:v>
                </c:pt>
                <c:pt idx="113">
                  <c:v>38626</c:v>
                </c:pt>
                <c:pt idx="114">
                  <c:v>38657</c:v>
                </c:pt>
                <c:pt idx="115">
                  <c:v>38687</c:v>
                </c:pt>
                <c:pt idx="116">
                  <c:v>38718</c:v>
                </c:pt>
                <c:pt idx="117">
                  <c:v>38749</c:v>
                </c:pt>
                <c:pt idx="118">
                  <c:v>38777</c:v>
                </c:pt>
                <c:pt idx="119">
                  <c:v>38808</c:v>
                </c:pt>
                <c:pt idx="120">
                  <c:v>38838</c:v>
                </c:pt>
                <c:pt idx="121">
                  <c:v>38869</c:v>
                </c:pt>
                <c:pt idx="122">
                  <c:v>38899</c:v>
                </c:pt>
                <c:pt idx="123">
                  <c:v>38930</c:v>
                </c:pt>
                <c:pt idx="124">
                  <c:v>38961</c:v>
                </c:pt>
                <c:pt idx="125">
                  <c:v>38991</c:v>
                </c:pt>
                <c:pt idx="126">
                  <c:v>39022</c:v>
                </c:pt>
                <c:pt idx="127">
                  <c:v>39052</c:v>
                </c:pt>
                <c:pt idx="128">
                  <c:v>39083</c:v>
                </c:pt>
                <c:pt idx="129">
                  <c:v>39114</c:v>
                </c:pt>
                <c:pt idx="130">
                  <c:v>39142</c:v>
                </c:pt>
                <c:pt idx="131">
                  <c:v>39173</c:v>
                </c:pt>
                <c:pt idx="132">
                  <c:v>39203</c:v>
                </c:pt>
                <c:pt idx="133">
                  <c:v>39234</c:v>
                </c:pt>
                <c:pt idx="134">
                  <c:v>39264</c:v>
                </c:pt>
                <c:pt idx="135">
                  <c:v>39295</c:v>
                </c:pt>
                <c:pt idx="136">
                  <c:v>39326</c:v>
                </c:pt>
                <c:pt idx="137">
                  <c:v>39356</c:v>
                </c:pt>
                <c:pt idx="138">
                  <c:v>39387</c:v>
                </c:pt>
                <c:pt idx="139">
                  <c:v>39417</c:v>
                </c:pt>
                <c:pt idx="140">
                  <c:v>39448</c:v>
                </c:pt>
                <c:pt idx="141">
                  <c:v>39479</c:v>
                </c:pt>
                <c:pt idx="142">
                  <c:v>39508</c:v>
                </c:pt>
                <c:pt idx="143">
                  <c:v>39539</c:v>
                </c:pt>
                <c:pt idx="144">
                  <c:v>39569</c:v>
                </c:pt>
                <c:pt idx="145">
                  <c:v>39600</c:v>
                </c:pt>
                <c:pt idx="146">
                  <c:v>39630</c:v>
                </c:pt>
                <c:pt idx="147">
                  <c:v>39661</c:v>
                </c:pt>
                <c:pt idx="148">
                  <c:v>39692</c:v>
                </c:pt>
                <c:pt idx="149">
                  <c:v>39722</c:v>
                </c:pt>
                <c:pt idx="150">
                  <c:v>39753</c:v>
                </c:pt>
                <c:pt idx="151">
                  <c:v>39783</c:v>
                </c:pt>
                <c:pt idx="152">
                  <c:v>39814</c:v>
                </c:pt>
                <c:pt idx="153">
                  <c:v>39845</c:v>
                </c:pt>
                <c:pt idx="154">
                  <c:v>39873</c:v>
                </c:pt>
                <c:pt idx="155">
                  <c:v>39904</c:v>
                </c:pt>
                <c:pt idx="156">
                  <c:v>39934</c:v>
                </c:pt>
                <c:pt idx="157">
                  <c:v>39965</c:v>
                </c:pt>
                <c:pt idx="158">
                  <c:v>39995</c:v>
                </c:pt>
                <c:pt idx="159">
                  <c:v>40026</c:v>
                </c:pt>
                <c:pt idx="160">
                  <c:v>40057</c:v>
                </c:pt>
                <c:pt idx="161">
                  <c:v>40087</c:v>
                </c:pt>
                <c:pt idx="162">
                  <c:v>40118</c:v>
                </c:pt>
                <c:pt idx="163">
                  <c:v>40148</c:v>
                </c:pt>
                <c:pt idx="164">
                  <c:v>40179</c:v>
                </c:pt>
                <c:pt idx="165">
                  <c:v>40210</c:v>
                </c:pt>
                <c:pt idx="166">
                  <c:v>40238</c:v>
                </c:pt>
                <c:pt idx="167">
                  <c:v>40269</c:v>
                </c:pt>
                <c:pt idx="168">
                  <c:v>40299</c:v>
                </c:pt>
                <c:pt idx="169">
                  <c:v>40330</c:v>
                </c:pt>
                <c:pt idx="170">
                  <c:v>40360</c:v>
                </c:pt>
                <c:pt idx="171">
                  <c:v>40391</c:v>
                </c:pt>
                <c:pt idx="172">
                  <c:v>40422</c:v>
                </c:pt>
                <c:pt idx="173">
                  <c:v>40452</c:v>
                </c:pt>
                <c:pt idx="174">
                  <c:v>40483</c:v>
                </c:pt>
                <c:pt idx="175">
                  <c:v>40513</c:v>
                </c:pt>
                <c:pt idx="176">
                  <c:v>40544</c:v>
                </c:pt>
                <c:pt idx="177">
                  <c:v>40575</c:v>
                </c:pt>
                <c:pt idx="178">
                  <c:v>40603</c:v>
                </c:pt>
                <c:pt idx="179">
                  <c:v>40634</c:v>
                </c:pt>
                <c:pt idx="180">
                  <c:v>40664</c:v>
                </c:pt>
                <c:pt idx="181">
                  <c:v>40695</c:v>
                </c:pt>
                <c:pt idx="182">
                  <c:v>40725</c:v>
                </c:pt>
                <c:pt idx="183">
                  <c:v>40756</c:v>
                </c:pt>
                <c:pt idx="184">
                  <c:v>40787</c:v>
                </c:pt>
                <c:pt idx="185">
                  <c:v>40817</c:v>
                </c:pt>
                <c:pt idx="186">
                  <c:v>40848</c:v>
                </c:pt>
                <c:pt idx="187">
                  <c:v>40878</c:v>
                </c:pt>
              </c:numCache>
            </c:numRef>
          </c:xVal>
          <c:yVal>
            <c:numRef>
              <c:f>'Residential VOL Regn North'!$D$43:$D$230</c:f>
              <c:numCache>
                <c:formatCode>#,##0.0_ ;[Red]\-#,##0.0\ </c:formatCode>
                <c:ptCount val="188"/>
                <c:pt idx="0">
                  <c:v>-199.13199999999779</c:v>
                </c:pt>
                <c:pt idx="1">
                  <c:v>75.204999999999927</c:v>
                </c:pt>
                <c:pt idx="2">
                  <c:v>79.075000000000728</c:v>
                </c:pt>
                <c:pt idx="3">
                  <c:v>70.32300000000032</c:v>
                </c:pt>
                <c:pt idx="4">
                  <c:v>2166.5469999999987</c:v>
                </c:pt>
                <c:pt idx="5">
                  <c:v>7111.9990000000034</c:v>
                </c:pt>
                <c:pt idx="6">
                  <c:v>-2903.1450000000041</c:v>
                </c:pt>
                <c:pt idx="7">
                  <c:v>-11773.487999999998</c:v>
                </c:pt>
                <c:pt idx="8">
                  <c:v>-3351.198000000004</c:v>
                </c:pt>
                <c:pt idx="9">
                  <c:v>-2338.2969999999914</c:v>
                </c:pt>
                <c:pt idx="10">
                  <c:v>-2744.1199999999953</c:v>
                </c:pt>
                <c:pt idx="11">
                  <c:v>-1451.5089999999982</c:v>
                </c:pt>
                <c:pt idx="12">
                  <c:v>911.37800000000425</c:v>
                </c:pt>
                <c:pt idx="13">
                  <c:v>35.981999999999971</c:v>
                </c:pt>
                <c:pt idx="14">
                  <c:v>48.217000000000553</c:v>
                </c:pt>
                <c:pt idx="15">
                  <c:v>38.45299999999952</c:v>
                </c:pt>
                <c:pt idx="16">
                  <c:v>4630.2259999999987</c:v>
                </c:pt>
                <c:pt idx="17">
                  <c:v>5415.7450000000026</c:v>
                </c:pt>
                <c:pt idx="18">
                  <c:v>-3287.8329999999987</c:v>
                </c:pt>
                <c:pt idx="19">
                  <c:v>-11314.222999999998</c:v>
                </c:pt>
                <c:pt idx="20">
                  <c:v>-8009.0950000000012</c:v>
                </c:pt>
                <c:pt idx="21">
                  <c:v>6196.3929999999964</c:v>
                </c:pt>
                <c:pt idx="22">
                  <c:v>415.98799999999756</c:v>
                </c:pt>
                <c:pt idx="23">
                  <c:v>-3215.6580000000031</c:v>
                </c:pt>
                <c:pt idx="24">
                  <c:v>-995.8279999999977</c:v>
                </c:pt>
                <c:pt idx="25">
                  <c:v>-2094.2029999999995</c:v>
                </c:pt>
                <c:pt idx="26">
                  <c:v>-2082.8899999999994</c:v>
                </c:pt>
                <c:pt idx="27">
                  <c:v>-2099.1750000000011</c:v>
                </c:pt>
                <c:pt idx="28">
                  <c:v>1068.9140000000007</c:v>
                </c:pt>
                <c:pt idx="29">
                  <c:v>-12194.222999999998</c:v>
                </c:pt>
                <c:pt idx="30">
                  <c:v>-722.37699999999313</c:v>
                </c:pt>
                <c:pt idx="31">
                  <c:v>-4457.6469999999972</c:v>
                </c:pt>
                <c:pt idx="32">
                  <c:v>-15662.077999999994</c:v>
                </c:pt>
                <c:pt idx="33">
                  <c:v>-1729.1159999999945</c:v>
                </c:pt>
                <c:pt idx="34">
                  <c:v>3621.6849999999977</c:v>
                </c:pt>
                <c:pt idx="35">
                  <c:v>8684.127999999997</c:v>
                </c:pt>
                <c:pt idx="36">
                  <c:v>5329.6440000000002</c:v>
                </c:pt>
                <c:pt idx="37">
                  <c:v>75.351999999998952</c:v>
                </c:pt>
                <c:pt idx="38">
                  <c:v>79.846999999999753</c:v>
                </c:pt>
                <c:pt idx="39">
                  <c:v>77.822999999998501</c:v>
                </c:pt>
                <c:pt idx="40">
                  <c:v>677.92599999999948</c:v>
                </c:pt>
                <c:pt idx="41">
                  <c:v>1407.0819999999949</c:v>
                </c:pt>
                <c:pt idx="42">
                  <c:v>2398.3249999999971</c:v>
                </c:pt>
                <c:pt idx="43">
                  <c:v>-13739.905999999988</c:v>
                </c:pt>
                <c:pt idx="44">
                  <c:v>-6744.6349999999948</c:v>
                </c:pt>
                <c:pt idx="45">
                  <c:v>9109.1839999999938</c:v>
                </c:pt>
                <c:pt idx="46">
                  <c:v>-7486.625</c:v>
                </c:pt>
                <c:pt idx="47">
                  <c:v>5425.237000000001</c:v>
                </c:pt>
                <c:pt idx="48">
                  <c:v>24496.596000000001</c:v>
                </c:pt>
                <c:pt idx="49">
                  <c:v>923.3690000000006</c:v>
                </c:pt>
                <c:pt idx="50">
                  <c:v>867.84799999999996</c:v>
                </c:pt>
                <c:pt idx="51">
                  <c:v>866.59700000000157</c:v>
                </c:pt>
                <c:pt idx="52">
                  <c:v>14836.441999999999</c:v>
                </c:pt>
                <c:pt idx="53">
                  <c:v>-8426.4629999999997</c:v>
                </c:pt>
                <c:pt idx="54">
                  <c:v>4334.398000000001</c:v>
                </c:pt>
                <c:pt idx="55">
                  <c:v>-2632.3160000000062</c:v>
                </c:pt>
                <c:pt idx="56">
                  <c:v>-1129.7820000000065</c:v>
                </c:pt>
                <c:pt idx="57">
                  <c:v>1221.6140000000014</c:v>
                </c:pt>
                <c:pt idx="58">
                  <c:v>-3375.929999999993</c:v>
                </c:pt>
                <c:pt idx="59">
                  <c:v>-1054.5840000000026</c:v>
                </c:pt>
                <c:pt idx="60">
                  <c:v>-3839.0519999999997</c:v>
                </c:pt>
                <c:pt idx="61">
                  <c:v>600.61800000000221</c:v>
                </c:pt>
                <c:pt idx="62">
                  <c:v>587.75700000000143</c:v>
                </c:pt>
                <c:pt idx="63">
                  <c:v>597.22400000000198</c:v>
                </c:pt>
                <c:pt idx="64">
                  <c:v>0</c:v>
                </c:pt>
                <c:pt idx="65">
                  <c:v>-818.41900000000169</c:v>
                </c:pt>
                <c:pt idx="66">
                  <c:v>-1280.0449999999983</c:v>
                </c:pt>
                <c:pt idx="67">
                  <c:v>-2411.8270000000048</c:v>
                </c:pt>
                <c:pt idx="68">
                  <c:v>508.91400000000431</c:v>
                </c:pt>
                <c:pt idx="69">
                  <c:v>691.72000000000116</c:v>
                </c:pt>
                <c:pt idx="70">
                  <c:v>-271.72900000000664</c:v>
                </c:pt>
                <c:pt idx="71">
                  <c:v>3482.1049999999959</c:v>
                </c:pt>
                <c:pt idx="72">
                  <c:v>3223.2290000000066</c:v>
                </c:pt>
                <c:pt idx="73">
                  <c:v>182.37700000000041</c:v>
                </c:pt>
                <c:pt idx="74">
                  <c:v>227.6869999999999</c:v>
                </c:pt>
                <c:pt idx="75">
                  <c:v>228.40200000000004</c:v>
                </c:pt>
                <c:pt idx="76">
                  <c:v>-3299.2770000000019</c:v>
                </c:pt>
                <c:pt idx="77">
                  <c:v>1221.9609999999957</c:v>
                </c:pt>
                <c:pt idx="78">
                  <c:v>3510.8410000000003</c:v>
                </c:pt>
                <c:pt idx="79">
                  <c:v>-3181.1849999999977</c:v>
                </c:pt>
                <c:pt idx="80">
                  <c:v>0</c:v>
                </c:pt>
                <c:pt idx="81">
                  <c:v>2439.169000000009</c:v>
                </c:pt>
                <c:pt idx="82">
                  <c:v>1531.2540000000008</c:v>
                </c:pt>
                <c:pt idx="83">
                  <c:v>520.91999999999825</c:v>
                </c:pt>
                <c:pt idx="84">
                  <c:v>1259.5570000000007</c:v>
                </c:pt>
                <c:pt idx="85">
                  <c:v>923.69099999999889</c:v>
                </c:pt>
                <c:pt idx="86">
                  <c:v>900.55999999999949</c:v>
                </c:pt>
                <c:pt idx="87">
                  <c:v>917.70799999999872</c:v>
                </c:pt>
                <c:pt idx="88">
                  <c:v>3231.2650000000031</c:v>
                </c:pt>
                <c:pt idx="89">
                  <c:v>2048.2459999999992</c:v>
                </c:pt>
                <c:pt idx="90">
                  <c:v>2805.1399999999994</c:v>
                </c:pt>
                <c:pt idx="91">
                  <c:v>2240.8369999999995</c:v>
                </c:pt>
                <c:pt idx="92">
                  <c:v>-3236.1229999999923</c:v>
                </c:pt>
                <c:pt idx="93">
                  <c:v>1384.025999999998</c:v>
                </c:pt>
                <c:pt idx="94">
                  <c:v>-1914.3760000000038</c:v>
                </c:pt>
                <c:pt idx="95">
                  <c:v>-906.04000000000087</c:v>
                </c:pt>
                <c:pt idx="96">
                  <c:v>-186.47699999999895</c:v>
                </c:pt>
                <c:pt idx="97">
                  <c:v>1033.0030000000006</c:v>
                </c:pt>
                <c:pt idx="98">
                  <c:v>1018.2070000000003</c:v>
                </c:pt>
                <c:pt idx="99">
                  <c:v>1019.1599999999999</c:v>
                </c:pt>
                <c:pt idx="100">
                  <c:v>3548.9589999999989</c:v>
                </c:pt>
                <c:pt idx="101">
                  <c:v>-3632.7520000000004</c:v>
                </c:pt>
                <c:pt idx="102">
                  <c:v>-1495.0899999999965</c:v>
                </c:pt>
                <c:pt idx="103">
                  <c:v>-1203.2410000000091</c:v>
                </c:pt>
                <c:pt idx="104">
                  <c:v>55.228000000002794</c:v>
                </c:pt>
                <c:pt idx="105">
                  <c:v>2881.8940000000002</c:v>
                </c:pt>
                <c:pt idx="106">
                  <c:v>-3032.0350000000035</c:v>
                </c:pt>
                <c:pt idx="107">
                  <c:v>-1082.9309999999969</c:v>
                </c:pt>
                <c:pt idx="108">
                  <c:v>128.69099999999889</c:v>
                </c:pt>
                <c:pt idx="109">
                  <c:v>-80.453999999999724</c:v>
                </c:pt>
                <c:pt idx="110">
                  <c:v>-93.701999999999316</c:v>
                </c:pt>
                <c:pt idx="111">
                  <c:v>-95.875</c:v>
                </c:pt>
                <c:pt idx="112">
                  <c:v>-747.64199999999983</c:v>
                </c:pt>
                <c:pt idx="113">
                  <c:v>-2685.8079999999973</c:v>
                </c:pt>
                <c:pt idx="114">
                  <c:v>-3006.375</c:v>
                </c:pt>
                <c:pt idx="115">
                  <c:v>1879.247000000003</c:v>
                </c:pt>
                <c:pt idx="116">
                  <c:v>227.54399999999441</c:v>
                </c:pt>
                <c:pt idx="117">
                  <c:v>-2387.6719999999914</c:v>
                </c:pt>
                <c:pt idx="118">
                  <c:v>-1140.2339999999967</c:v>
                </c:pt>
                <c:pt idx="119">
                  <c:v>-980.13500000000204</c:v>
                </c:pt>
                <c:pt idx="120">
                  <c:v>-1916.2590000000018</c:v>
                </c:pt>
                <c:pt idx="121">
                  <c:v>-255.68599999999969</c:v>
                </c:pt>
                <c:pt idx="122">
                  <c:v>-272.86300000000119</c:v>
                </c:pt>
                <c:pt idx="123">
                  <c:v>-269.97600000000057</c:v>
                </c:pt>
                <c:pt idx="124">
                  <c:v>-728.89700000000084</c:v>
                </c:pt>
                <c:pt idx="125">
                  <c:v>-1853.0040000000008</c:v>
                </c:pt>
                <c:pt idx="126">
                  <c:v>3722.2060000000056</c:v>
                </c:pt>
                <c:pt idx="127">
                  <c:v>-467.58499999999185</c:v>
                </c:pt>
                <c:pt idx="128">
                  <c:v>-767.68299999998999</c:v>
                </c:pt>
                <c:pt idx="129">
                  <c:v>-1216.3150000000023</c:v>
                </c:pt>
                <c:pt idx="130">
                  <c:v>3676.6870000000054</c:v>
                </c:pt>
                <c:pt idx="131">
                  <c:v>3619.2609999999986</c:v>
                </c:pt>
                <c:pt idx="132">
                  <c:v>-373.69500000000335</c:v>
                </c:pt>
                <c:pt idx="133">
                  <c:v>10.768000000000029</c:v>
                </c:pt>
                <c:pt idx="134">
                  <c:v>5.0820000000003347</c:v>
                </c:pt>
                <c:pt idx="135">
                  <c:v>-4.8909999999996217</c:v>
                </c:pt>
                <c:pt idx="136">
                  <c:v>182.50399999999718</c:v>
                </c:pt>
                <c:pt idx="137">
                  <c:v>-3557.2289999999994</c:v>
                </c:pt>
                <c:pt idx="138">
                  <c:v>-2730.9020000000019</c:v>
                </c:pt>
                <c:pt idx="139">
                  <c:v>2255.0460000000021</c:v>
                </c:pt>
                <c:pt idx="140">
                  <c:v>5588.0729999999894</c:v>
                </c:pt>
                <c:pt idx="141">
                  <c:v>-187.99199999999837</c:v>
                </c:pt>
                <c:pt idx="142">
                  <c:v>-2103.400999999998</c:v>
                </c:pt>
                <c:pt idx="143">
                  <c:v>850.66199999999662</c:v>
                </c:pt>
                <c:pt idx="144">
                  <c:v>-1261.0339999999997</c:v>
                </c:pt>
                <c:pt idx="145">
                  <c:v>1229.7910000000011</c:v>
                </c:pt>
                <c:pt idx="146">
                  <c:v>1220.1450000000004</c:v>
                </c:pt>
                <c:pt idx="147">
                  <c:v>1209.4280000000017</c:v>
                </c:pt>
                <c:pt idx="148">
                  <c:v>-346.10299999999916</c:v>
                </c:pt>
                <c:pt idx="149">
                  <c:v>-2677.3150000000023</c:v>
                </c:pt>
                <c:pt idx="150">
                  <c:v>410.57700000000477</c:v>
                </c:pt>
                <c:pt idx="151">
                  <c:v>4290.7379999999976</c:v>
                </c:pt>
                <c:pt idx="152">
                  <c:v>5270.6720000000205</c:v>
                </c:pt>
                <c:pt idx="153">
                  <c:v>0</c:v>
                </c:pt>
                <c:pt idx="154">
                  <c:v>2496.4959999999992</c:v>
                </c:pt>
                <c:pt idx="155">
                  <c:v>1694.4160000000047</c:v>
                </c:pt>
                <c:pt idx="156">
                  <c:v>-1780.2309999999998</c:v>
                </c:pt>
                <c:pt idx="157">
                  <c:v>101.11700000000019</c:v>
                </c:pt>
                <c:pt idx="158">
                  <c:v>89.060999999999694</c:v>
                </c:pt>
                <c:pt idx="159">
                  <c:v>84.952000000001135</c:v>
                </c:pt>
                <c:pt idx="160">
                  <c:v>-2563.7659999999978</c:v>
                </c:pt>
                <c:pt idx="161">
                  <c:v>3276.3669999999984</c:v>
                </c:pt>
                <c:pt idx="162">
                  <c:v>497.94799999999668</c:v>
                </c:pt>
                <c:pt idx="163">
                  <c:v>-2194.4850000000006</c:v>
                </c:pt>
                <c:pt idx="164">
                  <c:v>2041.0100000000093</c:v>
                </c:pt>
                <c:pt idx="165">
                  <c:v>-1534.3450000000012</c:v>
                </c:pt>
                <c:pt idx="166">
                  <c:v>-2662.0270000000019</c:v>
                </c:pt>
                <c:pt idx="167">
                  <c:v>-2496.6419999999998</c:v>
                </c:pt>
                <c:pt idx="168">
                  <c:v>-4365.5140000000029</c:v>
                </c:pt>
                <c:pt idx="169">
                  <c:v>-382.82200000000012</c:v>
                </c:pt>
                <c:pt idx="170">
                  <c:v>-412.62199999999939</c:v>
                </c:pt>
                <c:pt idx="171">
                  <c:v>-391.63400000000001</c:v>
                </c:pt>
                <c:pt idx="172">
                  <c:v>-3487.5329999999994</c:v>
                </c:pt>
                <c:pt idx="173">
                  <c:v>-1116.4130000000005</c:v>
                </c:pt>
                <c:pt idx="174">
                  <c:v>-55.826000000000931</c:v>
                </c:pt>
                <c:pt idx="175">
                  <c:v>3413.9079999999958</c:v>
                </c:pt>
                <c:pt idx="176">
                  <c:v>2725.2419999999984</c:v>
                </c:pt>
                <c:pt idx="177">
                  <c:v>-4300.4130000000005</c:v>
                </c:pt>
                <c:pt idx="178">
                  <c:v>5387.2690000000002</c:v>
                </c:pt>
                <c:pt idx="179">
                  <c:v>-509.5789999999979</c:v>
                </c:pt>
                <c:pt idx="180">
                  <c:v>1961.7000000000007</c:v>
                </c:pt>
                <c:pt idx="181">
                  <c:v>-1265.1209999999992</c:v>
                </c:pt>
                <c:pt idx="182">
                  <c:v>-1284.1739999999991</c:v>
                </c:pt>
                <c:pt idx="183">
                  <c:v>-1283.2509999999984</c:v>
                </c:pt>
                <c:pt idx="184">
                  <c:v>-3919.3280000000013</c:v>
                </c:pt>
                <c:pt idx="185">
                  <c:v>517.6140000000014</c:v>
                </c:pt>
                <c:pt idx="186">
                  <c:v>-1309.8289999999979</c:v>
                </c:pt>
                <c:pt idx="187">
                  <c:v>2004.426999999996</c:v>
                </c:pt>
              </c:numCache>
            </c:numRef>
          </c:yVal>
        </c:ser>
        <c:axId val="46285184"/>
        <c:axId val="46286720"/>
      </c:scatterChart>
      <c:valAx>
        <c:axId val="46285184"/>
        <c:scaling>
          <c:orientation val="minMax"/>
        </c:scaling>
        <c:axPos val="b"/>
        <c:numFmt formatCode="mmm\-yy" sourceLinked="1"/>
        <c:tickLblPos val="nextTo"/>
        <c:crossAx val="46286720"/>
        <c:crosses val="autoZero"/>
        <c:crossBetween val="midCat"/>
      </c:valAx>
      <c:valAx>
        <c:axId val="46286720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</c:title>
        <c:numFmt formatCode="#,##0.0_ ;[Red]\-#,##0.0\ 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6285184"/>
        <c:crosses val="autoZero"/>
        <c:crossBetween val="midCat"/>
      </c:valAx>
    </c:plotArea>
    <c:legend>
      <c:legendPos val="b"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78" l="0.70000000000000062" r="0.70000000000000062" t="0.75000000000000178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/>
              <a:t>Residential</a:t>
            </a:r>
            <a:r>
              <a:rPr lang="en-US" baseline="0"/>
              <a:t> Old M2 </a:t>
            </a:r>
            <a:r>
              <a:rPr lang="en-US"/>
              <a:t>Mkt. Usage: Regression Results</a:t>
            </a:r>
          </a:p>
        </c:rich>
      </c:tx>
      <c:layout/>
    </c:title>
    <c:plotArea>
      <c:layout/>
      <c:lineChart>
        <c:grouping val="standard"/>
        <c:ser>
          <c:idx val="0"/>
          <c:order val="0"/>
          <c:tx>
            <c:strRef>
              <c:f>'Residential USE Regn South'!$B$47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numRef>
              <c:f>'Residential USE Regn South'!$A$48:$A$272</c:f>
              <c:numCache>
                <c:formatCode>mmm\-yy</c:formatCode>
                <c:ptCount val="225"/>
                <c:pt idx="0">
                  <c:v>34060</c:v>
                </c:pt>
                <c:pt idx="1">
                  <c:v>34090</c:v>
                </c:pt>
                <c:pt idx="2">
                  <c:v>34121</c:v>
                </c:pt>
                <c:pt idx="3">
                  <c:v>34151</c:v>
                </c:pt>
                <c:pt idx="4">
                  <c:v>34182</c:v>
                </c:pt>
                <c:pt idx="5">
                  <c:v>34213</c:v>
                </c:pt>
                <c:pt idx="6">
                  <c:v>34243</c:v>
                </c:pt>
                <c:pt idx="7">
                  <c:v>34274</c:v>
                </c:pt>
                <c:pt idx="8">
                  <c:v>34304</c:v>
                </c:pt>
                <c:pt idx="9">
                  <c:v>34335</c:v>
                </c:pt>
                <c:pt idx="10">
                  <c:v>34366</c:v>
                </c:pt>
                <c:pt idx="11">
                  <c:v>34394</c:v>
                </c:pt>
                <c:pt idx="12">
                  <c:v>34425</c:v>
                </c:pt>
                <c:pt idx="13">
                  <c:v>34455</c:v>
                </c:pt>
                <c:pt idx="14">
                  <c:v>34486</c:v>
                </c:pt>
                <c:pt idx="15">
                  <c:v>34516</c:v>
                </c:pt>
                <c:pt idx="16">
                  <c:v>34547</c:v>
                </c:pt>
                <c:pt idx="17">
                  <c:v>34578</c:v>
                </c:pt>
                <c:pt idx="18">
                  <c:v>34608</c:v>
                </c:pt>
                <c:pt idx="19">
                  <c:v>34639</c:v>
                </c:pt>
                <c:pt idx="20">
                  <c:v>34669</c:v>
                </c:pt>
                <c:pt idx="21">
                  <c:v>34700</c:v>
                </c:pt>
                <c:pt idx="22">
                  <c:v>34731</c:v>
                </c:pt>
                <c:pt idx="23">
                  <c:v>34759</c:v>
                </c:pt>
                <c:pt idx="24">
                  <c:v>34790</c:v>
                </c:pt>
                <c:pt idx="25">
                  <c:v>34820</c:v>
                </c:pt>
                <c:pt idx="26">
                  <c:v>34851</c:v>
                </c:pt>
                <c:pt idx="27">
                  <c:v>34881</c:v>
                </c:pt>
                <c:pt idx="28">
                  <c:v>34912</c:v>
                </c:pt>
                <c:pt idx="29">
                  <c:v>34943</c:v>
                </c:pt>
                <c:pt idx="30">
                  <c:v>34973</c:v>
                </c:pt>
                <c:pt idx="31">
                  <c:v>35004</c:v>
                </c:pt>
                <c:pt idx="32">
                  <c:v>35034</c:v>
                </c:pt>
                <c:pt idx="33">
                  <c:v>35065</c:v>
                </c:pt>
                <c:pt idx="34">
                  <c:v>35096</c:v>
                </c:pt>
                <c:pt idx="35">
                  <c:v>35125</c:v>
                </c:pt>
                <c:pt idx="36">
                  <c:v>35156</c:v>
                </c:pt>
                <c:pt idx="37">
                  <c:v>35186</c:v>
                </c:pt>
                <c:pt idx="38">
                  <c:v>35217</c:v>
                </c:pt>
                <c:pt idx="39">
                  <c:v>35247</c:v>
                </c:pt>
                <c:pt idx="40">
                  <c:v>35278</c:v>
                </c:pt>
                <c:pt idx="41">
                  <c:v>35309</c:v>
                </c:pt>
                <c:pt idx="42">
                  <c:v>35339</c:v>
                </c:pt>
                <c:pt idx="43">
                  <c:v>35370</c:v>
                </c:pt>
                <c:pt idx="44">
                  <c:v>35400</c:v>
                </c:pt>
                <c:pt idx="45">
                  <c:v>35431</c:v>
                </c:pt>
                <c:pt idx="46">
                  <c:v>35462</c:v>
                </c:pt>
                <c:pt idx="47">
                  <c:v>35490</c:v>
                </c:pt>
                <c:pt idx="48">
                  <c:v>35521</c:v>
                </c:pt>
                <c:pt idx="49">
                  <c:v>35551</c:v>
                </c:pt>
                <c:pt idx="50">
                  <c:v>35582</c:v>
                </c:pt>
                <c:pt idx="51">
                  <c:v>35612</c:v>
                </c:pt>
                <c:pt idx="52">
                  <c:v>35643</c:v>
                </c:pt>
                <c:pt idx="53">
                  <c:v>35674</c:v>
                </c:pt>
                <c:pt idx="54">
                  <c:v>35704</c:v>
                </c:pt>
                <c:pt idx="55">
                  <c:v>35735</c:v>
                </c:pt>
                <c:pt idx="56">
                  <c:v>35765</c:v>
                </c:pt>
                <c:pt idx="57">
                  <c:v>35796</c:v>
                </c:pt>
                <c:pt idx="58">
                  <c:v>35827</c:v>
                </c:pt>
                <c:pt idx="59">
                  <c:v>35855</c:v>
                </c:pt>
                <c:pt idx="60">
                  <c:v>35886</c:v>
                </c:pt>
                <c:pt idx="61">
                  <c:v>35916</c:v>
                </c:pt>
                <c:pt idx="62">
                  <c:v>35947</c:v>
                </c:pt>
                <c:pt idx="63">
                  <c:v>35977</c:v>
                </c:pt>
                <c:pt idx="64">
                  <c:v>36008</c:v>
                </c:pt>
                <c:pt idx="65">
                  <c:v>36039</c:v>
                </c:pt>
                <c:pt idx="66">
                  <c:v>36069</c:v>
                </c:pt>
                <c:pt idx="67">
                  <c:v>36100</c:v>
                </c:pt>
                <c:pt idx="68">
                  <c:v>36130</c:v>
                </c:pt>
                <c:pt idx="69">
                  <c:v>36161</c:v>
                </c:pt>
                <c:pt idx="70">
                  <c:v>36192</c:v>
                </c:pt>
                <c:pt idx="71">
                  <c:v>36220</c:v>
                </c:pt>
                <c:pt idx="72">
                  <c:v>36251</c:v>
                </c:pt>
                <c:pt idx="73">
                  <c:v>36281</c:v>
                </c:pt>
                <c:pt idx="74">
                  <c:v>36312</c:v>
                </c:pt>
                <c:pt idx="75">
                  <c:v>36342</c:v>
                </c:pt>
                <c:pt idx="76">
                  <c:v>36373</c:v>
                </c:pt>
                <c:pt idx="77">
                  <c:v>36404</c:v>
                </c:pt>
                <c:pt idx="78">
                  <c:v>36434</c:v>
                </c:pt>
                <c:pt idx="79">
                  <c:v>36465</c:v>
                </c:pt>
                <c:pt idx="80">
                  <c:v>36495</c:v>
                </c:pt>
                <c:pt idx="81">
                  <c:v>36526</c:v>
                </c:pt>
                <c:pt idx="82">
                  <c:v>36557</c:v>
                </c:pt>
                <c:pt idx="83">
                  <c:v>36586</c:v>
                </c:pt>
                <c:pt idx="84">
                  <c:v>36617</c:v>
                </c:pt>
                <c:pt idx="85">
                  <c:v>36647</c:v>
                </c:pt>
                <c:pt idx="86">
                  <c:v>36678</c:v>
                </c:pt>
                <c:pt idx="87">
                  <c:v>36708</c:v>
                </c:pt>
                <c:pt idx="88">
                  <c:v>36739</c:v>
                </c:pt>
                <c:pt idx="89">
                  <c:v>36770</c:v>
                </c:pt>
                <c:pt idx="90">
                  <c:v>36800</c:v>
                </c:pt>
                <c:pt idx="91">
                  <c:v>36831</c:v>
                </c:pt>
                <c:pt idx="92">
                  <c:v>36861</c:v>
                </c:pt>
                <c:pt idx="93">
                  <c:v>36892</c:v>
                </c:pt>
                <c:pt idx="94">
                  <c:v>36923</c:v>
                </c:pt>
                <c:pt idx="95">
                  <c:v>36951</c:v>
                </c:pt>
                <c:pt idx="96">
                  <c:v>36982</c:v>
                </c:pt>
                <c:pt idx="97">
                  <c:v>37012</c:v>
                </c:pt>
                <c:pt idx="98">
                  <c:v>37043</c:v>
                </c:pt>
                <c:pt idx="99">
                  <c:v>37073</c:v>
                </c:pt>
                <c:pt idx="100">
                  <c:v>37104</c:v>
                </c:pt>
                <c:pt idx="101">
                  <c:v>37135</c:v>
                </c:pt>
                <c:pt idx="102">
                  <c:v>37165</c:v>
                </c:pt>
                <c:pt idx="103">
                  <c:v>37196</c:v>
                </c:pt>
                <c:pt idx="104">
                  <c:v>37226</c:v>
                </c:pt>
                <c:pt idx="105">
                  <c:v>37257</c:v>
                </c:pt>
                <c:pt idx="106">
                  <c:v>37288</c:v>
                </c:pt>
                <c:pt idx="107">
                  <c:v>37316</c:v>
                </c:pt>
                <c:pt idx="108">
                  <c:v>37347</c:v>
                </c:pt>
                <c:pt idx="109">
                  <c:v>37377</c:v>
                </c:pt>
                <c:pt idx="110">
                  <c:v>37408</c:v>
                </c:pt>
                <c:pt idx="111">
                  <c:v>37438</c:v>
                </c:pt>
                <c:pt idx="112">
                  <c:v>37469</c:v>
                </c:pt>
                <c:pt idx="113">
                  <c:v>37500</c:v>
                </c:pt>
                <c:pt idx="114">
                  <c:v>37530</c:v>
                </c:pt>
                <c:pt idx="115">
                  <c:v>37561</c:v>
                </c:pt>
                <c:pt idx="116">
                  <c:v>37591</c:v>
                </c:pt>
                <c:pt idx="117">
                  <c:v>37622</c:v>
                </c:pt>
                <c:pt idx="118">
                  <c:v>37653</c:v>
                </c:pt>
                <c:pt idx="119">
                  <c:v>37681</c:v>
                </c:pt>
                <c:pt idx="120">
                  <c:v>37712</c:v>
                </c:pt>
                <c:pt idx="121">
                  <c:v>37742</c:v>
                </c:pt>
                <c:pt idx="122">
                  <c:v>37773</c:v>
                </c:pt>
                <c:pt idx="123">
                  <c:v>37803</c:v>
                </c:pt>
                <c:pt idx="124">
                  <c:v>37834</c:v>
                </c:pt>
                <c:pt idx="125">
                  <c:v>37865</c:v>
                </c:pt>
                <c:pt idx="126">
                  <c:v>37895</c:v>
                </c:pt>
                <c:pt idx="127">
                  <c:v>37926</c:v>
                </c:pt>
                <c:pt idx="128">
                  <c:v>37956</c:v>
                </c:pt>
                <c:pt idx="129">
                  <c:v>37987</c:v>
                </c:pt>
                <c:pt idx="130">
                  <c:v>38018</c:v>
                </c:pt>
                <c:pt idx="131">
                  <c:v>38047</c:v>
                </c:pt>
                <c:pt idx="132">
                  <c:v>38078</c:v>
                </c:pt>
                <c:pt idx="133">
                  <c:v>38108</c:v>
                </c:pt>
                <c:pt idx="134">
                  <c:v>38139</c:v>
                </c:pt>
                <c:pt idx="135">
                  <c:v>38169</c:v>
                </c:pt>
                <c:pt idx="136">
                  <c:v>38200</c:v>
                </c:pt>
                <c:pt idx="137">
                  <c:v>38231</c:v>
                </c:pt>
                <c:pt idx="138">
                  <c:v>38261</c:v>
                </c:pt>
                <c:pt idx="139">
                  <c:v>38292</c:v>
                </c:pt>
                <c:pt idx="140">
                  <c:v>38322</c:v>
                </c:pt>
                <c:pt idx="141">
                  <c:v>38353</c:v>
                </c:pt>
                <c:pt idx="142">
                  <c:v>38384</c:v>
                </c:pt>
                <c:pt idx="143">
                  <c:v>38412</c:v>
                </c:pt>
                <c:pt idx="144">
                  <c:v>38443</c:v>
                </c:pt>
                <c:pt idx="145">
                  <c:v>38473</c:v>
                </c:pt>
                <c:pt idx="146">
                  <c:v>38504</c:v>
                </c:pt>
                <c:pt idx="147">
                  <c:v>38534</c:v>
                </c:pt>
                <c:pt idx="148">
                  <c:v>38565</c:v>
                </c:pt>
                <c:pt idx="149">
                  <c:v>38596</c:v>
                </c:pt>
                <c:pt idx="150">
                  <c:v>38626</c:v>
                </c:pt>
                <c:pt idx="151">
                  <c:v>38657</c:v>
                </c:pt>
                <c:pt idx="152">
                  <c:v>38687</c:v>
                </c:pt>
                <c:pt idx="153">
                  <c:v>38718</c:v>
                </c:pt>
                <c:pt idx="154">
                  <c:v>38749</c:v>
                </c:pt>
                <c:pt idx="155">
                  <c:v>38777</c:v>
                </c:pt>
                <c:pt idx="156">
                  <c:v>38808</c:v>
                </c:pt>
                <c:pt idx="157">
                  <c:v>38838</c:v>
                </c:pt>
                <c:pt idx="158">
                  <c:v>38869</c:v>
                </c:pt>
                <c:pt idx="159">
                  <c:v>38899</c:v>
                </c:pt>
                <c:pt idx="160">
                  <c:v>38930</c:v>
                </c:pt>
                <c:pt idx="161">
                  <c:v>38961</c:v>
                </c:pt>
                <c:pt idx="162">
                  <c:v>38991</c:v>
                </c:pt>
                <c:pt idx="163">
                  <c:v>39022</c:v>
                </c:pt>
                <c:pt idx="164">
                  <c:v>39052</c:v>
                </c:pt>
                <c:pt idx="165">
                  <c:v>39083</c:v>
                </c:pt>
                <c:pt idx="166">
                  <c:v>39114</c:v>
                </c:pt>
                <c:pt idx="167">
                  <c:v>39142</c:v>
                </c:pt>
                <c:pt idx="168">
                  <c:v>39173</c:v>
                </c:pt>
                <c:pt idx="169">
                  <c:v>39203</c:v>
                </c:pt>
                <c:pt idx="170">
                  <c:v>39234</c:v>
                </c:pt>
                <c:pt idx="171">
                  <c:v>39264</c:v>
                </c:pt>
                <c:pt idx="172">
                  <c:v>39295</c:v>
                </c:pt>
                <c:pt idx="173">
                  <c:v>39326</c:v>
                </c:pt>
                <c:pt idx="174">
                  <c:v>39356</c:v>
                </c:pt>
                <c:pt idx="175">
                  <c:v>39387</c:v>
                </c:pt>
                <c:pt idx="176">
                  <c:v>39417</c:v>
                </c:pt>
                <c:pt idx="177">
                  <c:v>39448</c:v>
                </c:pt>
                <c:pt idx="178">
                  <c:v>39479</c:v>
                </c:pt>
                <c:pt idx="179">
                  <c:v>39508</c:v>
                </c:pt>
                <c:pt idx="180">
                  <c:v>39539</c:v>
                </c:pt>
                <c:pt idx="181">
                  <c:v>39569</c:v>
                </c:pt>
                <c:pt idx="182">
                  <c:v>39600</c:v>
                </c:pt>
                <c:pt idx="183">
                  <c:v>39630</c:v>
                </c:pt>
                <c:pt idx="184">
                  <c:v>39661</c:v>
                </c:pt>
                <c:pt idx="185">
                  <c:v>39692</c:v>
                </c:pt>
                <c:pt idx="186">
                  <c:v>39722</c:v>
                </c:pt>
                <c:pt idx="187">
                  <c:v>39753</c:v>
                </c:pt>
                <c:pt idx="188">
                  <c:v>39783</c:v>
                </c:pt>
                <c:pt idx="189">
                  <c:v>39814</c:v>
                </c:pt>
                <c:pt idx="190">
                  <c:v>39845</c:v>
                </c:pt>
                <c:pt idx="191">
                  <c:v>39873</c:v>
                </c:pt>
                <c:pt idx="192">
                  <c:v>39904</c:v>
                </c:pt>
                <c:pt idx="193">
                  <c:v>39934</c:v>
                </c:pt>
                <c:pt idx="194">
                  <c:v>39965</c:v>
                </c:pt>
                <c:pt idx="195">
                  <c:v>39995</c:v>
                </c:pt>
                <c:pt idx="196">
                  <c:v>40026</c:v>
                </c:pt>
                <c:pt idx="197">
                  <c:v>40057</c:v>
                </c:pt>
                <c:pt idx="198">
                  <c:v>40087</c:v>
                </c:pt>
                <c:pt idx="199">
                  <c:v>40118</c:v>
                </c:pt>
                <c:pt idx="200">
                  <c:v>40148</c:v>
                </c:pt>
                <c:pt idx="201">
                  <c:v>40179</c:v>
                </c:pt>
                <c:pt idx="202">
                  <c:v>40210</c:v>
                </c:pt>
                <c:pt idx="203">
                  <c:v>40238</c:v>
                </c:pt>
                <c:pt idx="204">
                  <c:v>40269</c:v>
                </c:pt>
                <c:pt idx="205">
                  <c:v>40299</c:v>
                </c:pt>
                <c:pt idx="206">
                  <c:v>40330</c:v>
                </c:pt>
                <c:pt idx="207">
                  <c:v>40360</c:v>
                </c:pt>
                <c:pt idx="208">
                  <c:v>40391</c:v>
                </c:pt>
                <c:pt idx="209">
                  <c:v>40422</c:v>
                </c:pt>
                <c:pt idx="210">
                  <c:v>40452</c:v>
                </c:pt>
                <c:pt idx="211">
                  <c:v>40483</c:v>
                </c:pt>
                <c:pt idx="212">
                  <c:v>40513</c:v>
                </c:pt>
                <c:pt idx="213">
                  <c:v>40544</c:v>
                </c:pt>
                <c:pt idx="214">
                  <c:v>40575</c:v>
                </c:pt>
                <c:pt idx="215">
                  <c:v>40603</c:v>
                </c:pt>
                <c:pt idx="216">
                  <c:v>40634</c:v>
                </c:pt>
                <c:pt idx="217">
                  <c:v>40664</c:v>
                </c:pt>
                <c:pt idx="218">
                  <c:v>40695</c:v>
                </c:pt>
                <c:pt idx="219">
                  <c:v>40725</c:v>
                </c:pt>
                <c:pt idx="220">
                  <c:v>40756</c:v>
                </c:pt>
                <c:pt idx="221">
                  <c:v>40787</c:v>
                </c:pt>
                <c:pt idx="222">
                  <c:v>40817</c:v>
                </c:pt>
                <c:pt idx="223">
                  <c:v>40848</c:v>
                </c:pt>
                <c:pt idx="224">
                  <c:v>40878</c:v>
                </c:pt>
              </c:numCache>
            </c:numRef>
          </c:cat>
          <c:val>
            <c:numRef>
              <c:f>'Residential USE Regn South'!$B$48:$B$272</c:f>
              <c:numCache>
                <c:formatCode>#,##0.0_ ;[Red]\-#,##0.0\ </c:formatCode>
                <c:ptCount val="225"/>
                <c:pt idx="0">
                  <c:v>263.43799999999999</c:v>
                </c:pt>
                <c:pt idx="1">
                  <c:v>136.107</c:v>
                </c:pt>
                <c:pt idx="2">
                  <c:v>67.906999999999996</c:v>
                </c:pt>
                <c:pt idx="3">
                  <c:v>67.906999999999996</c:v>
                </c:pt>
                <c:pt idx="4">
                  <c:v>67.906999999999996</c:v>
                </c:pt>
                <c:pt idx="5">
                  <c:v>101.14400000000001</c:v>
                </c:pt>
                <c:pt idx="6">
                  <c:v>200.72800000000001</c:v>
                </c:pt>
                <c:pt idx="7">
                  <c:v>304.71499999999997</c:v>
                </c:pt>
                <c:pt idx="8">
                  <c:v>445.72899999999998</c:v>
                </c:pt>
                <c:pt idx="9">
                  <c:v>641.35500000000002</c:v>
                </c:pt>
                <c:pt idx="10">
                  <c:v>517.96199999999999</c:v>
                </c:pt>
                <c:pt idx="11">
                  <c:v>414.48099999999999</c:v>
                </c:pt>
                <c:pt idx="12">
                  <c:v>251.291</c:v>
                </c:pt>
                <c:pt idx="13">
                  <c:v>161.559</c:v>
                </c:pt>
                <c:pt idx="14">
                  <c:v>69.454999999999998</c:v>
                </c:pt>
                <c:pt idx="15">
                  <c:v>69.454999999999998</c:v>
                </c:pt>
                <c:pt idx="16">
                  <c:v>69.454999999999998</c:v>
                </c:pt>
                <c:pt idx="17">
                  <c:v>89.132000000000005</c:v>
                </c:pt>
                <c:pt idx="18">
                  <c:v>155.49600000000001</c:v>
                </c:pt>
                <c:pt idx="19">
                  <c:v>229.22200000000001</c:v>
                </c:pt>
                <c:pt idx="20">
                  <c:v>385.45800000000003</c:v>
                </c:pt>
                <c:pt idx="21">
                  <c:v>460.21600000000001</c:v>
                </c:pt>
                <c:pt idx="22">
                  <c:v>495.27499999999998</c:v>
                </c:pt>
                <c:pt idx="23">
                  <c:v>367.24200000000002</c:v>
                </c:pt>
                <c:pt idx="24">
                  <c:v>297.28800000000001</c:v>
                </c:pt>
                <c:pt idx="25">
                  <c:v>134.37100000000001</c:v>
                </c:pt>
                <c:pt idx="26">
                  <c:v>64.120999999999995</c:v>
                </c:pt>
                <c:pt idx="27">
                  <c:v>64.120999999999995</c:v>
                </c:pt>
                <c:pt idx="28">
                  <c:v>64.120999999999995</c:v>
                </c:pt>
                <c:pt idx="29">
                  <c:v>88.671999999999997</c:v>
                </c:pt>
                <c:pt idx="30">
                  <c:v>141.85300000000001</c:v>
                </c:pt>
                <c:pt idx="31">
                  <c:v>342.62900000000002</c:v>
                </c:pt>
                <c:pt idx="32">
                  <c:v>507.47300000000001</c:v>
                </c:pt>
                <c:pt idx="33">
                  <c:v>528.29300000000001</c:v>
                </c:pt>
                <c:pt idx="34">
                  <c:v>500.64499999999998</c:v>
                </c:pt>
                <c:pt idx="35">
                  <c:v>457.77</c:v>
                </c:pt>
                <c:pt idx="36">
                  <c:v>295.91800000000001</c:v>
                </c:pt>
                <c:pt idx="37">
                  <c:v>173.58099999999999</c:v>
                </c:pt>
                <c:pt idx="38">
                  <c:v>67.236999999999995</c:v>
                </c:pt>
                <c:pt idx="39">
                  <c:v>67.236999999999995</c:v>
                </c:pt>
                <c:pt idx="40">
                  <c:v>67.236999999999995</c:v>
                </c:pt>
                <c:pt idx="41">
                  <c:v>89.236999999999995</c:v>
                </c:pt>
                <c:pt idx="42">
                  <c:v>169.018</c:v>
                </c:pt>
                <c:pt idx="43">
                  <c:v>333.08100000000002</c:v>
                </c:pt>
                <c:pt idx="44">
                  <c:v>405.31700000000001</c:v>
                </c:pt>
                <c:pt idx="45">
                  <c:v>539.20600000000002</c:v>
                </c:pt>
                <c:pt idx="46">
                  <c:v>420.37099999999998</c:v>
                </c:pt>
                <c:pt idx="47">
                  <c:v>412.36</c:v>
                </c:pt>
                <c:pt idx="48">
                  <c:v>275.25</c:v>
                </c:pt>
                <c:pt idx="49">
                  <c:v>198.66200000000001</c:v>
                </c:pt>
                <c:pt idx="50">
                  <c:v>67.215000000000003</c:v>
                </c:pt>
                <c:pt idx="51">
                  <c:v>67.215000000000003</c:v>
                </c:pt>
                <c:pt idx="52">
                  <c:v>67.215000000000003</c:v>
                </c:pt>
                <c:pt idx="53">
                  <c:v>88.465000000000003</c:v>
                </c:pt>
                <c:pt idx="54">
                  <c:v>169.57300000000001</c:v>
                </c:pt>
                <c:pt idx="55">
                  <c:v>305.20600000000002</c:v>
                </c:pt>
                <c:pt idx="56">
                  <c:v>404.68799999999999</c:v>
                </c:pt>
                <c:pt idx="57">
                  <c:v>433.20299999999997</c:v>
                </c:pt>
                <c:pt idx="58">
                  <c:v>359.262</c:v>
                </c:pt>
                <c:pt idx="59">
                  <c:v>362.95299999999997</c:v>
                </c:pt>
                <c:pt idx="60">
                  <c:v>214.81299999999999</c:v>
                </c:pt>
                <c:pt idx="61">
                  <c:v>82.510999999999996</c:v>
                </c:pt>
                <c:pt idx="62">
                  <c:v>65.162999999999997</c:v>
                </c:pt>
                <c:pt idx="63">
                  <c:v>65.162999999999997</c:v>
                </c:pt>
                <c:pt idx="64">
                  <c:v>65.162999999999997</c:v>
                </c:pt>
                <c:pt idx="65">
                  <c:v>73.076999999999998</c:v>
                </c:pt>
                <c:pt idx="66">
                  <c:v>141.62</c:v>
                </c:pt>
                <c:pt idx="67">
                  <c:v>239.97300000000001</c:v>
                </c:pt>
                <c:pt idx="68">
                  <c:v>349.565</c:v>
                </c:pt>
                <c:pt idx="69">
                  <c:v>524.57100000000003</c:v>
                </c:pt>
                <c:pt idx="70">
                  <c:v>385.26400000000001</c:v>
                </c:pt>
                <c:pt idx="71">
                  <c:v>388.40899999999999</c:v>
                </c:pt>
                <c:pt idx="72">
                  <c:v>218.529</c:v>
                </c:pt>
                <c:pt idx="73">
                  <c:v>101.389</c:v>
                </c:pt>
                <c:pt idx="74">
                  <c:v>62.466999999999999</c:v>
                </c:pt>
                <c:pt idx="75">
                  <c:v>62.466999999999999</c:v>
                </c:pt>
                <c:pt idx="76">
                  <c:v>62.466999999999999</c:v>
                </c:pt>
                <c:pt idx="77">
                  <c:v>74.381</c:v>
                </c:pt>
                <c:pt idx="78">
                  <c:v>178.63399999999999</c:v>
                </c:pt>
                <c:pt idx="79">
                  <c:v>226.89</c:v>
                </c:pt>
                <c:pt idx="80">
                  <c:v>386.541</c:v>
                </c:pt>
                <c:pt idx="81">
                  <c:v>445.88400000000001</c:v>
                </c:pt>
                <c:pt idx="82">
                  <c:v>459.19200000000001</c:v>
                </c:pt>
                <c:pt idx="83">
                  <c:v>291.27499999999998</c:v>
                </c:pt>
                <c:pt idx="84">
                  <c:v>244.99100000000001</c:v>
                </c:pt>
                <c:pt idx="85">
                  <c:v>123.629</c:v>
                </c:pt>
                <c:pt idx="86">
                  <c:v>68.515000000000001</c:v>
                </c:pt>
                <c:pt idx="87">
                  <c:v>68.515000000000001</c:v>
                </c:pt>
                <c:pt idx="88">
                  <c:v>68.515000000000001</c:v>
                </c:pt>
                <c:pt idx="89">
                  <c:v>79.268000000000001</c:v>
                </c:pt>
                <c:pt idx="90">
                  <c:v>161.398</c:v>
                </c:pt>
                <c:pt idx="91">
                  <c:v>242.87</c:v>
                </c:pt>
                <c:pt idx="92">
                  <c:v>514.14400000000001</c:v>
                </c:pt>
                <c:pt idx="93">
                  <c:v>466.47699999999998</c:v>
                </c:pt>
                <c:pt idx="94">
                  <c:v>397.49200000000002</c:v>
                </c:pt>
                <c:pt idx="95">
                  <c:v>394.536</c:v>
                </c:pt>
                <c:pt idx="96">
                  <c:v>206.64</c:v>
                </c:pt>
                <c:pt idx="97">
                  <c:v>105.229</c:v>
                </c:pt>
                <c:pt idx="98">
                  <c:v>60.975999999999999</c:v>
                </c:pt>
                <c:pt idx="99">
                  <c:v>60.975999999999999</c:v>
                </c:pt>
                <c:pt idx="100">
                  <c:v>60.975999999999999</c:v>
                </c:pt>
                <c:pt idx="101">
                  <c:v>70.02</c:v>
                </c:pt>
                <c:pt idx="102">
                  <c:v>145.17599999999999</c:v>
                </c:pt>
                <c:pt idx="103">
                  <c:v>208.041</c:v>
                </c:pt>
                <c:pt idx="104">
                  <c:v>334.72800000000001</c:v>
                </c:pt>
                <c:pt idx="105">
                  <c:v>405.97500000000002</c:v>
                </c:pt>
                <c:pt idx="106">
                  <c:v>385.65699999999998</c:v>
                </c:pt>
                <c:pt idx="107">
                  <c:v>357.74400000000003</c:v>
                </c:pt>
                <c:pt idx="108">
                  <c:v>216.983</c:v>
                </c:pt>
                <c:pt idx="109">
                  <c:v>168.63</c:v>
                </c:pt>
                <c:pt idx="110">
                  <c:v>66.278999999999996</c:v>
                </c:pt>
                <c:pt idx="111">
                  <c:v>66.278999999999996</c:v>
                </c:pt>
                <c:pt idx="112">
                  <c:v>66.278999999999996</c:v>
                </c:pt>
                <c:pt idx="113">
                  <c:v>59.457999999999998</c:v>
                </c:pt>
                <c:pt idx="114">
                  <c:v>163.369</c:v>
                </c:pt>
                <c:pt idx="115">
                  <c:v>271.536</c:v>
                </c:pt>
                <c:pt idx="116">
                  <c:v>407.23500000000001</c:v>
                </c:pt>
                <c:pt idx="117">
                  <c:v>545.745</c:v>
                </c:pt>
                <c:pt idx="118">
                  <c:v>455.44400000000002</c:v>
                </c:pt>
                <c:pt idx="119">
                  <c:v>363.04199999999997</c:v>
                </c:pt>
                <c:pt idx="120">
                  <c:v>234.738</c:v>
                </c:pt>
                <c:pt idx="121">
                  <c:v>129.11000000000001</c:v>
                </c:pt>
                <c:pt idx="122">
                  <c:v>63.994999999999997</c:v>
                </c:pt>
                <c:pt idx="123">
                  <c:v>63.994999999999997</c:v>
                </c:pt>
                <c:pt idx="124">
                  <c:v>63.994999999999997</c:v>
                </c:pt>
                <c:pt idx="125">
                  <c:v>70.122</c:v>
                </c:pt>
                <c:pt idx="126">
                  <c:v>157.31299999999999</c:v>
                </c:pt>
                <c:pt idx="127">
                  <c:v>240.636</c:v>
                </c:pt>
                <c:pt idx="128">
                  <c:v>382.14499999999998</c:v>
                </c:pt>
                <c:pt idx="129">
                  <c:v>544.923</c:v>
                </c:pt>
                <c:pt idx="130">
                  <c:v>395.42599999999999</c:v>
                </c:pt>
                <c:pt idx="131">
                  <c:v>315.18900000000002</c:v>
                </c:pt>
                <c:pt idx="132">
                  <c:v>212.73699999999999</c:v>
                </c:pt>
                <c:pt idx="133">
                  <c:v>113.366</c:v>
                </c:pt>
                <c:pt idx="134">
                  <c:v>59.341999999999999</c:v>
                </c:pt>
                <c:pt idx="135">
                  <c:v>59.341999999999999</c:v>
                </c:pt>
                <c:pt idx="136">
                  <c:v>59.341999999999999</c:v>
                </c:pt>
                <c:pt idx="137">
                  <c:v>72.161000000000001</c:v>
                </c:pt>
                <c:pt idx="138">
                  <c:v>122.386</c:v>
                </c:pt>
                <c:pt idx="139">
                  <c:v>225.09700000000001</c:v>
                </c:pt>
                <c:pt idx="140">
                  <c:v>399.642</c:v>
                </c:pt>
                <c:pt idx="141">
                  <c:v>485.125</c:v>
                </c:pt>
                <c:pt idx="142">
                  <c:v>391.637</c:v>
                </c:pt>
                <c:pt idx="143">
                  <c:v>368.88600000000002</c:v>
                </c:pt>
                <c:pt idx="144">
                  <c:v>202.68</c:v>
                </c:pt>
                <c:pt idx="145">
                  <c:v>129.85400000000001</c:v>
                </c:pt>
                <c:pt idx="146">
                  <c:v>57.423999999999999</c:v>
                </c:pt>
                <c:pt idx="147">
                  <c:v>57.423999999999999</c:v>
                </c:pt>
                <c:pt idx="148">
                  <c:v>57.423999999999999</c:v>
                </c:pt>
                <c:pt idx="149">
                  <c:v>57.872999999999998</c:v>
                </c:pt>
                <c:pt idx="150">
                  <c:v>120.255</c:v>
                </c:pt>
                <c:pt idx="151">
                  <c:v>221.608</c:v>
                </c:pt>
                <c:pt idx="152">
                  <c:v>425.62099999999998</c:v>
                </c:pt>
                <c:pt idx="153">
                  <c:v>357.77300000000002</c:v>
                </c:pt>
                <c:pt idx="154">
                  <c:v>377.29399999999998</c:v>
                </c:pt>
                <c:pt idx="155">
                  <c:v>324.13499999999999</c:v>
                </c:pt>
                <c:pt idx="156">
                  <c:v>188.80099999999999</c:v>
                </c:pt>
                <c:pt idx="157">
                  <c:v>94.501999999999995</c:v>
                </c:pt>
                <c:pt idx="158">
                  <c:v>57.406999999999996</c:v>
                </c:pt>
                <c:pt idx="159">
                  <c:v>57.406999999999996</c:v>
                </c:pt>
                <c:pt idx="160">
                  <c:v>57.406999999999996</c:v>
                </c:pt>
                <c:pt idx="161">
                  <c:v>60.956000000000003</c:v>
                </c:pt>
                <c:pt idx="162">
                  <c:v>145.33600000000001</c:v>
                </c:pt>
                <c:pt idx="163">
                  <c:v>229.69300000000001</c:v>
                </c:pt>
                <c:pt idx="164">
                  <c:v>326.73399999999998</c:v>
                </c:pt>
                <c:pt idx="165">
                  <c:v>402.14499999999998</c:v>
                </c:pt>
                <c:pt idx="166">
                  <c:v>446.48700000000002</c:v>
                </c:pt>
                <c:pt idx="167">
                  <c:v>334.49099999999999</c:v>
                </c:pt>
                <c:pt idx="168">
                  <c:v>232.595</c:v>
                </c:pt>
                <c:pt idx="169">
                  <c:v>106.621</c:v>
                </c:pt>
                <c:pt idx="170">
                  <c:v>58.472000000000001</c:v>
                </c:pt>
                <c:pt idx="171">
                  <c:v>58.472000000000001</c:v>
                </c:pt>
                <c:pt idx="172">
                  <c:v>58.472000000000001</c:v>
                </c:pt>
                <c:pt idx="173">
                  <c:v>58.685000000000002</c:v>
                </c:pt>
                <c:pt idx="174">
                  <c:v>94.515000000000001</c:v>
                </c:pt>
                <c:pt idx="175">
                  <c:v>225.839</c:v>
                </c:pt>
                <c:pt idx="176">
                  <c:v>396.30500000000001</c:v>
                </c:pt>
                <c:pt idx="177">
                  <c:v>423.00900000000001</c:v>
                </c:pt>
                <c:pt idx="178">
                  <c:v>407.36200000000002</c:v>
                </c:pt>
                <c:pt idx="179">
                  <c:v>384.14100000000002</c:v>
                </c:pt>
                <c:pt idx="180">
                  <c:v>157.47300000000001</c:v>
                </c:pt>
                <c:pt idx="181">
                  <c:v>119.687</c:v>
                </c:pt>
                <c:pt idx="182">
                  <c:v>54.363999999999997</c:v>
                </c:pt>
                <c:pt idx="183">
                  <c:v>54.363999999999997</c:v>
                </c:pt>
                <c:pt idx="184">
                  <c:v>54.363999999999997</c:v>
                </c:pt>
                <c:pt idx="185">
                  <c:v>56.100999999999999</c:v>
                </c:pt>
                <c:pt idx="186">
                  <c:v>127.25700000000001</c:v>
                </c:pt>
                <c:pt idx="187">
                  <c:v>258.42599999999999</c:v>
                </c:pt>
                <c:pt idx="188">
                  <c:v>410.77100000000002</c:v>
                </c:pt>
                <c:pt idx="189">
                  <c:v>504.108</c:v>
                </c:pt>
                <c:pt idx="190">
                  <c:v>348.20800000000003</c:v>
                </c:pt>
                <c:pt idx="191">
                  <c:v>323.61599999999999</c:v>
                </c:pt>
                <c:pt idx="192">
                  <c:v>192.571</c:v>
                </c:pt>
                <c:pt idx="193">
                  <c:v>104.28</c:v>
                </c:pt>
                <c:pt idx="194">
                  <c:v>57.195999999999998</c:v>
                </c:pt>
                <c:pt idx="195">
                  <c:v>57.195999999999998</c:v>
                </c:pt>
                <c:pt idx="196">
                  <c:v>57.195999999999998</c:v>
                </c:pt>
                <c:pt idx="197">
                  <c:v>58.942999999999998</c:v>
                </c:pt>
                <c:pt idx="198">
                  <c:v>147.84299999999999</c:v>
                </c:pt>
                <c:pt idx="199">
                  <c:v>199.93899999999999</c:v>
                </c:pt>
                <c:pt idx="200">
                  <c:v>349.185</c:v>
                </c:pt>
                <c:pt idx="201">
                  <c:v>459.98399999999998</c:v>
                </c:pt>
                <c:pt idx="202">
                  <c:v>358.41</c:v>
                </c:pt>
                <c:pt idx="203">
                  <c:v>264.14299999999997</c:v>
                </c:pt>
                <c:pt idx="204">
                  <c:v>143.38</c:v>
                </c:pt>
                <c:pt idx="205">
                  <c:v>78.668999999999997</c:v>
                </c:pt>
                <c:pt idx="206">
                  <c:v>57.106000000000002</c:v>
                </c:pt>
                <c:pt idx="207">
                  <c:v>57.106000000000002</c:v>
                </c:pt>
                <c:pt idx="208">
                  <c:v>57.106000000000002</c:v>
                </c:pt>
                <c:pt idx="209">
                  <c:v>55.539000000000001</c:v>
                </c:pt>
                <c:pt idx="210">
                  <c:v>116.998</c:v>
                </c:pt>
                <c:pt idx="211">
                  <c:v>221.38900000000001</c:v>
                </c:pt>
                <c:pt idx="212">
                  <c:v>408.59</c:v>
                </c:pt>
                <c:pt idx="213">
                  <c:v>462.36200000000002</c:v>
                </c:pt>
                <c:pt idx="214">
                  <c:v>368.245</c:v>
                </c:pt>
                <c:pt idx="215">
                  <c:v>340.90199999999999</c:v>
                </c:pt>
                <c:pt idx="216">
                  <c:v>186.399</c:v>
                </c:pt>
                <c:pt idx="217">
                  <c:v>108.31399999999999</c:v>
                </c:pt>
                <c:pt idx="218">
                  <c:v>56.853000000000002</c:v>
                </c:pt>
                <c:pt idx="219">
                  <c:v>56.853000000000002</c:v>
                </c:pt>
                <c:pt idx="220">
                  <c:v>56.853000000000002</c:v>
                </c:pt>
                <c:pt idx="221">
                  <c:v>53.985999999999997</c:v>
                </c:pt>
                <c:pt idx="222">
                  <c:v>119.758</c:v>
                </c:pt>
                <c:pt idx="223">
                  <c:v>196.691</c:v>
                </c:pt>
                <c:pt idx="224">
                  <c:v>323.55799999999999</c:v>
                </c:pt>
              </c:numCache>
            </c:numRef>
          </c:val>
        </c:ser>
        <c:ser>
          <c:idx val="1"/>
          <c:order val="1"/>
          <c:tx>
            <c:strRef>
              <c:f>'Residential USE Regn South'!$C$47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numRef>
              <c:f>'Residential USE Regn South'!$A$48:$A$272</c:f>
              <c:numCache>
                <c:formatCode>mmm\-yy</c:formatCode>
                <c:ptCount val="225"/>
                <c:pt idx="0">
                  <c:v>34060</c:v>
                </c:pt>
                <c:pt idx="1">
                  <c:v>34090</c:v>
                </c:pt>
                <c:pt idx="2">
                  <c:v>34121</c:v>
                </c:pt>
                <c:pt idx="3">
                  <c:v>34151</c:v>
                </c:pt>
                <c:pt idx="4">
                  <c:v>34182</c:v>
                </c:pt>
                <c:pt idx="5">
                  <c:v>34213</c:v>
                </c:pt>
                <c:pt idx="6">
                  <c:v>34243</c:v>
                </c:pt>
                <c:pt idx="7">
                  <c:v>34274</c:v>
                </c:pt>
                <c:pt idx="8">
                  <c:v>34304</c:v>
                </c:pt>
                <c:pt idx="9">
                  <c:v>34335</c:v>
                </c:pt>
                <c:pt idx="10">
                  <c:v>34366</c:v>
                </c:pt>
                <c:pt idx="11">
                  <c:v>34394</c:v>
                </c:pt>
                <c:pt idx="12">
                  <c:v>34425</c:v>
                </c:pt>
                <c:pt idx="13">
                  <c:v>34455</c:v>
                </c:pt>
                <c:pt idx="14">
                  <c:v>34486</c:v>
                </c:pt>
                <c:pt idx="15">
                  <c:v>34516</c:v>
                </c:pt>
                <c:pt idx="16">
                  <c:v>34547</c:v>
                </c:pt>
                <c:pt idx="17">
                  <c:v>34578</c:v>
                </c:pt>
                <c:pt idx="18">
                  <c:v>34608</c:v>
                </c:pt>
                <c:pt idx="19">
                  <c:v>34639</c:v>
                </c:pt>
                <c:pt idx="20">
                  <c:v>34669</c:v>
                </c:pt>
                <c:pt idx="21">
                  <c:v>34700</c:v>
                </c:pt>
                <c:pt idx="22">
                  <c:v>34731</c:v>
                </c:pt>
                <c:pt idx="23">
                  <c:v>34759</c:v>
                </c:pt>
                <c:pt idx="24">
                  <c:v>34790</c:v>
                </c:pt>
                <c:pt idx="25">
                  <c:v>34820</c:v>
                </c:pt>
                <c:pt idx="26">
                  <c:v>34851</c:v>
                </c:pt>
                <c:pt idx="27">
                  <c:v>34881</c:v>
                </c:pt>
                <c:pt idx="28">
                  <c:v>34912</c:v>
                </c:pt>
                <c:pt idx="29">
                  <c:v>34943</c:v>
                </c:pt>
                <c:pt idx="30">
                  <c:v>34973</c:v>
                </c:pt>
                <c:pt idx="31">
                  <c:v>35004</c:v>
                </c:pt>
                <c:pt idx="32">
                  <c:v>35034</c:v>
                </c:pt>
                <c:pt idx="33">
                  <c:v>35065</c:v>
                </c:pt>
                <c:pt idx="34">
                  <c:v>35096</c:v>
                </c:pt>
                <c:pt idx="35">
                  <c:v>35125</c:v>
                </c:pt>
                <c:pt idx="36">
                  <c:v>35156</c:v>
                </c:pt>
                <c:pt idx="37">
                  <c:v>35186</c:v>
                </c:pt>
                <c:pt idx="38">
                  <c:v>35217</c:v>
                </c:pt>
                <c:pt idx="39">
                  <c:v>35247</c:v>
                </c:pt>
                <c:pt idx="40">
                  <c:v>35278</c:v>
                </c:pt>
                <c:pt idx="41">
                  <c:v>35309</c:v>
                </c:pt>
                <c:pt idx="42">
                  <c:v>35339</c:v>
                </c:pt>
                <c:pt idx="43">
                  <c:v>35370</c:v>
                </c:pt>
                <c:pt idx="44">
                  <c:v>35400</c:v>
                </c:pt>
                <c:pt idx="45">
                  <c:v>35431</c:v>
                </c:pt>
                <c:pt idx="46">
                  <c:v>35462</c:v>
                </c:pt>
                <c:pt idx="47">
                  <c:v>35490</c:v>
                </c:pt>
                <c:pt idx="48">
                  <c:v>35521</c:v>
                </c:pt>
                <c:pt idx="49">
                  <c:v>35551</c:v>
                </c:pt>
                <c:pt idx="50">
                  <c:v>35582</c:v>
                </c:pt>
                <c:pt idx="51">
                  <c:v>35612</c:v>
                </c:pt>
                <c:pt idx="52">
                  <c:v>35643</c:v>
                </c:pt>
                <c:pt idx="53">
                  <c:v>35674</c:v>
                </c:pt>
                <c:pt idx="54">
                  <c:v>35704</c:v>
                </c:pt>
                <c:pt idx="55">
                  <c:v>35735</c:v>
                </c:pt>
                <c:pt idx="56">
                  <c:v>35765</c:v>
                </c:pt>
                <c:pt idx="57">
                  <c:v>35796</c:v>
                </c:pt>
                <c:pt idx="58">
                  <c:v>35827</c:v>
                </c:pt>
                <c:pt idx="59">
                  <c:v>35855</c:v>
                </c:pt>
                <c:pt idx="60">
                  <c:v>35886</c:v>
                </c:pt>
                <c:pt idx="61">
                  <c:v>35916</c:v>
                </c:pt>
                <c:pt idx="62">
                  <c:v>35947</c:v>
                </c:pt>
                <c:pt idx="63">
                  <c:v>35977</c:v>
                </c:pt>
                <c:pt idx="64">
                  <c:v>36008</c:v>
                </c:pt>
                <c:pt idx="65">
                  <c:v>36039</c:v>
                </c:pt>
                <c:pt idx="66">
                  <c:v>36069</c:v>
                </c:pt>
                <c:pt idx="67">
                  <c:v>36100</c:v>
                </c:pt>
                <c:pt idx="68">
                  <c:v>36130</c:v>
                </c:pt>
                <c:pt idx="69">
                  <c:v>36161</c:v>
                </c:pt>
                <c:pt idx="70">
                  <c:v>36192</c:v>
                </c:pt>
                <c:pt idx="71">
                  <c:v>36220</c:v>
                </c:pt>
                <c:pt idx="72">
                  <c:v>36251</c:v>
                </c:pt>
                <c:pt idx="73">
                  <c:v>36281</c:v>
                </c:pt>
                <c:pt idx="74">
                  <c:v>36312</c:v>
                </c:pt>
                <c:pt idx="75">
                  <c:v>36342</c:v>
                </c:pt>
                <c:pt idx="76">
                  <c:v>36373</c:v>
                </c:pt>
                <c:pt idx="77">
                  <c:v>36404</c:v>
                </c:pt>
                <c:pt idx="78">
                  <c:v>36434</c:v>
                </c:pt>
                <c:pt idx="79">
                  <c:v>36465</c:v>
                </c:pt>
                <c:pt idx="80">
                  <c:v>36495</c:v>
                </c:pt>
                <c:pt idx="81">
                  <c:v>36526</c:v>
                </c:pt>
                <c:pt idx="82">
                  <c:v>36557</c:v>
                </c:pt>
                <c:pt idx="83">
                  <c:v>36586</c:v>
                </c:pt>
                <c:pt idx="84">
                  <c:v>36617</c:v>
                </c:pt>
                <c:pt idx="85">
                  <c:v>36647</c:v>
                </c:pt>
                <c:pt idx="86">
                  <c:v>36678</c:v>
                </c:pt>
                <c:pt idx="87">
                  <c:v>36708</c:v>
                </c:pt>
                <c:pt idx="88">
                  <c:v>36739</c:v>
                </c:pt>
                <c:pt idx="89">
                  <c:v>36770</c:v>
                </c:pt>
                <c:pt idx="90">
                  <c:v>36800</c:v>
                </c:pt>
                <c:pt idx="91">
                  <c:v>36831</c:v>
                </c:pt>
                <c:pt idx="92">
                  <c:v>36861</c:v>
                </c:pt>
                <c:pt idx="93">
                  <c:v>36892</c:v>
                </c:pt>
                <c:pt idx="94">
                  <c:v>36923</c:v>
                </c:pt>
                <c:pt idx="95">
                  <c:v>36951</c:v>
                </c:pt>
                <c:pt idx="96">
                  <c:v>36982</c:v>
                </c:pt>
                <c:pt idx="97">
                  <c:v>37012</c:v>
                </c:pt>
                <c:pt idx="98">
                  <c:v>37043</c:v>
                </c:pt>
                <c:pt idx="99">
                  <c:v>37073</c:v>
                </c:pt>
                <c:pt idx="100">
                  <c:v>37104</c:v>
                </c:pt>
                <c:pt idx="101">
                  <c:v>37135</c:v>
                </c:pt>
                <c:pt idx="102">
                  <c:v>37165</c:v>
                </c:pt>
                <c:pt idx="103">
                  <c:v>37196</c:v>
                </c:pt>
                <c:pt idx="104">
                  <c:v>37226</c:v>
                </c:pt>
                <c:pt idx="105">
                  <c:v>37257</c:v>
                </c:pt>
                <c:pt idx="106">
                  <c:v>37288</c:v>
                </c:pt>
                <c:pt idx="107">
                  <c:v>37316</c:v>
                </c:pt>
                <c:pt idx="108">
                  <c:v>37347</c:v>
                </c:pt>
                <c:pt idx="109">
                  <c:v>37377</c:v>
                </c:pt>
                <c:pt idx="110">
                  <c:v>37408</c:v>
                </c:pt>
                <c:pt idx="111">
                  <c:v>37438</c:v>
                </c:pt>
                <c:pt idx="112">
                  <c:v>37469</c:v>
                </c:pt>
                <c:pt idx="113">
                  <c:v>37500</c:v>
                </c:pt>
                <c:pt idx="114">
                  <c:v>37530</c:v>
                </c:pt>
                <c:pt idx="115">
                  <c:v>37561</c:v>
                </c:pt>
                <c:pt idx="116">
                  <c:v>37591</c:v>
                </c:pt>
                <c:pt idx="117">
                  <c:v>37622</c:v>
                </c:pt>
                <c:pt idx="118">
                  <c:v>37653</c:v>
                </c:pt>
                <c:pt idx="119">
                  <c:v>37681</c:v>
                </c:pt>
                <c:pt idx="120">
                  <c:v>37712</c:v>
                </c:pt>
                <c:pt idx="121">
                  <c:v>37742</c:v>
                </c:pt>
                <c:pt idx="122">
                  <c:v>37773</c:v>
                </c:pt>
                <c:pt idx="123">
                  <c:v>37803</c:v>
                </c:pt>
                <c:pt idx="124">
                  <c:v>37834</c:v>
                </c:pt>
                <c:pt idx="125">
                  <c:v>37865</c:v>
                </c:pt>
                <c:pt idx="126">
                  <c:v>37895</c:v>
                </c:pt>
                <c:pt idx="127">
                  <c:v>37926</c:v>
                </c:pt>
                <c:pt idx="128">
                  <c:v>37956</c:v>
                </c:pt>
                <c:pt idx="129">
                  <c:v>37987</c:v>
                </c:pt>
                <c:pt idx="130">
                  <c:v>38018</c:v>
                </c:pt>
                <c:pt idx="131">
                  <c:v>38047</c:v>
                </c:pt>
                <c:pt idx="132">
                  <c:v>38078</c:v>
                </c:pt>
                <c:pt idx="133">
                  <c:v>38108</c:v>
                </c:pt>
                <c:pt idx="134">
                  <c:v>38139</c:v>
                </c:pt>
                <c:pt idx="135">
                  <c:v>38169</c:v>
                </c:pt>
                <c:pt idx="136">
                  <c:v>38200</c:v>
                </c:pt>
                <c:pt idx="137">
                  <c:v>38231</c:v>
                </c:pt>
                <c:pt idx="138">
                  <c:v>38261</c:v>
                </c:pt>
                <c:pt idx="139">
                  <c:v>38292</c:v>
                </c:pt>
                <c:pt idx="140">
                  <c:v>38322</c:v>
                </c:pt>
                <c:pt idx="141">
                  <c:v>38353</c:v>
                </c:pt>
                <c:pt idx="142">
                  <c:v>38384</c:v>
                </c:pt>
                <c:pt idx="143">
                  <c:v>38412</c:v>
                </c:pt>
                <c:pt idx="144">
                  <c:v>38443</c:v>
                </c:pt>
                <c:pt idx="145">
                  <c:v>38473</c:v>
                </c:pt>
                <c:pt idx="146">
                  <c:v>38504</c:v>
                </c:pt>
                <c:pt idx="147">
                  <c:v>38534</c:v>
                </c:pt>
                <c:pt idx="148">
                  <c:v>38565</c:v>
                </c:pt>
                <c:pt idx="149">
                  <c:v>38596</c:v>
                </c:pt>
                <c:pt idx="150">
                  <c:v>38626</c:v>
                </c:pt>
                <c:pt idx="151">
                  <c:v>38657</c:v>
                </c:pt>
                <c:pt idx="152">
                  <c:v>38687</c:v>
                </c:pt>
                <c:pt idx="153">
                  <c:v>38718</c:v>
                </c:pt>
                <c:pt idx="154">
                  <c:v>38749</c:v>
                </c:pt>
                <c:pt idx="155">
                  <c:v>38777</c:v>
                </c:pt>
                <c:pt idx="156">
                  <c:v>38808</c:v>
                </c:pt>
                <c:pt idx="157">
                  <c:v>38838</c:v>
                </c:pt>
                <c:pt idx="158">
                  <c:v>38869</c:v>
                </c:pt>
                <c:pt idx="159">
                  <c:v>38899</c:v>
                </c:pt>
                <c:pt idx="160">
                  <c:v>38930</c:v>
                </c:pt>
                <c:pt idx="161">
                  <c:v>38961</c:v>
                </c:pt>
                <c:pt idx="162">
                  <c:v>38991</c:v>
                </c:pt>
                <c:pt idx="163">
                  <c:v>39022</c:v>
                </c:pt>
                <c:pt idx="164">
                  <c:v>39052</c:v>
                </c:pt>
                <c:pt idx="165">
                  <c:v>39083</c:v>
                </c:pt>
                <c:pt idx="166">
                  <c:v>39114</c:v>
                </c:pt>
                <c:pt idx="167">
                  <c:v>39142</c:v>
                </c:pt>
                <c:pt idx="168">
                  <c:v>39173</c:v>
                </c:pt>
                <c:pt idx="169">
                  <c:v>39203</c:v>
                </c:pt>
                <c:pt idx="170">
                  <c:v>39234</c:v>
                </c:pt>
                <c:pt idx="171">
                  <c:v>39264</c:v>
                </c:pt>
                <c:pt idx="172">
                  <c:v>39295</c:v>
                </c:pt>
                <c:pt idx="173">
                  <c:v>39326</c:v>
                </c:pt>
                <c:pt idx="174">
                  <c:v>39356</c:v>
                </c:pt>
                <c:pt idx="175">
                  <c:v>39387</c:v>
                </c:pt>
                <c:pt idx="176">
                  <c:v>39417</c:v>
                </c:pt>
                <c:pt idx="177">
                  <c:v>39448</c:v>
                </c:pt>
                <c:pt idx="178">
                  <c:v>39479</c:v>
                </c:pt>
                <c:pt idx="179">
                  <c:v>39508</c:v>
                </c:pt>
                <c:pt idx="180">
                  <c:v>39539</c:v>
                </c:pt>
                <c:pt idx="181">
                  <c:v>39569</c:v>
                </c:pt>
                <c:pt idx="182">
                  <c:v>39600</c:v>
                </c:pt>
                <c:pt idx="183">
                  <c:v>39630</c:v>
                </c:pt>
                <c:pt idx="184">
                  <c:v>39661</c:v>
                </c:pt>
                <c:pt idx="185">
                  <c:v>39692</c:v>
                </c:pt>
                <c:pt idx="186">
                  <c:v>39722</c:v>
                </c:pt>
                <c:pt idx="187">
                  <c:v>39753</c:v>
                </c:pt>
                <c:pt idx="188">
                  <c:v>39783</c:v>
                </c:pt>
                <c:pt idx="189">
                  <c:v>39814</c:v>
                </c:pt>
                <c:pt idx="190">
                  <c:v>39845</c:v>
                </c:pt>
                <c:pt idx="191">
                  <c:v>39873</c:v>
                </c:pt>
                <c:pt idx="192">
                  <c:v>39904</c:v>
                </c:pt>
                <c:pt idx="193">
                  <c:v>39934</c:v>
                </c:pt>
                <c:pt idx="194">
                  <c:v>39965</c:v>
                </c:pt>
                <c:pt idx="195">
                  <c:v>39995</c:v>
                </c:pt>
                <c:pt idx="196">
                  <c:v>40026</c:v>
                </c:pt>
                <c:pt idx="197">
                  <c:v>40057</c:v>
                </c:pt>
                <c:pt idx="198">
                  <c:v>40087</c:v>
                </c:pt>
                <c:pt idx="199">
                  <c:v>40118</c:v>
                </c:pt>
                <c:pt idx="200">
                  <c:v>40148</c:v>
                </c:pt>
                <c:pt idx="201">
                  <c:v>40179</c:v>
                </c:pt>
                <c:pt idx="202">
                  <c:v>40210</c:v>
                </c:pt>
                <c:pt idx="203">
                  <c:v>40238</c:v>
                </c:pt>
                <c:pt idx="204">
                  <c:v>40269</c:v>
                </c:pt>
                <c:pt idx="205">
                  <c:v>40299</c:v>
                </c:pt>
                <c:pt idx="206">
                  <c:v>40330</c:v>
                </c:pt>
                <c:pt idx="207">
                  <c:v>40360</c:v>
                </c:pt>
                <c:pt idx="208">
                  <c:v>40391</c:v>
                </c:pt>
                <c:pt idx="209">
                  <c:v>40422</c:v>
                </c:pt>
                <c:pt idx="210">
                  <c:v>40452</c:v>
                </c:pt>
                <c:pt idx="211">
                  <c:v>40483</c:v>
                </c:pt>
                <c:pt idx="212">
                  <c:v>40513</c:v>
                </c:pt>
                <c:pt idx="213">
                  <c:v>40544</c:v>
                </c:pt>
                <c:pt idx="214">
                  <c:v>40575</c:v>
                </c:pt>
                <c:pt idx="215">
                  <c:v>40603</c:v>
                </c:pt>
                <c:pt idx="216">
                  <c:v>40634</c:v>
                </c:pt>
                <c:pt idx="217">
                  <c:v>40664</c:v>
                </c:pt>
                <c:pt idx="218">
                  <c:v>40695</c:v>
                </c:pt>
                <c:pt idx="219">
                  <c:v>40725</c:v>
                </c:pt>
                <c:pt idx="220">
                  <c:v>40756</c:v>
                </c:pt>
                <c:pt idx="221">
                  <c:v>40787</c:v>
                </c:pt>
                <c:pt idx="222">
                  <c:v>40817</c:v>
                </c:pt>
                <c:pt idx="223">
                  <c:v>40848</c:v>
                </c:pt>
                <c:pt idx="224">
                  <c:v>40878</c:v>
                </c:pt>
              </c:numCache>
            </c:numRef>
          </c:cat>
          <c:val>
            <c:numRef>
              <c:f>'Residential USE Regn South'!$C$48:$C$272</c:f>
              <c:numCache>
                <c:formatCode>#,##0.0_ ;[Red]\-#,##0.0\ </c:formatCode>
                <c:ptCount val="225"/>
                <c:pt idx="0">
                  <c:v>263.92</c:v>
                </c:pt>
                <c:pt idx="1">
                  <c:v>155.06700000000001</c:v>
                </c:pt>
                <c:pt idx="2">
                  <c:v>71.825000000000003</c:v>
                </c:pt>
                <c:pt idx="3">
                  <c:v>71.67</c:v>
                </c:pt>
                <c:pt idx="4">
                  <c:v>71.045000000000002</c:v>
                </c:pt>
                <c:pt idx="5">
                  <c:v>104.288</c:v>
                </c:pt>
                <c:pt idx="6">
                  <c:v>194.928</c:v>
                </c:pt>
                <c:pt idx="7">
                  <c:v>297.23</c:v>
                </c:pt>
                <c:pt idx="8">
                  <c:v>439.58</c:v>
                </c:pt>
                <c:pt idx="9">
                  <c:v>628.12800000000004</c:v>
                </c:pt>
                <c:pt idx="10">
                  <c:v>503.05</c:v>
                </c:pt>
                <c:pt idx="11">
                  <c:v>411.22199999999998</c:v>
                </c:pt>
                <c:pt idx="12">
                  <c:v>246.37799999999999</c:v>
                </c:pt>
                <c:pt idx="13">
                  <c:v>176.547</c:v>
                </c:pt>
                <c:pt idx="14">
                  <c:v>71.113</c:v>
                </c:pt>
                <c:pt idx="15">
                  <c:v>69.936000000000007</c:v>
                </c:pt>
                <c:pt idx="16">
                  <c:v>70.052999999999997</c:v>
                </c:pt>
                <c:pt idx="17">
                  <c:v>77.683999999999997</c:v>
                </c:pt>
                <c:pt idx="18">
                  <c:v>165.202</c:v>
                </c:pt>
                <c:pt idx="19">
                  <c:v>229.22200000000001</c:v>
                </c:pt>
                <c:pt idx="20">
                  <c:v>392.99</c:v>
                </c:pt>
                <c:pt idx="21">
                  <c:v>465.59300000000002</c:v>
                </c:pt>
                <c:pt idx="22">
                  <c:v>481.947</c:v>
                </c:pt>
                <c:pt idx="23">
                  <c:v>364.30200000000002</c:v>
                </c:pt>
                <c:pt idx="24">
                  <c:v>296.61799999999999</c:v>
                </c:pt>
                <c:pt idx="25">
                  <c:v>143.90600000000001</c:v>
                </c:pt>
                <c:pt idx="26">
                  <c:v>69.537999999999997</c:v>
                </c:pt>
                <c:pt idx="27">
                  <c:v>70.174999999999997</c:v>
                </c:pt>
                <c:pt idx="28">
                  <c:v>69.608999999999995</c:v>
                </c:pt>
                <c:pt idx="29">
                  <c:v>94.123000000000005</c:v>
                </c:pt>
                <c:pt idx="30">
                  <c:v>154.78899999999999</c:v>
                </c:pt>
                <c:pt idx="31">
                  <c:v>328.89499999999998</c:v>
                </c:pt>
                <c:pt idx="32">
                  <c:v>480.52600000000001</c:v>
                </c:pt>
                <c:pt idx="33">
                  <c:v>531.15800000000002</c:v>
                </c:pt>
                <c:pt idx="34">
                  <c:v>469.93</c:v>
                </c:pt>
                <c:pt idx="35">
                  <c:v>456.995</c:v>
                </c:pt>
                <c:pt idx="36">
                  <c:v>290.11900000000003</c:v>
                </c:pt>
                <c:pt idx="37">
                  <c:v>169.66800000000001</c:v>
                </c:pt>
                <c:pt idx="38">
                  <c:v>68.691000000000003</c:v>
                </c:pt>
                <c:pt idx="39">
                  <c:v>68.215999999999994</c:v>
                </c:pt>
                <c:pt idx="40">
                  <c:v>68.685000000000002</c:v>
                </c:pt>
                <c:pt idx="41">
                  <c:v>75.997</c:v>
                </c:pt>
                <c:pt idx="42">
                  <c:v>170.13499999999999</c:v>
                </c:pt>
                <c:pt idx="43">
                  <c:v>328.84</c:v>
                </c:pt>
                <c:pt idx="44">
                  <c:v>399.64499999999998</c:v>
                </c:pt>
                <c:pt idx="45">
                  <c:v>520.08900000000006</c:v>
                </c:pt>
                <c:pt idx="46">
                  <c:v>402.63799999999998</c:v>
                </c:pt>
                <c:pt idx="47">
                  <c:v>395.75299999999999</c:v>
                </c:pt>
                <c:pt idx="48">
                  <c:v>275.67700000000002</c:v>
                </c:pt>
                <c:pt idx="49">
                  <c:v>206.292</c:v>
                </c:pt>
                <c:pt idx="50">
                  <c:v>67.753</c:v>
                </c:pt>
                <c:pt idx="51">
                  <c:v>66.192999999999998</c:v>
                </c:pt>
                <c:pt idx="52">
                  <c:v>67.653999999999996</c:v>
                </c:pt>
                <c:pt idx="53">
                  <c:v>75.022000000000006</c:v>
                </c:pt>
                <c:pt idx="54">
                  <c:v>170.12</c:v>
                </c:pt>
                <c:pt idx="55">
                  <c:v>307.19900000000001</c:v>
                </c:pt>
                <c:pt idx="56">
                  <c:v>407.983</c:v>
                </c:pt>
                <c:pt idx="57">
                  <c:v>425.37900000000002</c:v>
                </c:pt>
                <c:pt idx="58">
                  <c:v>356.113</c:v>
                </c:pt>
                <c:pt idx="59">
                  <c:v>348.161</c:v>
                </c:pt>
                <c:pt idx="60">
                  <c:v>222.90899999999999</c:v>
                </c:pt>
                <c:pt idx="61">
                  <c:v>87.997</c:v>
                </c:pt>
                <c:pt idx="62">
                  <c:v>68.661000000000001</c:v>
                </c:pt>
                <c:pt idx="63">
                  <c:v>68.783000000000001</c:v>
                </c:pt>
                <c:pt idx="64">
                  <c:v>66.376000000000005</c:v>
                </c:pt>
                <c:pt idx="65">
                  <c:v>74.111999999999995</c:v>
                </c:pt>
                <c:pt idx="66">
                  <c:v>150.703</c:v>
                </c:pt>
                <c:pt idx="67">
                  <c:v>255.37899999999999</c:v>
                </c:pt>
                <c:pt idx="68">
                  <c:v>369.24599999999998</c:v>
                </c:pt>
                <c:pt idx="69">
                  <c:v>516.80700000000002</c:v>
                </c:pt>
                <c:pt idx="70">
                  <c:v>375.94799999999998</c:v>
                </c:pt>
                <c:pt idx="71">
                  <c:v>388.64699999999999</c:v>
                </c:pt>
                <c:pt idx="72">
                  <c:v>228.76900000000001</c:v>
                </c:pt>
                <c:pt idx="73">
                  <c:v>103.51600000000001</c:v>
                </c:pt>
                <c:pt idx="74">
                  <c:v>67.355999999999995</c:v>
                </c:pt>
                <c:pt idx="75">
                  <c:v>67.195999999999998</c:v>
                </c:pt>
                <c:pt idx="76">
                  <c:v>65.876999999999995</c:v>
                </c:pt>
                <c:pt idx="77">
                  <c:v>73.343000000000004</c:v>
                </c:pt>
                <c:pt idx="78">
                  <c:v>163.959</c:v>
                </c:pt>
                <c:pt idx="79">
                  <c:v>245.959</c:v>
                </c:pt>
                <c:pt idx="80">
                  <c:v>388.22300000000001</c:v>
                </c:pt>
                <c:pt idx="81">
                  <c:v>439.50799999999998</c:v>
                </c:pt>
                <c:pt idx="82">
                  <c:v>452.81599999999997</c:v>
                </c:pt>
                <c:pt idx="83">
                  <c:v>301.22399999999999</c:v>
                </c:pt>
                <c:pt idx="84">
                  <c:v>244.18199999999999</c:v>
                </c:pt>
                <c:pt idx="85">
                  <c:v>118.191</c:v>
                </c:pt>
                <c:pt idx="86">
                  <c:v>64.567999999999998</c:v>
                </c:pt>
                <c:pt idx="87">
                  <c:v>65.076999999999998</c:v>
                </c:pt>
                <c:pt idx="88">
                  <c:v>64.278999999999996</c:v>
                </c:pt>
                <c:pt idx="89">
                  <c:v>78.114999999999995</c:v>
                </c:pt>
                <c:pt idx="90">
                  <c:v>143.63999999999999</c:v>
                </c:pt>
                <c:pt idx="91">
                  <c:v>274.92</c:v>
                </c:pt>
                <c:pt idx="92">
                  <c:v>509.97300000000001</c:v>
                </c:pt>
                <c:pt idx="93">
                  <c:v>466.25599999999997</c:v>
                </c:pt>
                <c:pt idx="94">
                  <c:v>387.69900000000001</c:v>
                </c:pt>
                <c:pt idx="95">
                  <c:v>386.45499999999998</c:v>
                </c:pt>
                <c:pt idx="96">
                  <c:v>206.83600000000001</c:v>
                </c:pt>
                <c:pt idx="97">
                  <c:v>95.927999999999997</c:v>
                </c:pt>
                <c:pt idx="98">
                  <c:v>59.808999999999997</c:v>
                </c:pt>
                <c:pt idx="99">
                  <c:v>62.185000000000002</c:v>
                </c:pt>
                <c:pt idx="100">
                  <c:v>62.664999999999999</c:v>
                </c:pt>
                <c:pt idx="101">
                  <c:v>70.64</c:v>
                </c:pt>
                <c:pt idx="102">
                  <c:v>145.63800000000001</c:v>
                </c:pt>
                <c:pt idx="103">
                  <c:v>211.364</c:v>
                </c:pt>
                <c:pt idx="104">
                  <c:v>351.45600000000002</c:v>
                </c:pt>
                <c:pt idx="105">
                  <c:v>402.02600000000001</c:v>
                </c:pt>
                <c:pt idx="106">
                  <c:v>363.714</c:v>
                </c:pt>
                <c:pt idx="107">
                  <c:v>367.10500000000002</c:v>
                </c:pt>
                <c:pt idx="108">
                  <c:v>223.31299999999999</c:v>
                </c:pt>
                <c:pt idx="109">
                  <c:v>158.715</c:v>
                </c:pt>
                <c:pt idx="110">
                  <c:v>62.674999999999997</c:v>
                </c:pt>
                <c:pt idx="111">
                  <c:v>60.82</c:v>
                </c:pt>
                <c:pt idx="112">
                  <c:v>62.308999999999997</c:v>
                </c:pt>
                <c:pt idx="113">
                  <c:v>69.433000000000007</c:v>
                </c:pt>
                <c:pt idx="114">
                  <c:v>169.34299999999999</c:v>
                </c:pt>
                <c:pt idx="115">
                  <c:v>274.78399999999999</c:v>
                </c:pt>
                <c:pt idx="116">
                  <c:v>412.20299999999997</c:v>
                </c:pt>
                <c:pt idx="117">
                  <c:v>532.51199999999994</c:v>
                </c:pt>
                <c:pt idx="118">
                  <c:v>455.05099999999999</c:v>
                </c:pt>
                <c:pt idx="119">
                  <c:v>370.98899999999998</c:v>
                </c:pt>
                <c:pt idx="120">
                  <c:v>240.04</c:v>
                </c:pt>
                <c:pt idx="121">
                  <c:v>138.13399999999999</c:v>
                </c:pt>
                <c:pt idx="122">
                  <c:v>57.386000000000003</c:v>
                </c:pt>
                <c:pt idx="123">
                  <c:v>58.223999999999997</c:v>
                </c:pt>
                <c:pt idx="124">
                  <c:v>60.16</c:v>
                </c:pt>
                <c:pt idx="125">
                  <c:v>67.355000000000004</c:v>
                </c:pt>
                <c:pt idx="126">
                  <c:v>155.07</c:v>
                </c:pt>
                <c:pt idx="127">
                  <c:v>237.36799999999999</c:v>
                </c:pt>
                <c:pt idx="128">
                  <c:v>372.17200000000003</c:v>
                </c:pt>
                <c:pt idx="129">
                  <c:v>548.399</c:v>
                </c:pt>
                <c:pt idx="130">
                  <c:v>401.65899999999999</c:v>
                </c:pt>
                <c:pt idx="131">
                  <c:v>322.35300000000001</c:v>
                </c:pt>
                <c:pt idx="132">
                  <c:v>211.71100000000001</c:v>
                </c:pt>
                <c:pt idx="133">
                  <c:v>111.85599999999999</c:v>
                </c:pt>
                <c:pt idx="134">
                  <c:v>57.991999999999997</c:v>
                </c:pt>
                <c:pt idx="135">
                  <c:v>59.332999999999998</c:v>
                </c:pt>
                <c:pt idx="136">
                  <c:v>60.362000000000002</c:v>
                </c:pt>
                <c:pt idx="137">
                  <c:v>66.295000000000002</c:v>
                </c:pt>
                <c:pt idx="138">
                  <c:v>132.48099999999999</c:v>
                </c:pt>
                <c:pt idx="139">
                  <c:v>235.94399999999999</c:v>
                </c:pt>
                <c:pt idx="140">
                  <c:v>406.34500000000003</c:v>
                </c:pt>
                <c:pt idx="141">
                  <c:v>502.32400000000001</c:v>
                </c:pt>
                <c:pt idx="142">
                  <c:v>400.73399999999998</c:v>
                </c:pt>
                <c:pt idx="143">
                  <c:v>377.983</c:v>
                </c:pt>
                <c:pt idx="144">
                  <c:v>202.41800000000001</c:v>
                </c:pt>
                <c:pt idx="145">
                  <c:v>124.90300000000001</c:v>
                </c:pt>
                <c:pt idx="146">
                  <c:v>57.731000000000002</c:v>
                </c:pt>
                <c:pt idx="147">
                  <c:v>57.603000000000002</c:v>
                </c:pt>
                <c:pt idx="148">
                  <c:v>58.734000000000002</c:v>
                </c:pt>
                <c:pt idx="149">
                  <c:v>65.95</c:v>
                </c:pt>
                <c:pt idx="150">
                  <c:v>126.152</c:v>
                </c:pt>
                <c:pt idx="151">
                  <c:v>234.45500000000001</c:v>
                </c:pt>
                <c:pt idx="152">
                  <c:v>426.45400000000001</c:v>
                </c:pt>
                <c:pt idx="153">
                  <c:v>359.72500000000002</c:v>
                </c:pt>
                <c:pt idx="154">
                  <c:v>373.95699999999999</c:v>
                </c:pt>
                <c:pt idx="155">
                  <c:v>328.42500000000001</c:v>
                </c:pt>
                <c:pt idx="156">
                  <c:v>177.26300000000001</c:v>
                </c:pt>
                <c:pt idx="157">
                  <c:v>90.918000000000006</c:v>
                </c:pt>
                <c:pt idx="158">
                  <c:v>55.158999999999999</c:v>
                </c:pt>
                <c:pt idx="159">
                  <c:v>57.332000000000001</c:v>
                </c:pt>
                <c:pt idx="160">
                  <c:v>57.188000000000002</c:v>
                </c:pt>
                <c:pt idx="161">
                  <c:v>50.137</c:v>
                </c:pt>
                <c:pt idx="162">
                  <c:v>150.71</c:v>
                </c:pt>
                <c:pt idx="163">
                  <c:v>225.43899999999999</c:v>
                </c:pt>
                <c:pt idx="164">
                  <c:v>318.60300000000001</c:v>
                </c:pt>
                <c:pt idx="165">
                  <c:v>418.75200000000001</c:v>
                </c:pt>
                <c:pt idx="166">
                  <c:v>459.63600000000002</c:v>
                </c:pt>
                <c:pt idx="167">
                  <c:v>331.30500000000001</c:v>
                </c:pt>
                <c:pt idx="168">
                  <c:v>219.79300000000001</c:v>
                </c:pt>
                <c:pt idx="169">
                  <c:v>106.621</c:v>
                </c:pt>
                <c:pt idx="170">
                  <c:v>54.514000000000003</c:v>
                </c:pt>
                <c:pt idx="171">
                  <c:v>56.93</c:v>
                </c:pt>
                <c:pt idx="172">
                  <c:v>56.704000000000001</c:v>
                </c:pt>
                <c:pt idx="173">
                  <c:v>63.97</c:v>
                </c:pt>
                <c:pt idx="174">
                  <c:v>84.293000000000006</c:v>
                </c:pt>
                <c:pt idx="175">
                  <c:v>225.839</c:v>
                </c:pt>
                <c:pt idx="176">
                  <c:v>389.53300000000002</c:v>
                </c:pt>
                <c:pt idx="177">
                  <c:v>412.91500000000002</c:v>
                </c:pt>
                <c:pt idx="178">
                  <c:v>414.43799999999999</c:v>
                </c:pt>
                <c:pt idx="179">
                  <c:v>376.72199999999998</c:v>
                </c:pt>
                <c:pt idx="180">
                  <c:v>166.60599999999999</c:v>
                </c:pt>
                <c:pt idx="181">
                  <c:v>115.895</c:v>
                </c:pt>
                <c:pt idx="182">
                  <c:v>57.231000000000002</c:v>
                </c:pt>
                <c:pt idx="183">
                  <c:v>55.26</c:v>
                </c:pt>
                <c:pt idx="184">
                  <c:v>56.432000000000002</c:v>
                </c:pt>
                <c:pt idx="185">
                  <c:v>62.255000000000003</c:v>
                </c:pt>
                <c:pt idx="186">
                  <c:v>133.66800000000001</c:v>
                </c:pt>
                <c:pt idx="187">
                  <c:v>249.37200000000001</c:v>
                </c:pt>
                <c:pt idx="188">
                  <c:v>402.14100000000002</c:v>
                </c:pt>
                <c:pt idx="189">
                  <c:v>515.37400000000002</c:v>
                </c:pt>
                <c:pt idx="190">
                  <c:v>357.23599999999999</c:v>
                </c:pt>
                <c:pt idx="191">
                  <c:v>312.298</c:v>
                </c:pt>
                <c:pt idx="192">
                  <c:v>183.68700000000001</c:v>
                </c:pt>
                <c:pt idx="193">
                  <c:v>104.28</c:v>
                </c:pt>
                <c:pt idx="194">
                  <c:v>55.948999999999998</c:v>
                </c:pt>
                <c:pt idx="195">
                  <c:v>55.813000000000002</c:v>
                </c:pt>
                <c:pt idx="196">
                  <c:v>55.651000000000003</c:v>
                </c:pt>
                <c:pt idx="197">
                  <c:v>63.036000000000001</c:v>
                </c:pt>
                <c:pt idx="198">
                  <c:v>136.38300000000001</c:v>
                </c:pt>
                <c:pt idx="199">
                  <c:v>197.43799999999999</c:v>
                </c:pt>
                <c:pt idx="200">
                  <c:v>349.185</c:v>
                </c:pt>
                <c:pt idx="201">
                  <c:v>456.24700000000001</c:v>
                </c:pt>
                <c:pt idx="202">
                  <c:v>373.84899999999999</c:v>
                </c:pt>
                <c:pt idx="203">
                  <c:v>278.2</c:v>
                </c:pt>
                <c:pt idx="204">
                  <c:v>137.53200000000001</c:v>
                </c:pt>
                <c:pt idx="205">
                  <c:v>73.195999999999998</c:v>
                </c:pt>
                <c:pt idx="206">
                  <c:v>58.246000000000002</c:v>
                </c:pt>
                <c:pt idx="207">
                  <c:v>56.567999999999998</c:v>
                </c:pt>
                <c:pt idx="208">
                  <c:v>54.470999999999997</c:v>
                </c:pt>
                <c:pt idx="209">
                  <c:v>62.006</c:v>
                </c:pt>
                <c:pt idx="210">
                  <c:v>108.821</c:v>
                </c:pt>
                <c:pt idx="211">
                  <c:v>222.06100000000001</c:v>
                </c:pt>
                <c:pt idx="212">
                  <c:v>408.363</c:v>
                </c:pt>
                <c:pt idx="213">
                  <c:v>488.91899999999998</c:v>
                </c:pt>
                <c:pt idx="214">
                  <c:v>383.9</c:v>
                </c:pt>
                <c:pt idx="215">
                  <c:v>350.13499999999999</c:v>
                </c:pt>
                <c:pt idx="216">
                  <c:v>199.66300000000001</c:v>
                </c:pt>
                <c:pt idx="217">
                  <c:v>78.453000000000003</c:v>
                </c:pt>
                <c:pt idx="218">
                  <c:v>55.295000000000002</c:v>
                </c:pt>
                <c:pt idx="219">
                  <c:v>54.179000000000002</c:v>
                </c:pt>
                <c:pt idx="220">
                  <c:v>53.238</c:v>
                </c:pt>
                <c:pt idx="221">
                  <c:v>60.7</c:v>
                </c:pt>
                <c:pt idx="222">
                  <c:v>105.69199999999999</c:v>
                </c:pt>
                <c:pt idx="223">
                  <c:v>180.38</c:v>
                </c:pt>
                <c:pt idx="224">
                  <c:v>316.10899999999998</c:v>
                </c:pt>
              </c:numCache>
            </c:numRef>
          </c:val>
        </c:ser>
        <c:marker val="1"/>
        <c:axId val="46439040"/>
        <c:axId val="46453120"/>
      </c:lineChart>
      <c:dateAx>
        <c:axId val="46439040"/>
        <c:scaling>
          <c:orientation val="minMax"/>
        </c:scaling>
        <c:axPos val="b"/>
        <c:numFmt formatCode="mmm\-yy" sourceLinked="1"/>
        <c:tickLblPos val="nextTo"/>
        <c:crossAx val="46453120"/>
        <c:crosses val="autoZero"/>
        <c:auto val="1"/>
        <c:lblOffset val="100"/>
      </c:dateAx>
      <c:valAx>
        <c:axId val="46453120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  <c:layout/>
        </c:title>
        <c:numFmt formatCode="#,##0.0_ ;[Red]\-#,##0.0\ 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6439040"/>
        <c:crosses val="autoZero"/>
        <c:crossBetween val="between"/>
      </c:valAx>
    </c:plotArea>
    <c:legend>
      <c:legendPos val="b"/>
      <c:layout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55" l="0.70000000000000062" r="0.70000000000000062" t="0.75000000000000155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>
              <a:defRPr/>
            </a:pPr>
            <a:r>
              <a:rPr lang="en-US" sz="1400"/>
              <a:t>Residential Olde M2 Usage Regression</a:t>
            </a:r>
          </a:p>
          <a:p>
            <a:pPr>
              <a:defRPr/>
            </a:pPr>
            <a:r>
              <a:rPr lang="en-US" sz="1200" b="0"/>
              <a:t>Rolling 12 Months</a:t>
            </a:r>
            <a:r>
              <a:rPr lang="en-US" sz="1200" b="0" baseline="0"/>
              <a:t> Total Usage</a:t>
            </a:r>
            <a:endParaRPr lang="en-US" sz="1600" b="0"/>
          </a:p>
        </c:rich>
      </c:tx>
    </c:title>
    <c:plotArea>
      <c:layout/>
      <c:lineChart>
        <c:grouping val="standard"/>
        <c:ser>
          <c:idx val="0"/>
          <c:order val="0"/>
          <c:tx>
            <c:strRef>
              <c:f>'Residential USE Regn South'!$F$58</c:f>
              <c:strCache>
                <c:ptCount val="1"/>
                <c:pt idx="0">
                  <c:v>Actual Y</c:v>
                </c:pt>
              </c:strCache>
            </c:strRef>
          </c:tx>
          <c:marker>
            <c:symbol val="none"/>
          </c:marker>
          <c:cat>
            <c:numRef>
              <c:f>'Residential USE Regn South'!$A$59:$A$272</c:f>
              <c:numCache>
                <c:formatCode>mmm\-yy</c:formatCode>
                <c:ptCount val="214"/>
                <c:pt idx="0">
                  <c:v>34394</c:v>
                </c:pt>
                <c:pt idx="1">
                  <c:v>34425</c:v>
                </c:pt>
                <c:pt idx="2">
                  <c:v>34455</c:v>
                </c:pt>
                <c:pt idx="3">
                  <c:v>34486</c:v>
                </c:pt>
                <c:pt idx="4">
                  <c:v>34516</c:v>
                </c:pt>
                <c:pt idx="5">
                  <c:v>34547</c:v>
                </c:pt>
                <c:pt idx="6">
                  <c:v>34578</c:v>
                </c:pt>
                <c:pt idx="7">
                  <c:v>34608</c:v>
                </c:pt>
                <c:pt idx="8">
                  <c:v>34639</c:v>
                </c:pt>
                <c:pt idx="9">
                  <c:v>34669</c:v>
                </c:pt>
                <c:pt idx="10">
                  <c:v>34700</c:v>
                </c:pt>
                <c:pt idx="11">
                  <c:v>34731</c:v>
                </c:pt>
                <c:pt idx="12">
                  <c:v>34759</c:v>
                </c:pt>
                <c:pt idx="13">
                  <c:v>34790</c:v>
                </c:pt>
                <c:pt idx="14">
                  <c:v>34820</c:v>
                </c:pt>
                <c:pt idx="15">
                  <c:v>34851</c:v>
                </c:pt>
                <c:pt idx="16">
                  <c:v>34881</c:v>
                </c:pt>
                <c:pt idx="17">
                  <c:v>34912</c:v>
                </c:pt>
                <c:pt idx="18">
                  <c:v>34943</c:v>
                </c:pt>
                <c:pt idx="19">
                  <c:v>34973</c:v>
                </c:pt>
                <c:pt idx="20">
                  <c:v>35004</c:v>
                </c:pt>
                <c:pt idx="21">
                  <c:v>35034</c:v>
                </c:pt>
                <c:pt idx="22">
                  <c:v>35065</c:v>
                </c:pt>
                <c:pt idx="23">
                  <c:v>35096</c:v>
                </c:pt>
                <c:pt idx="24">
                  <c:v>35125</c:v>
                </c:pt>
                <c:pt idx="25">
                  <c:v>35156</c:v>
                </c:pt>
                <c:pt idx="26">
                  <c:v>35186</c:v>
                </c:pt>
                <c:pt idx="27">
                  <c:v>35217</c:v>
                </c:pt>
                <c:pt idx="28">
                  <c:v>35247</c:v>
                </c:pt>
                <c:pt idx="29">
                  <c:v>35278</c:v>
                </c:pt>
                <c:pt idx="30">
                  <c:v>35309</c:v>
                </c:pt>
                <c:pt idx="31">
                  <c:v>35339</c:v>
                </c:pt>
                <c:pt idx="32">
                  <c:v>35370</c:v>
                </c:pt>
                <c:pt idx="33">
                  <c:v>35400</c:v>
                </c:pt>
                <c:pt idx="34">
                  <c:v>35431</c:v>
                </c:pt>
                <c:pt idx="35">
                  <c:v>35462</c:v>
                </c:pt>
                <c:pt idx="36">
                  <c:v>35490</c:v>
                </c:pt>
                <c:pt idx="37">
                  <c:v>35521</c:v>
                </c:pt>
                <c:pt idx="38">
                  <c:v>35551</c:v>
                </c:pt>
                <c:pt idx="39">
                  <c:v>35582</c:v>
                </c:pt>
                <c:pt idx="40">
                  <c:v>35612</c:v>
                </c:pt>
                <c:pt idx="41">
                  <c:v>35643</c:v>
                </c:pt>
                <c:pt idx="42">
                  <c:v>35674</c:v>
                </c:pt>
                <c:pt idx="43">
                  <c:v>35704</c:v>
                </c:pt>
                <c:pt idx="44">
                  <c:v>35735</c:v>
                </c:pt>
                <c:pt idx="45">
                  <c:v>35765</c:v>
                </c:pt>
                <c:pt idx="46">
                  <c:v>35796</c:v>
                </c:pt>
                <c:pt idx="47">
                  <c:v>35827</c:v>
                </c:pt>
                <c:pt idx="48">
                  <c:v>35855</c:v>
                </c:pt>
                <c:pt idx="49">
                  <c:v>35886</c:v>
                </c:pt>
                <c:pt idx="50">
                  <c:v>35916</c:v>
                </c:pt>
                <c:pt idx="51">
                  <c:v>35947</c:v>
                </c:pt>
                <c:pt idx="52">
                  <c:v>35977</c:v>
                </c:pt>
                <c:pt idx="53">
                  <c:v>36008</c:v>
                </c:pt>
                <c:pt idx="54">
                  <c:v>36039</c:v>
                </c:pt>
                <c:pt idx="55">
                  <c:v>36069</c:v>
                </c:pt>
                <c:pt idx="56">
                  <c:v>36100</c:v>
                </c:pt>
                <c:pt idx="57">
                  <c:v>36130</c:v>
                </c:pt>
                <c:pt idx="58">
                  <c:v>36161</c:v>
                </c:pt>
                <c:pt idx="59">
                  <c:v>36192</c:v>
                </c:pt>
                <c:pt idx="60">
                  <c:v>36220</c:v>
                </c:pt>
                <c:pt idx="61">
                  <c:v>36251</c:v>
                </c:pt>
                <c:pt idx="62">
                  <c:v>36281</c:v>
                </c:pt>
                <c:pt idx="63">
                  <c:v>36312</c:v>
                </c:pt>
                <c:pt idx="64">
                  <c:v>36342</c:v>
                </c:pt>
                <c:pt idx="65">
                  <c:v>36373</c:v>
                </c:pt>
                <c:pt idx="66">
                  <c:v>36404</c:v>
                </c:pt>
                <c:pt idx="67">
                  <c:v>36434</c:v>
                </c:pt>
                <c:pt idx="68">
                  <c:v>36465</c:v>
                </c:pt>
                <c:pt idx="69">
                  <c:v>36495</c:v>
                </c:pt>
                <c:pt idx="70">
                  <c:v>36526</c:v>
                </c:pt>
                <c:pt idx="71">
                  <c:v>36557</c:v>
                </c:pt>
                <c:pt idx="72">
                  <c:v>36586</c:v>
                </c:pt>
                <c:pt idx="73">
                  <c:v>36617</c:v>
                </c:pt>
                <c:pt idx="74">
                  <c:v>36647</c:v>
                </c:pt>
                <c:pt idx="75">
                  <c:v>36678</c:v>
                </c:pt>
                <c:pt idx="76">
                  <c:v>36708</c:v>
                </c:pt>
                <c:pt idx="77">
                  <c:v>36739</c:v>
                </c:pt>
                <c:pt idx="78">
                  <c:v>36770</c:v>
                </c:pt>
                <c:pt idx="79">
                  <c:v>36800</c:v>
                </c:pt>
                <c:pt idx="80">
                  <c:v>36831</c:v>
                </c:pt>
                <c:pt idx="81">
                  <c:v>36861</c:v>
                </c:pt>
                <c:pt idx="82">
                  <c:v>36892</c:v>
                </c:pt>
                <c:pt idx="83">
                  <c:v>36923</c:v>
                </c:pt>
                <c:pt idx="84">
                  <c:v>36951</c:v>
                </c:pt>
                <c:pt idx="85">
                  <c:v>36982</c:v>
                </c:pt>
                <c:pt idx="86">
                  <c:v>37012</c:v>
                </c:pt>
                <c:pt idx="87">
                  <c:v>37043</c:v>
                </c:pt>
                <c:pt idx="88">
                  <c:v>37073</c:v>
                </c:pt>
                <c:pt idx="89">
                  <c:v>37104</c:v>
                </c:pt>
                <c:pt idx="90">
                  <c:v>37135</c:v>
                </c:pt>
                <c:pt idx="91">
                  <c:v>37165</c:v>
                </c:pt>
                <c:pt idx="92">
                  <c:v>37196</c:v>
                </c:pt>
                <c:pt idx="93">
                  <c:v>37226</c:v>
                </c:pt>
                <c:pt idx="94">
                  <c:v>37257</c:v>
                </c:pt>
                <c:pt idx="95">
                  <c:v>37288</c:v>
                </c:pt>
                <c:pt idx="96">
                  <c:v>37316</c:v>
                </c:pt>
                <c:pt idx="97">
                  <c:v>37347</c:v>
                </c:pt>
                <c:pt idx="98">
                  <c:v>37377</c:v>
                </c:pt>
                <c:pt idx="99">
                  <c:v>37408</c:v>
                </c:pt>
                <c:pt idx="100">
                  <c:v>37438</c:v>
                </c:pt>
                <c:pt idx="101">
                  <c:v>37469</c:v>
                </c:pt>
                <c:pt idx="102">
                  <c:v>37500</c:v>
                </c:pt>
                <c:pt idx="103">
                  <c:v>37530</c:v>
                </c:pt>
                <c:pt idx="104">
                  <c:v>37561</c:v>
                </c:pt>
                <c:pt idx="105">
                  <c:v>37591</c:v>
                </c:pt>
                <c:pt idx="106">
                  <c:v>37622</c:v>
                </c:pt>
                <c:pt idx="107">
                  <c:v>37653</c:v>
                </c:pt>
                <c:pt idx="108">
                  <c:v>37681</c:v>
                </c:pt>
                <c:pt idx="109">
                  <c:v>37712</c:v>
                </c:pt>
                <c:pt idx="110">
                  <c:v>37742</c:v>
                </c:pt>
                <c:pt idx="111">
                  <c:v>37773</c:v>
                </c:pt>
                <c:pt idx="112">
                  <c:v>37803</c:v>
                </c:pt>
                <c:pt idx="113">
                  <c:v>37834</c:v>
                </c:pt>
                <c:pt idx="114">
                  <c:v>37865</c:v>
                </c:pt>
                <c:pt idx="115">
                  <c:v>37895</c:v>
                </c:pt>
                <c:pt idx="116">
                  <c:v>37926</c:v>
                </c:pt>
                <c:pt idx="117">
                  <c:v>37956</c:v>
                </c:pt>
                <c:pt idx="118">
                  <c:v>37987</c:v>
                </c:pt>
                <c:pt idx="119">
                  <c:v>38018</c:v>
                </c:pt>
                <c:pt idx="120">
                  <c:v>38047</c:v>
                </c:pt>
                <c:pt idx="121">
                  <c:v>38078</c:v>
                </c:pt>
                <c:pt idx="122">
                  <c:v>38108</c:v>
                </c:pt>
                <c:pt idx="123">
                  <c:v>38139</c:v>
                </c:pt>
                <c:pt idx="124">
                  <c:v>38169</c:v>
                </c:pt>
                <c:pt idx="125">
                  <c:v>38200</c:v>
                </c:pt>
                <c:pt idx="126">
                  <c:v>38231</c:v>
                </c:pt>
                <c:pt idx="127">
                  <c:v>38261</c:v>
                </c:pt>
                <c:pt idx="128">
                  <c:v>38292</c:v>
                </c:pt>
                <c:pt idx="129">
                  <c:v>38322</c:v>
                </c:pt>
                <c:pt idx="130">
                  <c:v>38353</c:v>
                </c:pt>
                <c:pt idx="131">
                  <c:v>38384</c:v>
                </c:pt>
                <c:pt idx="132">
                  <c:v>38412</c:v>
                </c:pt>
                <c:pt idx="133">
                  <c:v>38443</c:v>
                </c:pt>
                <c:pt idx="134">
                  <c:v>38473</c:v>
                </c:pt>
                <c:pt idx="135">
                  <c:v>38504</c:v>
                </c:pt>
                <c:pt idx="136">
                  <c:v>38534</c:v>
                </c:pt>
                <c:pt idx="137">
                  <c:v>38565</c:v>
                </c:pt>
                <c:pt idx="138">
                  <c:v>38596</c:v>
                </c:pt>
                <c:pt idx="139">
                  <c:v>38626</c:v>
                </c:pt>
                <c:pt idx="140">
                  <c:v>38657</c:v>
                </c:pt>
                <c:pt idx="141">
                  <c:v>38687</c:v>
                </c:pt>
                <c:pt idx="142">
                  <c:v>38718</c:v>
                </c:pt>
                <c:pt idx="143">
                  <c:v>38749</c:v>
                </c:pt>
                <c:pt idx="144">
                  <c:v>38777</c:v>
                </c:pt>
                <c:pt idx="145">
                  <c:v>38808</c:v>
                </c:pt>
                <c:pt idx="146">
                  <c:v>38838</c:v>
                </c:pt>
                <c:pt idx="147">
                  <c:v>38869</c:v>
                </c:pt>
                <c:pt idx="148">
                  <c:v>38899</c:v>
                </c:pt>
                <c:pt idx="149">
                  <c:v>38930</c:v>
                </c:pt>
                <c:pt idx="150">
                  <c:v>38961</c:v>
                </c:pt>
                <c:pt idx="151">
                  <c:v>38991</c:v>
                </c:pt>
                <c:pt idx="152">
                  <c:v>39022</c:v>
                </c:pt>
                <c:pt idx="153">
                  <c:v>39052</c:v>
                </c:pt>
                <c:pt idx="154">
                  <c:v>39083</c:v>
                </c:pt>
                <c:pt idx="155">
                  <c:v>39114</c:v>
                </c:pt>
                <c:pt idx="156">
                  <c:v>39142</c:v>
                </c:pt>
                <c:pt idx="157">
                  <c:v>39173</c:v>
                </c:pt>
                <c:pt idx="158">
                  <c:v>39203</c:v>
                </c:pt>
                <c:pt idx="159">
                  <c:v>39234</c:v>
                </c:pt>
                <c:pt idx="160">
                  <c:v>39264</c:v>
                </c:pt>
                <c:pt idx="161">
                  <c:v>39295</c:v>
                </c:pt>
                <c:pt idx="162">
                  <c:v>39326</c:v>
                </c:pt>
                <c:pt idx="163">
                  <c:v>39356</c:v>
                </c:pt>
                <c:pt idx="164">
                  <c:v>39387</c:v>
                </c:pt>
                <c:pt idx="165">
                  <c:v>39417</c:v>
                </c:pt>
                <c:pt idx="166">
                  <c:v>39448</c:v>
                </c:pt>
                <c:pt idx="167">
                  <c:v>39479</c:v>
                </c:pt>
                <c:pt idx="168">
                  <c:v>39508</c:v>
                </c:pt>
                <c:pt idx="169">
                  <c:v>39539</c:v>
                </c:pt>
                <c:pt idx="170">
                  <c:v>39569</c:v>
                </c:pt>
                <c:pt idx="171">
                  <c:v>39600</c:v>
                </c:pt>
                <c:pt idx="172">
                  <c:v>39630</c:v>
                </c:pt>
                <c:pt idx="173">
                  <c:v>39661</c:v>
                </c:pt>
                <c:pt idx="174">
                  <c:v>39692</c:v>
                </c:pt>
                <c:pt idx="175">
                  <c:v>39722</c:v>
                </c:pt>
                <c:pt idx="176">
                  <c:v>39753</c:v>
                </c:pt>
                <c:pt idx="177">
                  <c:v>39783</c:v>
                </c:pt>
                <c:pt idx="178">
                  <c:v>39814</c:v>
                </c:pt>
                <c:pt idx="179">
                  <c:v>39845</c:v>
                </c:pt>
                <c:pt idx="180">
                  <c:v>39873</c:v>
                </c:pt>
                <c:pt idx="181">
                  <c:v>39904</c:v>
                </c:pt>
                <c:pt idx="182">
                  <c:v>39934</c:v>
                </c:pt>
                <c:pt idx="183">
                  <c:v>39965</c:v>
                </c:pt>
                <c:pt idx="184">
                  <c:v>39995</c:v>
                </c:pt>
                <c:pt idx="185">
                  <c:v>40026</c:v>
                </c:pt>
                <c:pt idx="186">
                  <c:v>40057</c:v>
                </c:pt>
                <c:pt idx="187">
                  <c:v>40087</c:v>
                </c:pt>
                <c:pt idx="188">
                  <c:v>40118</c:v>
                </c:pt>
                <c:pt idx="189">
                  <c:v>40148</c:v>
                </c:pt>
                <c:pt idx="190">
                  <c:v>40179</c:v>
                </c:pt>
                <c:pt idx="191">
                  <c:v>40210</c:v>
                </c:pt>
                <c:pt idx="192">
                  <c:v>40238</c:v>
                </c:pt>
                <c:pt idx="193">
                  <c:v>40269</c:v>
                </c:pt>
                <c:pt idx="194">
                  <c:v>40299</c:v>
                </c:pt>
                <c:pt idx="195">
                  <c:v>40330</c:v>
                </c:pt>
                <c:pt idx="196">
                  <c:v>40360</c:v>
                </c:pt>
                <c:pt idx="197">
                  <c:v>40391</c:v>
                </c:pt>
                <c:pt idx="198">
                  <c:v>40422</c:v>
                </c:pt>
                <c:pt idx="199">
                  <c:v>40452</c:v>
                </c:pt>
                <c:pt idx="200">
                  <c:v>40483</c:v>
                </c:pt>
                <c:pt idx="201">
                  <c:v>40513</c:v>
                </c:pt>
                <c:pt idx="202">
                  <c:v>40544</c:v>
                </c:pt>
                <c:pt idx="203">
                  <c:v>40575</c:v>
                </c:pt>
                <c:pt idx="204">
                  <c:v>40603</c:v>
                </c:pt>
                <c:pt idx="205">
                  <c:v>40634</c:v>
                </c:pt>
                <c:pt idx="206">
                  <c:v>40664</c:v>
                </c:pt>
                <c:pt idx="207">
                  <c:v>40695</c:v>
                </c:pt>
                <c:pt idx="208">
                  <c:v>40725</c:v>
                </c:pt>
                <c:pt idx="209">
                  <c:v>40756</c:v>
                </c:pt>
                <c:pt idx="210">
                  <c:v>40787</c:v>
                </c:pt>
                <c:pt idx="211">
                  <c:v>40817</c:v>
                </c:pt>
                <c:pt idx="212">
                  <c:v>40848</c:v>
                </c:pt>
                <c:pt idx="213">
                  <c:v>40878</c:v>
                </c:pt>
              </c:numCache>
            </c:numRef>
          </c:cat>
          <c:val>
            <c:numRef>
              <c:f>'Residential USE Regn South'!$F$59:$F$272</c:f>
              <c:numCache>
                <c:formatCode>_-* #,##0_-;\-* #,##0_-;_-* "-"??_-;_-@_-</c:formatCode>
                <c:ptCount val="214"/>
                <c:pt idx="0">
                  <c:v>3229.38</c:v>
                </c:pt>
                <c:pt idx="1">
                  <c:v>3217.2330000000002</c:v>
                </c:pt>
                <c:pt idx="2">
                  <c:v>3242.6850000000004</c:v>
                </c:pt>
                <c:pt idx="3">
                  <c:v>3244.2330000000002</c:v>
                </c:pt>
                <c:pt idx="4">
                  <c:v>3245.7809999999999</c:v>
                </c:pt>
                <c:pt idx="5">
                  <c:v>3247.3289999999997</c:v>
                </c:pt>
                <c:pt idx="6">
                  <c:v>3235.3170000000005</c:v>
                </c:pt>
                <c:pt idx="7">
                  <c:v>3190.0850000000005</c:v>
                </c:pt>
                <c:pt idx="8">
                  <c:v>3114.5920000000006</c:v>
                </c:pt>
                <c:pt idx="9">
                  <c:v>3054.3210000000004</c:v>
                </c:pt>
                <c:pt idx="10">
                  <c:v>2873.1819999999998</c:v>
                </c:pt>
                <c:pt idx="11">
                  <c:v>2850.4950000000003</c:v>
                </c:pt>
                <c:pt idx="12">
                  <c:v>2803.2560000000003</c:v>
                </c:pt>
                <c:pt idx="13">
                  <c:v>2849.2530000000002</c:v>
                </c:pt>
                <c:pt idx="14">
                  <c:v>2822.0650000000005</c:v>
                </c:pt>
                <c:pt idx="15">
                  <c:v>2816.7310000000007</c:v>
                </c:pt>
                <c:pt idx="16">
                  <c:v>2811.3970000000004</c:v>
                </c:pt>
                <c:pt idx="17">
                  <c:v>2806.0630000000006</c:v>
                </c:pt>
                <c:pt idx="18">
                  <c:v>2805.6030000000005</c:v>
                </c:pt>
                <c:pt idx="19">
                  <c:v>2791.9600000000005</c:v>
                </c:pt>
                <c:pt idx="20">
                  <c:v>2905.3670000000002</c:v>
                </c:pt>
                <c:pt idx="21">
                  <c:v>3027.3820000000001</c:v>
                </c:pt>
                <c:pt idx="22">
                  <c:v>3095.4590000000007</c:v>
                </c:pt>
                <c:pt idx="23">
                  <c:v>3100.8290000000002</c:v>
                </c:pt>
                <c:pt idx="24">
                  <c:v>3191.357</c:v>
                </c:pt>
                <c:pt idx="25">
                  <c:v>3189.9870000000001</c:v>
                </c:pt>
                <c:pt idx="26">
                  <c:v>3229.1970000000001</c:v>
                </c:pt>
                <c:pt idx="27">
                  <c:v>3232.3130000000001</c:v>
                </c:pt>
                <c:pt idx="28">
                  <c:v>3235.4290000000005</c:v>
                </c:pt>
                <c:pt idx="29">
                  <c:v>3238.5450000000005</c:v>
                </c:pt>
                <c:pt idx="30">
                  <c:v>3239.1100000000006</c:v>
                </c:pt>
                <c:pt idx="31">
                  <c:v>3266.2750000000005</c:v>
                </c:pt>
                <c:pt idx="32">
                  <c:v>3256.7270000000008</c:v>
                </c:pt>
                <c:pt idx="33">
                  <c:v>3154.5710000000004</c:v>
                </c:pt>
                <c:pt idx="34">
                  <c:v>3165.4840000000004</c:v>
                </c:pt>
                <c:pt idx="35">
                  <c:v>3085.2100000000005</c:v>
                </c:pt>
                <c:pt idx="36">
                  <c:v>3039.8</c:v>
                </c:pt>
                <c:pt idx="37">
                  <c:v>3019.1320000000001</c:v>
                </c:pt>
                <c:pt idx="38">
                  <c:v>3044.2130000000002</c:v>
                </c:pt>
                <c:pt idx="39">
                  <c:v>3044.1910000000003</c:v>
                </c:pt>
                <c:pt idx="40">
                  <c:v>3044.1690000000003</c:v>
                </c:pt>
                <c:pt idx="41">
                  <c:v>3044.1470000000004</c:v>
                </c:pt>
                <c:pt idx="42">
                  <c:v>3043.3750000000005</c:v>
                </c:pt>
                <c:pt idx="43">
                  <c:v>3043.9300000000003</c:v>
                </c:pt>
                <c:pt idx="44">
                  <c:v>3016.0550000000003</c:v>
                </c:pt>
                <c:pt idx="45">
                  <c:v>3015.4259999999999</c:v>
                </c:pt>
                <c:pt idx="46">
                  <c:v>2909.4229999999998</c:v>
                </c:pt>
                <c:pt idx="47">
                  <c:v>2848.3140000000003</c:v>
                </c:pt>
                <c:pt idx="48">
                  <c:v>2798.9070000000002</c:v>
                </c:pt>
                <c:pt idx="49">
                  <c:v>2738.4700000000003</c:v>
                </c:pt>
                <c:pt idx="50">
                  <c:v>2622.319</c:v>
                </c:pt>
                <c:pt idx="51">
                  <c:v>2620.2669999999998</c:v>
                </c:pt>
                <c:pt idx="52">
                  <c:v>2618.2149999999997</c:v>
                </c:pt>
                <c:pt idx="53">
                  <c:v>2616.163</c:v>
                </c:pt>
                <c:pt idx="54">
                  <c:v>2600.7749999999996</c:v>
                </c:pt>
                <c:pt idx="55">
                  <c:v>2572.8220000000001</c:v>
                </c:pt>
                <c:pt idx="56">
                  <c:v>2507.5889999999999</c:v>
                </c:pt>
                <c:pt idx="57">
                  <c:v>2452.4659999999999</c:v>
                </c:pt>
                <c:pt idx="58">
                  <c:v>2543.8339999999998</c:v>
                </c:pt>
                <c:pt idx="59">
                  <c:v>2569.8360000000002</c:v>
                </c:pt>
                <c:pt idx="60">
                  <c:v>2595.2920000000004</c:v>
                </c:pt>
                <c:pt idx="61">
                  <c:v>2599.0080000000003</c:v>
                </c:pt>
                <c:pt idx="62">
                  <c:v>2617.8860000000004</c:v>
                </c:pt>
                <c:pt idx="63">
                  <c:v>2615.1900000000005</c:v>
                </c:pt>
                <c:pt idx="64">
                  <c:v>2612.4940000000006</c:v>
                </c:pt>
                <c:pt idx="65">
                  <c:v>2609.7980000000007</c:v>
                </c:pt>
                <c:pt idx="66">
                  <c:v>2611.1020000000003</c:v>
                </c:pt>
                <c:pt idx="67">
                  <c:v>2648.1160000000004</c:v>
                </c:pt>
                <c:pt idx="68">
                  <c:v>2635.0329999999999</c:v>
                </c:pt>
                <c:pt idx="69">
                  <c:v>2672.0090000000005</c:v>
                </c:pt>
                <c:pt idx="70">
                  <c:v>2593.3220000000006</c:v>
                </c:pt>
                <c:pt idx="71">
                  <c:v>2667.25</c:v>
                </c:pt>
                <c:pt idx="72">
                  <c:v>2570.116</c:v>
                </c:pt>
                <c:pt idx="73">
                  <c:v>2596.578</c:v>
                </c:pt>
                <c:pt idx="74">
                  <c:v>2618.8179999999998</c:v>
                </c:pt>
                <c:pt idx="75">
                  <c:v>2624.8659999999995</c:v>
                </c:pt>
                <c:pt idx="76">
                  <c:v>2630.9139999999998</c:v>
                </c:pt>
                <c:pt idx="77">
                  <c:v>2636.9619999999995</c:v>
                </c:pt>
                <c:pt idx="78">
                  <c:v>2641.8489999999997</c:v>
                </c:pt>
                <c:pt idx="79">
                  <c:v>2624.6129999999998</c:v>
                </c:pt>
                <c:pt idx="80">
                  <c:v>2640.5929999999998</c:v>
                </c:pt>
                <c:pt idx="81">
                  <c:v>2768.1959999999999</c:v>
                </c:pt>
                <c:pt idx="82">
                  <c:v>2788.7889999999998</c:v>
                </c:pt>
                <c:pt idx="83">
                  <c:v>2727.0890000000004</c:v>
                </c:pt>
                <c:pt idx="84">
                  <c:v>2830.3500000000004</c:v>
                </c:pt>
                <c:pt idx="85">
                  <c:v>2791.9990000000003</c:v>
                </c:pt>
                <c:pt idx="86">
                  <c:v>2773.5989999999997</c:v>
                </c:pt>
                <c:pt idx="87">
                  <c:v>2766.0599999999995</c:v>
                </c:pt>
                <c:pt idx="88">
                  <c:v>2758.5209999999997</c:v>
                </c:pt>
                <c:pt idx="89">
                  <c:v>2750.982</c:v>
                </c:pt>
                <c:pt idx="90">
                  <c:v>2741.7339999999999</c:v>
                </c:pt>
                <c:pt idx="91">
                  <c:v>2725.5120000000002</c:v>
                </c:pt>
                <c:pt idx="92">
                  <c:v>2690.6830000000004</c:v>
                </c:pt>
                <c:pt idx="93">
                  <c:v>2511.2670000000003</c:v>
                </c:pt>
                <c:pt idx="94">
                  <c:v>2450.7650000000003</c:v>
                </c:pt>
                <c:pt idx="95">
                  <c:v>2438.9300000000003</c:v>
                </c:pt>
                <c:pt idx="96">
                  <c:v>2402.1379999999999</c:v>
                </c:pt>
                <c:pt idx="97">
                  <c:v>2412.4810000000002</c:v>
                </c:pt>
                <c:pt idx="98">
                  <c:v>2475.8820000000001</c:v>
                </c:pt>
                <c:pt idx="99">
                  <c:v>2481.1849999999999</c:v>
                </c:pt>
                <c:pt idx="100">
                  <c:v>2486.4880000000003</c:v>
                </c:pt>
                <c:pt idx="101">
                  <c:v>2491.7910000000002</c:v>
                </c:pt>
                <c:pt idx="102">
                  <c:v>2481.2290000000003</c:v>
                </c:pt>
                <c:pt idx="103">
                  <c:v>2499.422</c:v>
                </c:pt>
                <c:pt idx="104">
                  <c:v>2562.9169999999999</c:v>
                </c:pt>
                <c:pt idx="105">
                  <c:v>2635.424</c:v>
                </c:pt>
                <c:pt idx="106">
                  <c:v>2775.194</c:v>
                </c:pt>
                <c:pt idx="107">
                  <c:v>2844.9809999999998</c:v>
                </c:pt>
                <c:pt idx="108">
                  <c:v>2850.279</c:v>
                </c:pt>
                <c:pt idx="109">
                  <c:v>2868.0339999999997</c:v>
                </c:pt>
                <c:pt idx="110">
                  <c:v>2828.5139999999997</c:v>
                </c:pt>
                <c:pt idx="111">
                  <c:v>2826.2299999999996</c:v>
                </c:pt>
                <c:pt idx="112">
                  <c:v>2823.9459999999999</c:v>
                </c:pt>
                <c:pt idx="113">
                  <c:v>2821.6619999999994</c:v>
                </c:pt>
                <c:pt idx="114">
                  <c:v>2832.3259999999996</c:v>
                </c:pt>
                <c:pt idx="115">
                  <c:v>2826.2699999999995</c:v>
                </c:pt>
                <c:pt idx="116">
                  <c:v>2795.3699999999994</c:v>
                </c:pt>
                <c:pt idx="117">
                  <c:v>2770.2799999999997</c:v>
                </c:pt>
                <c:pt idx="118">
                  <c:v>2769.4579999999996</c:v>
                </c:pt>
                <c:pt idx="119">
                  <c:v>2709.44</c:v>
                </c:pt>
                <c:pt idx="120">
                  <c:v>2661.587</c:v>
                </c:pt>
                <c:pt idx="121">
                  <c:v>2639.5859999999998</c:v>
                </c:pt>
                <c:pt idx="122">
                  <c:v>2623.8420000000001</c:v>
                </c:pt>
                <c:pt idx="123">
                  <c:v>2619.1889999999999</c:v>
                </c:pt>
                <c:pt idx="124">
                  <c:v>2614.5360000000001</c:v>
                </c:pt>
                <c:pt idx="125">
                  <c:v>2609.8830000000003</c:v>
                </c:pt>
                <c:pt idx="126">
                  <c:v>2611.922</c:v>
                </c:pt>
                <c:pt idx="127">
                  <c:v>2576.9950000000003</c:v>
                </c:pt>
                <c:pt idx="128">
                  <c:v>2561.4560000000006</c:v>
                </c:pt>
                <c:pt idx="129">
                  <c:v>2578.9530000000004</c:v>
                </c:pt>
                <c:pt idx="130">
                  <c:v>2519.1550000000007</c:v>
                </c:pt>
                <c:pt idx="131">
                  <c:v>2515.3660000000004</c:v>
                </c:pt>
                <c:pt idx="132">
                  <c:v>2569.0630000000001</c:v>
                </c:pt>
                <c:pt idx="133">
                  <c:v>2559.0059999999999</c:v>
                </c:pt>
                <c:pt idx="134">
                  <c:v>2575.4939999999997</c:v>
                </c:pt>
                <c:pt idx="135">
                  <c:v>2573.5759999999996</c:v>
                </c:pt>
                <c:pt idx="136">
                  <c:v>2571.6579999999994</c:v>
                </c:pt>
                <c:pt idx="137">
                  <c:v>2569.7399999999998</c:v>
                </c:pt>
                <c:pt idx="138">
                  <c:v>2555.4519999999998</c:v>
                </c:pt>
                <c:pt idx="139">
                  <c:v>2553.3209999999999</c:v>
                </c:pt>
                <c:pt idx="140">
                  <c:v>2549.8320000000003</c:v>
                </c:pt>
                <c:pt idx="141">
                  <c:v>2575.8110000000001</c:v>
                </c:pt>
                <c:pt idx="142">
                  <c:v>2448.4589999999998</c:v>
                </c:pt>
                <c:pt idx="143">
                  <c:v>2434.116</c:v>
                </c:pt>
                <c:pt idx="144">
                  <c:v>2389.3649999999998</c:v>
                </c:pt>
                <c:pt idx="145">
                  <c:v>2375.4860000000003</c:v>
                </c:pt>
                <c:pt idx="146">
                  <c:v>2340.134</c:v>
                </c:pt>
                <c:pt idx="147">
                  <c:v>2340.1170000000002</c:v>
                </c:pt>
                <c:pt idx="148">
                  <c:v>2340.1000000000004</c:v>
                </c:pt>
                <c:pt idx="149">
                  <c:v>2340.0830000000005</c:v>
                </c:pt>
                <c:pt idx="150">
                  <c:v>2343.1660000000006</c:v>
                </c:pt>
                <c:pt idx="151">
                  <c:v>2368.2470000000003</c:v>
                </c:pt>
                <c:pt idx="152">
                  <c:v>2376.3319999999999</c:v>
                </c:pt>
                <c:pt idx="153">
                  <c:v>2277.4449999999997</c:v>
                </c:pt>
                <c:pt idx="154">
                  <c:v>2321.8169999999996</c:v>
                </c:pt>
                <c:pt idx="155">
                  <c:v>2391.0099999999998</c:v>
                </c:pt>
                <c:pt idx="156">
                  <c:v>2401.366</c:v>
                </c:pt>
                <c:pt idx="157">
                  <c:v>2445.16</c:v>
                </c:pt>
                <c:pt idx="158">
                  <c:v>2457.279</c:v>
                </c:pt>
                <c:pt idx="159">
                  <c:v>2458.3440000000001</c:v>
                </c:pt>
                <c:pt idx="160">
                  <c:v>2459.4090000000006</c:v>
                </c:pt>
                <c:pt idx="161">
                  <c:v>2460.4740000000006</c:v>
                </c:pt>
                <c:pt idx="162">
                  <c:v>2458.2030000000004</c:v>
                </c:pt>
                <c:pt idx="163">
                  <c:v>2407.3820000000005</c:v>
                </c:pt>
                <c:pt idx="164">
                  <c:v>2403.5279999999998</c:v>
                </c:pt>
                <c:pt idx="165">
                  <c:v>2473.0990000000002</c:v>
                </c:pt>
                <c:pt idx="166">
                  <c:v>2493.9630000000002</c:v>
                </c:pt>
                <c:pt idx="167">
                  <c:v>2454.8380000000002</c:v>
                </c:pt>
                <c:pt idx="168">
                  <c:v>2504.4880000000003</c:v>
                </c:pt>
                <c:pt idx="169">
                  <c:v>2429.366</c:v>
                </c:pt>
                <c:pt idx="170">
                  <c:v>2442.4319999999998</c:v>
                </c:pt>
                <c:pt idx="171">
                  <c:v>2438.3240000000001</c:v>
                </c:pt>
                <c:pt idx="172">
                  <c:v>2434.2159999999999</c:v>
                </c:pt>
                <c:pt idx="173">
                  <c:v>2430.1080000000002</c:v>
                </c:pt>
                <c:pt idx="174">
                  <c:v>2427.5240000000003</c:v>
                </c:pt>
                <c:pt idx="175">
                  <c:v>2460.2660000000005</c:v>
                </c:pt>
                <c:pt idx="176">
                  <c:v>2492.8530000000001</c:v>
                </c:pt>
                <c:pt idx="177">
                  <c:v>2507.3190000000004</c:v>
                </c:pt>
                <c:pt idx="178">
                  <c:v>2588.4180000000006</c:v>
                </c:pt>
                <c:pt idx="179">
                  <c:v>2529.2640000000001</c:v>
                </c:pt>
                <c:pt idx="180">
                  <c:v>2468.7389999999996</c:v>
                </c:pt>
                <c:pt idx="181">
                  <c:v>2503.837</c:v>
                </c:pt>
                <c:pt idx="182">
                  <c:v>2488.4299999999998</c:v>
                </c:pt>
                <c:pt idx="183">
                  <c:v>2491.2620000000002</c:v>
                </c:pt>
                <c:pt idx="184">
                  <c:v>2494.0940000000001</c:v>
                </c:pt>
                <c:pt idx="185">
                  <c:v>2496.9259999999999</c:v>
                </c:pt>
                <c:pt idx="186">
                  <c:v>2499.768</c:v>
                </c:pt>
                <c:pt idx="187">
                  <c:v>2520.3539999999998</c:v>
                </c:pt>
                <c:pt idx="188">
                  <c:v>2461.8669999999997</c:v>
                </c:pt>
                <c:pt idx="189">
                  <c:v>2400.2809999999995</c:v>
                </c:pt>
                <c:pt idx="190">
                  <c:v>2356.1570000000002</c:v>
                </c:pt>
                <c:pt idx="191">
                  <c:v>2366.3589999999999</c:v>
                </c:pt>
                <c:pt idx="192">
                  <c:v>2306.886</c:v>
                </c:pt>
                <c:pt idx="193">
                  <c:v>2257.6950000000002</c:v>
                </c:pt>
                <c:pt idx="194">
                  <c:v>2232.0839999999998</c:v>
                </c:pt>
                <c:pt idx="195">
                  <c:v>2231.9940000000001</c:v>
                </c:pt>
                <c:pt idx="196">
                  <c:v>2231.9040000000005</c:v>
                </c:pt>
                <c:pt idx="197">
                  <c:v>2231.8140000000008</c:v>
                </c:pt>
                <c:pt idx="198">
                  <c:v>2228.4100000000008</c:v>
                </c:pt>
                <c:pt idx="199">
                  <c:v>2197.5650000000005</c:v>
                </c:pt>
                <c:pt idx="200">
                  <c:v>2219.0149999999999</c:v>
                </c:pt>
                <c:pt idx="201">
                  <c:v>2278.42</c:v>
                </c:pt>
                <c:pt idx="202">
                  <c:v>2280.7979999999998</c:v>
                </c:pt>
                <c:pt idx="203">
                  <c:v>2290.6330000000003</c:v>
                </c:pt>
                <c:pt idx="204">
                  <c:v>2367.3920000000003</c:v>
                </c:pt>
                <c:pt idx="205">
                  <c:v>2410.4110000000001</c:v>
                </c:pt>
                <c:pt idx="206">
                  <c:v>2440.056</c:v>
                </c:pt>
                <c:pt idx="207">
                  <c:v>2439.8029999999999</c:v>
                </c:pt>
                <c:pt idx="208">
                  <c:v>2439.5500000000002</c:v>
                </c:pt>
                <c:pt idx="209">
                  <c:v>2439.297</c:v>
                </c:pt>
                <c:pt idx="210">
                  <c:v>2437.7439999999997</c:v>
                </c:pt>
                <c:pt idx="211">
                  <c:v>2440.5039999999999</c:v>
                </c:pt>
                <c:pt idx="212">
                  <c:v>2415.806</c:v>
                </c:pt>
                <c:pt idx="213">
                  <c:v>2330.7740000000003</c:v>
                </c:pt>
              </c:numCache>
            </c:numRef>
          </c:val>
        </c:ser>
        <c:ser>
          <c:idx val="1"/>
          <c:order val="1"/>
          <c:tx>
            <c:strRef>
              <c:f>'Residential USE Regn South'!$G$58</c:f>
              <c:strCache>
                <c:ptCount val="1"/>
                <c:pt idx="0">
                  <c:v>Predicted Y</c:v>
                </c:pt>
              </c:strCache>
            </c:strRef>
          </c:tx>
          <c:marker>
            <c:symbol val="none"/>
          </c:marker>
          <c:cat>
            <c:numRef>
              <c:f>'Residential USE Regn South'!$A$59:$A$272</c:f>
              <c:numCache>
                <c:formatCode>mmm\-yy</c:formatCode>
                <c:ptCount val="214"/>
                <c:pt idx="0">
                  <c:v>34394</c:v>
                </c:pt>
                <c:pt idx="1">
                  <c:v>34425</c:v>
                </c:pt>
                <c:pt idx="2">
                  <c:v>34455</c:v>
                </c:pt>
                <c:pt idx="3">
                  <c:v>34486</c:v>
                </c:pt>
                <c:pt idx="4">
                  <c:v>34516</c:v>
                </c:pt>
                <c:pt idx="5">
                  <c:v>34547</c:v>
                </c:pt>
                <c:pt idx="6">
                  <c:v>34578</c:v>
                </c:pt>
                <c:pt idx="7">
                  <c:v>34608</c:v>
                </c:pt>
                <c:pt idx="8">
                  <c:v>34639</c:v>
                </c:pt>
                <c:pt idx="9">
                  <c:v>34669</c:v>
                </c:pt>
                <c:pt idx="10">
                  <c:v>34700</c:v>
                </c:pt>
                <c:pt idx="11">
                  <c:v>34731</c:v>
                </c:pt>
                <c:pt idx="12">
                  <c:v>34759</c:v>
                </c:pt>
                <c:pt idx="13">
                  <c:v>34790</c:v>
                </c:pt>
                <c:pt idx="14">
                  <c:v>34820</c:v>
                </c:pt>
                <c:pt idx="15">
                  <c:v>34851</c:v>
                </c:pt>
                <c:pt idx="16">
                  <c:v>34881</c:v>
                </c:pt>
                <c:pt idx="17">
                  <c:v>34912</c:v>
                </c:pt>
                <c:pt idx="18">
                  <c:v>34943</c:v>
                </c:pt>
                <c:pt idx="19">
                  <c:v>34973</c:v>
                </c:pt>
                <c:pt idx="20">
                  <c:v>35004</c:v>
                </c:pt>
                <c:pt idx="21">
                  <c:v>35034</c:v>
                </c:pt>
                <c:pt idx="22">
                  <c:v>35065</c:v>
                </c:pt>
                <c:pt idx="23">
                  <c:v>35096</c:v>
                </c:pt>
                <c:pt idx="24">
                  <c:v>35125</c:v>
                </c:pt>
                <c:pt idx="25">
                  <c:v>35156</c:v>
                </c:pt>
                <c:pt idx="26">
                  <c:v>35186</c:v>
                </c:pt>
                <c:pt idx="27">
                  <c:v>35217</c:v>
                </c:pt>
                <c:pt idx="28">
                  <c:v>35247</c:v>
                </c:pt>
                <c:pt idx="29">
                  <c:v>35278</c:v>
                </c:pt>
                <c:pt idx="30">
                  <c:v>35309</c:v>
                </c:pt>
                <c:pt idx="31">
                  <c:v>35339</c:v>
                </c:pt>
                <c:pt idx="32">
                  <c:v>35370</c:v>
                </c:pt>
                <c:pt idx="33">
                  <c:v>35400</c:v>
                </c:pt>
                <c:pt idx="34">
                  <c:v>35431</c:v>
                </c:pt>
                <c:pt idx="35">
                  <c:v>35462</c:v>
                </c:pt>
                <c:pt idx="36">
                  <c:v>35490</c:v>
                </c:pt>
                <c:pt idx="37">
                  <c:v>35521</c:v>
                </c:pt>
                <c:pt idx="38">
                  <c:v>35551</c:v>
                </c:pt>
                <c:pt idx="39">
                  <c:v>35582</c:v>
                </c:pt>
                <c:pt idx="40">
                  <c:v>35612</c:v>
                </c:pt>
                <c:pt idx="41">
                  <c:v>35643</c:v>
                </c:pt>
                <c:pt idx="42">
                  <c:v>35674</c:v>
                </c:pt>
                <c:pt idx="43">
                  <c:v>35704</c:v>
                </c:pt>
                <c:pt idx="44">
                  <c:v>35735</c:v>
                </c:pt>
                <c:pt idx="45">
                  <c:v>35765</c:v>
                </c:pt>
                <c:pt idx="46">
                  <c:v>35796</c:v>
                </c:pt>
                <c:pt idx="47">
                  <c:v>35827</c:v>
                </c:pt>
                <c:pt idx="48">
                  <c:v>35855</c:v>
                </c:pt>
                <c:pt idx="49">
                  <c:v>35886</c:v>
                </c:pt>
                <c:pt idx="50">
                  <c:v>35916</c:v>
                </c:pt>
                <c:pt idx="51">
                  <c:v>35947</c:v>
                </c:pt>
                <c:pt idx="52">
                  <c:v>35977</c:v>
                </c:pt>
                <c:pt idx="53">
                  <c:v>36008</c:v>
                </c:pt>
                <c:pt idx="54">
                  <c:v>36039</c:v>
                </c:pt>
                <c:pt idx="55">
                  <c:v>36069</c:v>
                </c:pt>
                <c:pt idx="56">
                  <c:v>36100</c:v>
                </c:pt>
                <c:pt idx="57">
                  <c:v>36130</c:v>
                </c:pt>
                <c:pt idx="58">
                  <c:v>36161</c:v>
                </c:pt>
                <c:pt idx="59">
                  <c:v>36192</c:v>
                </c:pt>
                <c:pt idx="60">
                  <c:v>36220</c:v>
                </c:pt>
                <c:pt idx="61">
                  <c:v>36251</c:v>
                </c:pt>
                <c:pt idx="62">
                  <c:v>36281</c:v>
                </c:pt>
                <c:pt idx="63">
                  <c:v>36312</c:v>
                </c:pt>
                <c:pt idx="64">
                  <c:v>36342</c:v>
                </c:pt>
                <c:pt idx="65">
                  <c:v>36373</c:v>
                </c:pt>
                <c:pt idx="66">
                  <c:v>36404</c:v>
                </c:pt>
                <c:pt idx="67">
                  <c:v>36434</c:v>
                </c:pt>
                <c:pt idx="68">
                  <c:v>36465</c:v>
                </c:pt>
                <c:pt idx="69">
                  <c:v>36495</c:v>
                </c:pt>
                <c:pt idx="70">
                  <c:v>36526</c:v>
                </c:pt>
                <c:pt idx="71">
                  <c:v>36557</c:v>
                </c:pt>
                <c:pt idx="72">
                  <c:v>36586</c:v>
                </c:pt>
                <c:pt idx="73">
                  <c:v>36617</c:v>
                </c:pt>
                <c:pt idx="74">
                  <c:v>36647</c:v>
                </c:pt>
                <c:pt idx="75">
                  <c:v>36678</c:v>
                </c:pt>
                <c:pt idx="76">
                  <c:v>36708</c:v>
                </c:pt>
                <c:pt idx="77">
                  <c:v>36739</c:v>
                </c:pt>
                <c:pt idx="78">
                  <c:v>36770</c:v>
                </c:pt>
                <c:pt idx="79">
                  <c:v>36800</c:v>
                </c:pt>
                <c:pt idx="80">
                  <c:v>36831</c:v>
                </c:pt>
                <c:pt idx="81">
                  <c:v>36861</c:v>
                </c:pt>
                <c:pt idx="82">
                  <c:v>36892</c:v>
                </c:pt>
                <c:pt idx="83">
                  <c:v>36923</c:v>
                </c:pt>
                <c:pt idx="84">
                  <c:v>36951</c:v>
                </c:pt>
                <c:pt idx="85">
                  <c:v>36982</c:v>
                </c:pt>
                <c:pt idx="86">
                  <c:v>37012</c:v>
                </c:pt>
                <c:pt idx="87">
                  <c:v>37043</c:v>
                </c:pt>
                <c:pt idx="88">
                  <c:v>37073</c:v>
                </c:pt>
                <c:pt idx="89">
                  <c:v>37104</c:v>
                </c:pt>
                <c:pt idx="90">
                  <c:v>37135</c:v>
                </c:pt>
                <c:pt idx="91">
                  <c:v>37165</c:v>
                </c:pt>
                <c:pt idx="92">
                  <c:v>37196</c:v>
                </c:pt>
                <c:pt idx="93">
                  <c:v>37226</c:v>
                </c:pt>
                <c:pt idx="94">
                  <c:v>37257</c:v>
                </c:pt>
                <c:pt idx="95">
                  <c:v>37288</c:v>
                </c:pt>
                <c:pt idx="96">
                  <c:v>37316</c:v>
                </c:pt>
                <c:pt idx="97">
                  <c:v>37347</c:v>
                </c:pt>
                <c:pt idx="98">
                  <c:v>37377</c:v>
                </c:pt>
                <c:pt idx="99">
                  <c:v>37408</c:v>
                </c:pt>
                <c:pt idx="100">
                  <c:v>37438</c:v>
                </c:pt>
                <c:pt idx="101">
                  <c:v>37469</c:v>
                </c:pt>
                <c:pt idx="102">
                  <c:v>37500</c:v>
                </c:pt>
                <c:pt idx="103">
                  <c:v>37530</c:v>
                </c:pt>
                <c:pt idx="104">
                  <c:v>37561</c:v>
                </c:pt>
                <c:pt idx="105">
                  <c:v>37591</c:v>
                </c:pt>
                <c:pt idx="106">
                  <c:v>37622</c:v>
                </c:pt>
                <c:pt idx="107">
                  <c:v>37653</c:v>
                </c:pt>
                <c:pt idx="108">
                  <c:v>37681</c:v>
                </c:pt>
                <c:pt idx="109">
                  <c:v>37712</c:v>
                </c:pt>
                <c:pt idx="110">
                  <c:v>37742</c:v>
                </c:pt>
                <c:pt idx="111">
                  <c:v>37773</c:v>
                </c:pt>
                <c:pt idx="112">
                  <c:v>37803</c:v>
                </c:pt>
                <c:pt idx="113">
                  <c:v>37834</c:v>
                </c:pt>
                <c:pt idx="114">
                  <c:v>37865</c:v>
                </c:pt>
                <c:pt idx="115">
                  <c:v>37895</c:v>
                </c:pt>
                <c:pt idx="116">
                  <c:v>37926</c:v>
                </c:pt>
                <c:pt idx="117">
                  <c:v>37956</c:v>
                </c:pt>
                <c:pt idx="118">
                  <c:v>37987</c:v>
                </c:pt>
                <c:pt idx="119">
                  <c:v>38018</c:v>
                </c:pt>
                <c:pt idx="120">
                  <c:v>38047</c:v>
                </c:pt>
                <c:pt idx="121">
                  <c:v>38078</c:v>
                </c:pt>
                <c:pt idx="122">
                  <c:v>38108</c:v>
                </c:pt>
                <c:pt idx="123">
                  <c:v>38139</c:v>
                </c:pt>
                <c:pt idx="124">
                  <c:v>38169</c:v>
                </c:pt>
                <c:pt idx="125">
                  <c:v>38200</c:v>
                </c:pt>
                <c:pt idx="126">
                  <c:v>38231</c:v>
                </c:pt>
                <c:pt idx="127">
                  <c:v>38261</c:v>
                </c:pt>
                <c:pt idx="128">
                  <c:v>38292</c:v>
                </c:pt>
                <c:pt idx="129">
                  <c:v>38322</c:v>
                </c:pt>
                <c:pt idx="130">
                  <c:v>38353</c:v>
                </c:pt>
                <c:pt idx="131">
                  <c:v>38384</c:v>
                </c:pt>
                <c:pt idx="132">
                  <c:v>38412</c:v>
                </c:pt>
                <c:pt idx="133">
                  <c:v>38443</c:v>
                </c:pt>
                <c:pt idx="134">
                  <c:v>38473</c:v>
                </c:pt>
                <c:pt idx="135">
                  <c:v>38504</c:v>
                </c:pt>
                <c:pt idx="136">
                  <c:v>38534</c:v>
                </c:pt>
                <c:pt idx="137">
                  <c:v>38565</c:v>
                </c:pt>
                <c:pt idx="138">
                  <c:v>38596</c:v>
                </c:pt>
                <c:pt idx="139">
                  <c:v>38626</c:v>
                </c:pt>
                <c:pt idx="140">
                  <c:v>38657</c:v>
                </c:pt>
                <c:pt idx="141">
                  <c:v>38687</c:v>
                </c:pt>
                <c:pt idx="142">
                  <c:v>38718</c:v>
                </c:pt>
                <c:pt idx="143">
                  <c:v>38749</c:v>
                </c:pt>
                <c:pt idx="144">
                  <c:v>38777</c:v>
                </c:pt>
                <c:pt idx="145">
                  <c:v>38808</c:v>
                </c:pt>
                <c:pt idx="146">
                  <c:v>38838</c:v>
                </c:pt>
                <c:pt idx="147">
                  <c:v>38869</c:v>
                </c:pt>
                <c:pt idx="148">
                  <c:v>38899</c:v>
                </c:pt>
                <c:pt idx="149">
                  <c:v>38930</c:v>
                </c:pt>
                <c:pt idx="150">
                  <c:v>38961</c:v>
                </c:pt>
                <c:pt idx="151">
                  <c:v>38991</c:v>
                </c:pt>
                <c:pt idx="152">
                  <c:v>39022</c:v>
                </c:pt>
                <c:pt idx="153">
                  <c:v>39052</c:v>
                </c:pt>
                <c:pt idx="154">
                  <c:v>39083</c:v>
                </c:pt>
                <c:pt idx="155">
                  <c:v>39114</c:v>
                </c:pt>
                <c:pt idx="156">
                  <c:v>39142</c:v>
                </c:pt>
                <c:pt idx="157">
                  <c:v>39173</c:v>
                </c:pt>
                <c:pt idx="158">
                  <c:v>39203</c:v>
                </c:pt>
                <c:pt idx="159">
                  <c:v>39234</c:v>
                </c:pt>
                <c:pt idx="160">
                  <c:v>39264</c:v>
                </c:pt>
                <c:pt idx="161">
                  <c:v>39295</c:v>
                </c:pt>
                <c:pt idx="162">
                  <c:v>39326</c:v>
                </c:pt>
                <c:pt idx="163">
                  <c:v>39356</c:v>
                </c:pt>
                <c:pt idx="164">
                  <c:v>39387</c:v>
                </c:pt>
                <c:pt idx="165">
                  <c:v>39417</c:v>
                </c:pt>
                <c:pt idx="166">
                  <c:v>39448</c:v>
                </c:pt>
                <c:pt idx="167">
                  <c:v>39479</c:v>
                </c:pt>
                <c:pt idx="168">
                  <c:v>39508</c:v>
                </c:pt>
                <c:pt idx="169">
                  <c:v>39539</c:v>
                </c:pt>
                <c:pt idx="170">
                  <c:v>39569</c:v>
                </c:pt>
                <c:pt idx="171">
                  <c:v>39600</c:v>
                </c:pt>
                <c:pt idx="172">
                  <c:v>39630</c:v>
                </c:pt>
                <c:pt idx="173">
                  <c:v>39661</c:v>
                </c:pt>
                <c:pt idx="174">
                  <c:v>39692</c:v>
                </c:pt>
                <c:pt idx="175">
                  <c:v>39722</c:v>
                </c:pt>
                <c:pt idx="176">
                  <c:v>39753</c:v>
                </c:pt>
                <c:pt idx="177">
                  <c:v>39783</c:v>
                </c:pt>
                <c:pt idx="178">
                  <c:v>39814</c:v>
                </c:pt>
                <c:pt idx="179">
                  <c:v>39845</c:v>
                </c:pt>
                <c:pt idx="180">
                  <c:v>39873</c:v>
                </c:pt>
                <c:pt idx="181">
                  <c:v>39904</c:v>
                </c:pt>
                <c:pt idx="182">
                  <c:v>39934</c:v>
                </c:pt>
                <c:pt idx="183">
                  <c:v>39965</c:v>
                </c:pt>
                <c:pt idx="184">
                  <c:v>39995</c:v>
                </c:pt>
                <c:pt idx="185">
                  <c:v>40026</c:v>
                </c:pt>
                <c:pt idx="186">
                  <c:v>40057</c:v>
                </c:pt>
                <c:pt idx="187">
                  <c:v>40087</c:v>
                </c:pt>
                <c:pt idx="188">
                  <c:v>40118</c:v>
                </c:pt>
                <c:pt idx="189">
                  <c:v>40148</c:v>
                </c:pt>
                <c:pt idx="190">
                  <c:v>40179</c:v>
                </c:pt>
                <c:pt idx="191">
                  <c:v>40210</c:v>
                </c:pt>
                <c:pt idx="192">
                  <c:v>40238</c:v>
                </c:pt>
                <c:pt idx="193">
                  <c:v>40269</c:v>
                </c:pt>
                <c:pt idx="194">
                  <c:v>40299</c:v>
                </c:pt>
                <c:pt idx="195">
                  <c:v>40330</c:v>
                </c:pt>
                <c:pt idx="196">
                  <c:v>40360</c:v>
                </c:pt>
                <c:pt idx="197">
                  <c:v>40391</c:v>
                </c:pt>
                <c:pt idx="198">
                  <c:v>40422</c:v>
                </c:pt>
                <c:pt idx="199">
                  <c:v>40452</c:v>
                </c:pt>
                <c:pt idx="200">
                  <c:v>40483</c:v>
                </c:pt>
                <c:pt idx="201">
                  <c:v>40513</c:v>
                </c:pt>
                <c:pt idx="202">
                  <c:v>40544</c:v>
                </c:pt>
                <c:pt idx="203">
                  <c:v>40575</c:v>
                </c:pt>
                <c:pt idx="204">
                  <c:v>40603</c:v>
                </c:pt>
                <c:pt idx="205">
                  <c:v>40634</c:v>
                </c:pt>
                <c:pt idx="206">
                  <c:v>40664</c:v>
                </c:pt>
                <c:pt idx="207">
                  <c:v>40695</c:v>
                </c:pt>
                <c:pt idx="208">
                  <c:v>40725</c:v>
                </c:pt>
                <c:pt idx="209">
                  <c:v>40756</c:v>
                </c:pt>
                <c:pt idx="210">
                  <c:v>40787</c:v>
                </c:pt>
                <c:pt idx="211">
                  <c:v>40817</c:v>
                </c:pt>
                <c:pt idx="212">
                  <c:v>40848</c:v>
                </c:pt>
                <c:pt idx="213">
                  <c:v>40878</c:v>
                </c:pt>
              </c:numCache>
            </c:numRef>
          </c:cat>
          <c:val>
            <c:numRef>
              <c:f>'Residential USE Regn South'!$G$59:$G$272</c:f>
              <c:numCache>
                <c:formatCode>_-* #,##0_-;\-* #,##0_-;_-* "-"??_-;_-@_-</c:formatCode>
                <c:ptCount val="214"/>
                <c:pt idx="0">
                  <c:v>3211.9530000000004</c:v>
                </c:pt>
                <c:pt idx="1">
                  <c:v>3194.4110000000005</c:v>
                </c:pt>
                <c:pt idx="2">
                  <c:v>3215.8910000000005</c:v>
                </c:pt>
                <c:pt idx="3">
                  <c:v>3215.1790000000005</c:v>
                </c:pt>
                <c:pt idx="4">
                  <c:v>3213.4450000000006</c:v>
                </c:pt>
                <c:pt idx="5">
                  <c:v>3212.4530000000004</c:v>
                </c:pt>
                <c:pt idx="6">
                  <c:v>3185.8490000000002</c:v>
                </c:pt>
                <c:pt idx="7">
                  <c:v>3156.1230000000005</c:v>
                </c:pt>
                <c:pt idx="8">
                  <c:v>3088.1150000000002</c:v>
                </c:pt>
                <c:pt idx="9">
                  <c:v>3041.5250000000005</c:v>
                </c:pt>
                <c:pt idx="10">
                  <c:v>2878.99</c:v>
                </c:pt>
                <c:pt idx="11">
                  <c:v>2857.8870000000002</c:v>
                </c:pt>
                <c:pt idx="12">
                  <c:v>2810.9670000000001</c:v>
                </c:pt>
                <c:pt idx="13">
                  <c:v>2861.2069999999999</c:v>
                </c:pt>
                <c:pt idx="14">
                  <c:v>2828.5660000000003</c:v>
                </c:pt>
                <c:pt idx="15">
                  <c:v>2826.991</c:v>
                </c:pt>
                <c:pt idx="16">
                  <c:v>2827.23</c:v>
                </c:pt>
                <c:pt idx="17">
                  <c:v>2826.7860000000001</c:v>
                </c:pt>
                <c:pt idx="18">
                  <c:v>2843.2250000000004</c:v>
                </c:pt>
                <c:pt idx="19">
                  <c:v>2832.8119999999999</c:v>
                </c:pt>
                <c:pt idx="20">
                  <c:v>2932.4850000000001</c:v>
                </c:pt>
                <c:pt idx="21">
                  <c:v>3020.0209999999993</c:v>
                </c:pt>
                <c:pt idx="22">
                  <c:v>3085.5859999999998</c:v>
                </c:pt>
                <c:pt idx="23">
                  <c:v>3073.5689999999995</c:v>
                </c:pt>
                <c:pt idx="24">
                  <c:v>3166.2619999999997</c:v>
                </c:pt>
                <c:pt idx="25">
                  <c:v>3159.7629999999999</c:v>
                </c:pt>
                <c:pt idx="26">
                  <c:v>3185.5250000000001</c:v>
                </c:pt>
                <c:pt idx="27">
                  <c:v>3184.6779999999999</c:v>
                </c:pt>
                <c:pt idx="28">
                  <c:v>3182.7189999999996</c:v>
                </c:pt>
                <c:pt idx="29">
                  <c:v>3181.7949999999996</c:v>
                </c:pt>
                <c:pt idx="30">
                  <c:v>3163.6689999999999</c:v>
                </c:pt>
                <c:pt idx="31">
                  <c:v>3179.0150000000003</c:v>
                </c:pt>
                <c:pt idx="32">
                  <c:v>3178.96</c:v>
                </c:pt>
                <c:pt idx="33">
                  <c:v>3098.0790000000002</c:v>
                </c:pt>
                <c:pt idx="34">
                  <c:v>3087.0099999999998</c:v>
                </c:pt>
                <c:pt idx="35">
                  <c:v>3019.7179999999998</c:v>
                </c:pt>
                <c:pt idx="36">
                  <c:v>2958.4760000000001</c:v>
                </c:pt>
                <c:pt idx="37">
                  <c:v>2944.0340000000001</c:v>
                </c:pt>
                <c:pt idx="38">
                  <c:v>2980.6579999999999</c:v>
                </c:pt>
                <c:pt idx="39">
                  <c:v>2979.7200000000003</c:v>
                </c:pt>
                <c:pt idx="40">
                  <c:v>2977.6970000000006</c:v>
                </c:pt>
                <c:pt idx="41">
                  <c:v>2976.6660000000006</c:v>
                </c:pt>
                <c:pt idx="42">
                  <c:v>2975.6910000000003</c:v>
                </c:pt>
                <c:pt idx="43">
                  <c:v>2975.6759999999999</c:v>
                </c:pt>
                <c:pt idx="44">
                  <c:v>2954.0350000000003</c:v>
                </c:pt>
                <c:pt idx="45">
                  <c:v>2962.373</c:v>
                </c:pt>
                <c:pt idx="46">
                  <c:v>2867.663</c:v>
                </c:pt>
                <c:pt idx="47">
                  <c:v>2821.1379999999999</c:v>
                </c:pt>
                <c:pt idx="48">
                  <c:v>2773.5459999999998</c:v>
                </c:pt>
                <c:pt idx="49">
                  <c:v>2720.7779999999998</c:v>
                </c:pt>
                <c:pt idx="50">
                  <c:v>2602.4829999999997</c:v>
                </c:pt>
                <c:pt idx="51">
                  <c:v>2603.3910000000001</c:v>
                </c:pt>
                <c:pt idx="52">
                  <c:v>2605.9809999999998</c:v>
                </c:pt>
                <c:pt idx="53">
                  <c:v>2604.703</c:v>
                </c:pt>
                <c:pt idx="54">
                  <c:v>2603.7930000000001</c:v>
                </c:pt>
                <c:pt idx="55">
                  <c:v>2584.3760000000002</c:v>
                </c:pt>
                <c:pt idx="56">
                  <c:v>2532.556</c:v>
                </c:pt>
                <c:pt idx="57">
                  <c:v>2493.819</c:v>
                </c:pt>
                <c:pt idx="58">
                  <c:v>2585.2469999999994</c:v>
                </c:pt>
                <c:pt idx="59">
                  <c:v>2605.0819999999999</c:v>
                </c:pt>
                <c:pt idx="60">
                  <c:v>2645.5679999999998</c:v>
                </c:pt>
                <c:pt idx="61">
                  <c:v>2651.4279999999999</c:v>
                </c:pt>
                <c:pt idx="62">
                  <c:v>2666.9469999999997</c:v>
                </c:pt>
                <c:pt idx="63">
                  <c:v>2665.6419999999998</c:v>
                </c:pt>
                <c:pt idx="64">
                  <c:v>2664.0550000000003</c:v>
                </c:pt>
                <c:pt idx="65">
                  <c:v>2663.556</c:v>
                </c:pt>
                <c:pt idx="66">
                  <c:v>2662.7869999999998</c:v>
                </c:pt>
                <c:pt idx="67">
                  <c:v>2676.0430000000001</c:v>
                </c:pt>
                <c:pt idx="68">
                  <c:v>2666.6229999999991</c:v>
                </c:pt>
                <c:pt idx="69">
                  <c:v>2685.6</c:v>
                </c:pt>
                <c:pt idx="70">
                  <c:v>2608.3009999999999</c:v>
                </c:pt>
                <c:pt idx="71">
                  <c:v>2685.1689999999994</c:v>
                </c:pt>
                <c:pt idx="72">
                  <c:v>2597.7460000000001</c:v>
                </c:pt>
                <c:pt idx="73">
                  <c:v>2613.1590000000001</c:v>
                </c:pt>
                <c:pt idx="74">
                  <c:v>2627.8339999999998</c:v>
                </c:pt>
                <c:pt idx="75">
                  <c:v>2625.0459999999998</c:v>
                </c:pt>
                <c:pt idx="76">
                  <c:v>2622.9269999999997</c:v>
                </c:pt>
                <c:pt idx="77">
                  <c:v>2621.3290000000002</c:v>
                </c:pt>
                <c:pt idx="78">
                  <c:v>2626.1010000000001</c:v>
                </c:pt>
                <c:pt idx="79">
                  <c:v>2605.7819999999992</c:v>
                </c:pt>
                <c:pt idx="80">
                  <c:v>2634.7429999999995</c:v>
                </c:pt>
                <c:pt idx="81">
                  <c:v>2756.4929999999999</c:v>
                </c:pt>
                <c:pt idx="82">
                  <c:v>2783.241</c:v>
                </c:pt>
                <c:pt idx="83">
                  <c:v>2718.1239999999998</c:v>
                </c:pt>
                <c:pt idx="84">
                  <c:v>2803.355</c:v>
                </c:pt>
                <c:pt idx="85">
                  <c:v>2766.009</c:v>
                </c:pt>
                <c:pt idx="86">
                  <c:v>2743.7460000000001</c:v>
                </c:pt>
                <c:pt idx="87">
                  <c:v>2738.9870000000001</c:v>
                </c:pt>
                <c:pt idx="88">
                  <c:v>2736.0949999999998</c:v>
                </c:pt>
                <c:pt idx="89">
                  <c:v>2734.4810000000002</c:v>
                </c:pt>
                <c:pt idx="90">
                  <c:v>2727.0060000000003</c:v>
                </c:pt>
                <c:pt idx="91">
                  <c:v>2729.0039999999999</c:v>
                </c:pt>
                <c:pt idx="92">
                  <c:v>2665.4479999999999</c:v>
                </c:pt>
                <c:pt idx="93">
                  <c:v>2506.931</c:v>
                </c:pt>
                <c:pt idx="94">
                  <c:v>2442.701</c:v>
                </c:pt>
                <c:pt idx="95">
                  <c:v>2418.7159999999999</c:v>
                </c:pt>
                <c:pt idx="96">
                  <c:v>2399.366</c:v>
                </c:pt>
                <c:pt idx="97">
                  <c:v>2415.8429999999998</c:v>
                </c:pt>
                <c:pt idx="98">
                  <c:v>2478.63</c:v>
                </c:pt>
                <c:pt idx="99">
                  <c:v>2481.4960000000005</c:v>
                </c:pt>
                <c:pt idx="100">
                  <c:v>2480.1310000000003</c:v>
                </c:pt>
                <c:pt idx="101">
                  <c:v>2479.7750000000005</c:v>
                </c:pt>
                <c:pt idx="102">
                  <c:v>2478.5680000000007</c:v>
                </c:pt>
                <c:pt idx="103">
                  <c:v>2502.2730000000006</c:v>
                </c:pt>
                <c:pt idx="104">
                  <c:v>2565.6929999999998</c:v>
                </c:pt>
                <c:pt idx="105">
                  <c:v>2626.4399999999996</c:v>
                </c:pt>
                <c:pt idx="106">
                  <c:v>2756.9259999999995</c:v>
                </c:pt>
                <c:pt idx="107">
                  <c:v>2848.2629999999995</c:v>
                </c:pt>
                <c:pt idx="108">
                  <c:v>2852.1469999999999</c:v>
                </c:pt>
                <c:pt idx="109">
                  <c:v>2868.8739999999998</c:v>
                </c:pt>
                <c:pt idx="110">
                  <c:v>2848.2930000000001</c:v>
                </c:pt>
                <c:pt idx="111">
                  <c:v>2843.0039999999995</c:v>
                </c:pt>
                <c:pt idx="112">
                  <c:v>2840.4079999999999</c:v>
                </c:pt>
                <c:pt idx="113">
                  <c:v>2838.2589999999996</c:v>
                </c:pt>
                <c:pt idx="114">
                  <c:v>2836.1809999999996</c:v>
                </c:pt>
                <c:pt idx="115">
                  <c:v>2821.9079999999999</c:v>
                </c:pt>
                <c:pt idx="116">
                  <c:v>2784.4919999999997</c:v>
                </c:pt>
                <c:pt idx="117">
                  <c:v>2744.4609999999998</c:v>
                </c:pt>
                <c:pt idx="118">
                  <c:v>2760.3479999999995</c:v>
                </c:pt>
                <c:pt idx="119">
                  <c:v>2706.9560000000001</c:v>
                </c:pt>
                <c:pt idx="120">
                  <c:v>2658.32</c:v>
                </c:pt>
                <c:pt idx="121">
                  <c:v>2629.991</c:v>
                </c:pt>
                <c:pt idx="122">
                  <c:v>2603.7129999999997</c:v>
                </c:pt>
                <c:pt idx="123">
                  <c:v>2604.3190000000004</c:v>
                </c:pt>
                <c:pt idx="124">
                  <c:v>2605.4280000000003</c:v>
                </c:pt>
                <c:pt idx="125">
                  <c:v>2605.6300000000006</c:v>
                </c:pt>
                <c:pt idx="126">
                  <c:v>2604.5700000000002</c:v>
                </c:pt>
                <c:pt idx="127">
                  <c:v>2581.9810000000007</c:v>
                </c:pt>
                <c:pt idx="128">
                  <c:v>2580.5570000000002</c:v>
                </c:pt>
                <c:pt idx="129">
                  <c:v>2614.7300000000005</c:v>
                </c:pt>
                <c:pt idx="130">
                  <c:v>2568.6550000000002</c:v>
                </c:pt>
                <c:pt idx="131">
                  <c:v>2567.73</c:v>
                </c:pt>
                <c:pt idx="132">
                  <c:v>2623.36</c:v>
                </c:pt>
                <c:pt idx="133">
                  <c:v>2614.0670000000005</c:v>
                </c:pt>
                <c:pt idx="134">
                  <c:v>2627.114</c:v>
                </c:pt>
                <c:pt idx="135">
                  <c:v>2626.8530000000001</c:v>
                </c:pt>
                <c:pt idx="136">
                  <c:v>2625.123</c:v>
                </c:pt>
                <c:pt idx="137">
                  <c:v>2623.4950000000003</c:v>
                </c:pt>
                <c:pt idx="138">
                  <c:v>2623.15</c:v>
                </c:pt>
                <c:pt idx="139">
                  <c:v>2616.8209999999999</c:v>
                </c:pt>
                <c:pt idx="140">
                  <c:v>2615.3319999999999</c:v>
                </c:pt>
                <c:pt idx="141">
                  <c:v>2635.4410000000003</c:v>
                </c:pt>
                <c:pt idx="142">
                  <c:v>2492.8420000000001</c:v>
                </c:pt>
                <c:pt idx="143">
                  <c:v>2466.0650000000001</c:v>
                </c:pt>
                <c:pt idx="144">
                  <c:v>2416.5070000000001</c:v>
                </c:pt>
                <c:pt idx="145">
                  <c:v>2391.3519999999999</c:v>
                </c:pt>
                <c:pt idx="146">
                  <c:v>2357.3670000000002</c:v>
                </c:pt>
                <c:pt idx="147">
                  <c:v>2354.7950000000001</c:v>
                </c:pt>
                <c:pt idx="148">
                  <c:v>2354.5240000000003</c:v>
                </c:pt>
                <c:pt idx="149">
                  <c:v>2352.9780000000001</c:v>
                </c:pt>
                <c:pt idx="150">
                  <c:v>2337.165</c:v>
                </c:pt>
                <c:pt idx="151">
                  <c:v>2361.723</c:v>
                </c:pt>
                <c:pt idx="152">
                  <c:v>2352.7069999999999</c:v>
                </c:pt>
                <c:pt idx="153">
                  <c:v>2244.8560000000002</c:v>
                </c:pt>
                <c:pt idx="154">
                  <c:v>2303.8830000000007</c:v>
                </c:pt>
                <c:pt idx="155">
                  <c:v>2389.5620000000004</c:v>
                </c:pt>
                <c:pt idx="156">
                  <c:v>2392.442</c:v>
                </c:pt>
                <c:pt idx="157">
                  <c:v>2434.9719999999998</c:v>
                </c:pt>
                <c:pt idx="158">
                  <c:v>2450.6750000000002</c:v>
                </c:pt>
                <c:pt idx="159">
                  <c:v>2450.0300000000002</c:v>
                </c:pt>
                <c:pt idx="160">
                  <c:v>2449.6280000000002</c:v>
                </c:pt>
                <c:pt idx="161">
                  <c:v>2449.1440000000002</c:v>
                </c:pt>
                <c:pt idx="162">
                  <c:v>2462.9769999999999</c:v>
                </c:pt>
                <c:pt idx="163">
                  <c:v>2396.5600000000004</c:v>
                </c:pt>
                <c:pt idx="164">
                  <c:v>2396.96</c:v>
                </c:pt>
                <c:pt idx="165">
                  <c:v>2467.89</c:v>
                </c:pt>
                <c:pt idx="166">
                  <c:v>2462.0529999999999</c:v>
                </c:pt>
                <c:pt idx="167">
                  <c:v>2416.855</c:v>
                </c:pt>
                <c:pt idx="168">
                  <c:v>2462.2719999999999</c:v>
                </c:pt>
                <c:pt idx="169">
                  <c:v>2409.085</c:v>
                </c:pt>
                <c:pt idx="170">
                  <c:v>2418.3589999999999</c:v>
                </c:pt>
                <c:pt idx="171">
                  <c:v>2421.076</c:v>
                </c:pt>
                <c:pt idx="172">
                  <c:v>2419.4060000000004</c:v>
                </c:pt>
                <c:pt idx="173">
                  <c:v>2419.134</c:v>
                </c:pt>
                <c:pt idx="174">
                  <c:v>2417.4190000000003</c:v>
                </c:pt>
                <c:pt idx="175">
                  <c:v>2466.7940000000003</c:v>
                </c:pt>
                <c:pt idx="176">
                  <c:v>2490.3269999999998</c:v>
                </c:pt>
                <c:pt idx="177">
                  <c:v>2502.9349999999999</c:v>
                </c:pt>
                <c:pt idx="178">
                  <c:v>2605.3940000000002</c:v>
                </c:pt>
                <c:pt idx="179">
                  <c:v>2548.192</c:v>
                </c:pt>
                <c:pt idx="180">
                  <c:v>2483.768</c:v>
                </c:pt>
                <c:pt idx="181">
                  <c:v>2500.8490000000002</c:v>
                </c:pt>
                <c:pt idx="182">
                  <c:v>2489.2339999999999</c:v>
                </c:pt>
                <c:pt idx="183">
                  <c:v>2487.9520000000002</c:v>
                </c:pt>
                <c:pt idx="184">
                  <c:v>2488.5050000000001</c:v>
                </c:pt>
                <c:pt idx="185">
                  <c:v>2487.7240000000002</c:v>
                </c:pt>
                <c:pt idx="186">
                  <c:v>2488.5050000000006</c:v>
                </c:pt>
                <c:pt idx="187">
                  <c:v>2491.2200000000003</c:v>
                </c:pt>
                <c:pt idx="188">
                  <c:v>2439.2860000000005</c:v>
                </c:pt>
                <c:pt idx="189">
                  <c:v>2386.33</c:v>
                </c:pt>
                <c:pt idx="190">
                  <c:v>2327.203</c:v>
                </c:pt>
                <c:pt idx="191">
                  <c:v>2343.8159999999998</c:v>
                </c:pt>
                <c:pt idx="192">
                  <c:v>2309.7179999999998</c:v>
                </c:pt>
                <c:pt idx="193">
                  <c:v>2263.5630000000001</c:v>
                </c:pt>
                <c:pt idx="194">
                  <c:v>2232.4789999999998</c:v>
                </c:pt>
                <c:pt idx="195">
                  <c:v>2234.7760000000003</c:v>
                </c:pt>
                <c:pt idx="196">
                  <c:v>2235.5310000000004</c:v>
                </c:pt>
                <c:pt idx="197">
                  <c:v>2234.3510000000001</c:v>
                </c:pt>
                <c:pt idx="198">
                  <c:v>2233.3209999999999</c:v>
                </c:pt>
                <c:pt idx="199">
                  <c:v>2205.759</c:v>
                </c:pt>
                <c:pt idx="200">
                  <c:v>2230.3820000000001</c:v>
                </c:pt>
                <c:pt idx="201">
                  <c:v>2289.56</c:v>
                </c:pt>
                <c:pt idx="202">
                  <c:v>2322.232</c:v>
                </c:pt>
                <c:pt idx="203">
                  <c:v>2332.2829999999999</c:v>
                </c:pt>
                <c:pt idx="204">
                  <c:v>2404.2179999999998</c:v>
                </c:pt>
                <c:pt idx="205">
                  <c:v>2466.3489999999997</c:v>
                </c:pt>
                <c:pt idx="206">
                  <c:v>2471.6059999999998</c:v>
                </c:pt>
                <c:pt idx="207">
                  <c:v>2468.6549999999997</c:v>
                </c:pt>
                <c:pt idx="208">
                  <c:v>2466.2660000000005</c:v>
                </c:pt>
                <c:pt idx="209">
                  <c:v>2465.0330000000004</c:v>
                </c:pt>
                <c:pt idx="210">
                  <c:v>2463.7269999999999</c:v>
                </c:pt>
                <c:pt idx="211">
                  <c:v>2460.598</c:v>
                </c:pt>
                <c:pt idx="212">
                  <c:v>2418.9169999999999</c:v>
                </c:pt>
                <c:pt idx="213">
                  <c:v>2326.663</c:v>
                </c:pt>
              </c:numCache>
            </c:numRef>
          </c:val>
        </c:ser>
        <c:marker val="1"/>
        <c:axId val="46486656"/>
        <c:axId val="46488192"/>
      </c:lineChart>
      <c:dateAx>
        <c:axId val="46486656"/>
        <c:scaling>
          <c:orientation val="minMax"/>
        </c:scaling>
        <c:axPos val="b"/>
        <c:numFmt formatCode="mmm\-yy" sourceLinked="1"/>
        <c:tickLblPos val="nextTo"/>
        <c:crossAx val="46488192"/>
        <c:crosses val="autoZero"/>
        <c:auto val="1"/>
        <c:lblOffset val="100"/>
      </c:dateAx>
      <c:valAx>
        <c:axId val="46488192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85000"/>
                </a:sysClr>
              </a:solidFill>
            </a:ln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m3 per customer</a:t>
                </a:r>
              </a:p>
            </c:rich>
          </c:tx>
        </c:title>
        <c:numFmt formatCode="_-* #,##0_-;\-* #,##0_-;_-* &quot;-&quot;??_-;_-@_-" sourceLinked="1"/>
        <c:tickLblPos val="nextTo"/>
        <c:spPr>
          <a:ln>
            <a:solidFill>
              <a:schemeClr val="bg1">
                <a:lumMod val="85000"/>
              </a:schemeClr>
            </a:solidFill>
          </a:ln>
        </c:spPr>
        <c:crossAx val="46486656"/>
        <c:crosses val="autoZero"/>
        <c:crossBetween val="between"/>
      </c:valAx>
    </c:plotArea>
    <c:legend>
      <c:legendPos val="b"/>
    </c:legend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78" l="0.70000000000000062" r="0.70000000000000062" t="0.75000000000000178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tx>
        <c:rich>
          <a:bodyPr/>
          <a:lstStyle/>
          <a:p>
            <a:pPr algn="ctr" rtl="0">
              <a:defRPr/>
            </a:pPr>
            <a:r>
              <a:rPr lang="en-US"/>
              <a:t>Residential Usage Regression Residuals</a:t>
            </a:r>
          </a:p>
          <a:p>
            <a:pPr algn="ctr" rtl="0">
              <a:defRPr/>
            </a:pPr>
            <a:endParaRPr lang="en-US"/>
          </a:p>
        </c:rich>
      </c:tx>
    </c:title>
    <c:plotArea>
      <c:layout/>
      <c:lineChart>
        <c:grouping val="standard"/>
        <c:ser>
          <c:idx val="0"/>
          <c:order val="0"/>
          <c:tx>
            <c:strRef>
              <c:f>'Residential USE Regn South'!$D$47</c:f>
              <c:strCache>
                <c:ptCount val="1"/>
                <c:pt idx="0">
                  <c:v>Residuals</c:v>
                </c:pt>
              </c:strCache>
            </c:strRef>
          </c:tx>
          <c:spPr>
            <a:ln>
              <a:noFill/>
            </a:ln>
          </c:spPr>
          <c:marker>
            <c:symbol val="circle"/>
            <c:size val="6"/>
          </c:marker>
          <c:cat>
            <c:numRef>
              <c:f>'Residential USE Regn South'!$A$48:$A$272</c:f>
              <c:numCache>
                <c:formatCode>mmm\-yy</c:formatCode>
                <c:ptCount val="225"/>
                <c:pt idx="0">
                  <c:v>34060</c:v>
                </c:pt>
                <c:pt idx="1">
                  <c:v>34090</c:v>
                </c:pt>
                <c:pt idx="2">
                  <c:v>34121</c:v>
                </c:pt>
                <c:pt idx="3">
                  <c:v>34151</c:v>
                </c:pt>
                <c:pt idx="4">
                  <c:v>34182</c:v>
                </c:pt>
                <c:pt idx="5">
                  <c:v>34213</c:v>
                </c:pt>
                <c:pt idx="6">
                  <c:v>34243</c:v>
                </c:pt>
                <c:pt idx="7">
                  <c:v>34274</c:v>
                </c:pt>
                <c:pt idx="8">
                  <c:v>34304</c:v>
                </c:pt>
                <c:pt idx="9">
                  <c:v>34335</c:v>
                </c:pt>
                <c:pt idx="10">
                  <c:v>34366</c:v>
                </c:pt>
                <c:pt idx="11">
                  <c:v>34394</c:v>
                </c:pt>
                <c:pt idx="12">
                  <c:v>34425</c:v>
                </c:pt>
                <c:pt idx="13">
                  <c:v>34455</c:v>
                </c:pt>
                <c:pt idx="14">
                  <c:v>34486</c:v>
                </c:pt>
                <c:pt idx="15">
                  <c:v>34516</c:v>
                </c:pt>
                <c:pt idx="16">
                  <c:v>34547</c:v>
                </c:pt>
                <c:pt idx="17">
                  <c:v>34578</c:v>
                </c:pt>
                <c:pt idx="18">
                  <c:v>34608</c:v>
                </c:pt>
                <c:pt idx="19">
                  <c:v>34639</c:v>
                </c:pt>
                <c:pt idx="20">
                  <c:v>34669</c:v>
                </c:pt>
                <c:pt idx="21">
                  <c:v>34700</c:v>
                </c:pt>
                <c:pt idx="22">
                  <c:v>34731</c:v>
                </c:pt>
                <c:pt idx="23">
                  <c:v>34759</c:v>
                </c:pt>
                <c:pt idx="24">
                  <c:v>34790</c:v>
                </c:pt>
                <c:pt idx="25">
                  <c:v>34820</c:v>
                </c:pt>
                <c:pt idx="26">
                  <c:v>34851</c:v>
                </c:pt>
                <c:pt idx="27">
                  <c:v>34881</c:v>
                </c:pt>
                <c:pt idx="28">
                  <c:v>34912</c:v>
                </c:pt>
                <c:pt idx="29">
                  <c:v>34943</c:v>
                </c:pt>
                <c:pt idx="30">
                  <c:v>34973</c:v>
                </c:pt>
                <c:pt idx="31">
                  <c:v>35004</c:v>
                </c:pt>
                <c:pt idx="32">
                  <c:v>35034</c:v>
                </c:pt>
                <c:pt idx="33">
                  <c:v>35065</c:v>
                </c:pt>
                <c:pt idx="34">
                  <c:v>35096</c:v>
                </c:pt>
                <c:pt idx="35">
                  <c:v>35125</c:v>
                </c:pt>
                <c:pt idx="36">
                  <c:v>35156</c:v>
                </c:pt>
                <c:pt idx="37">
                  <c:v>35186</c:v>
                </c:pt>
                <c:pt idx="38">
                  <c:v>35217</c:v>
                </c:pt>
                <c:pt idx="39">
                  <c:v>35247</c:v>
                </c:pt>
                <c:pt idx="40">
                  <c:v>35278</c:v>
                </c:pt>
                <c:pt idx="41">
                  <c:v>35309</c:v>
                </c:pt>
                <c:pt idx="42">
                  <c:v>35339</c:v>
                </c:pt>
                <c:pt idx="43">
                  <c:v>35370</c:v>
                </c:pt>
                <c:pt idx="44">
                  <c:v>35400</c:v>
                </c:pt>
                <c:pt idx="45">
                  <c:v>35431</c:v>
                </c:pt>
                <c:pt idx="46">
                  <c:v>35462</c:v>
                </c:pt>
                <c:pt idx="47">
                  <c:v>35490</c:v>
                </c:pt>
                <c:pt idx="48">
                  <c:v>35521</c:v>
                </c:pt>
                <c:pt idx="49">
                  <c:v>35551</c:v>
                </c:pt>
                <c:pt idx="50">
                  <c:v>35582</c:v>
                </c:pt>
                <c:pt idx="51">
                  <c:v>35612</c:v>
                </c:pt>
                <c:pt idx="52">
                  <c:v>35643</c:v>
                </c:pt>
                <c:pt idx="53">
                  <c:v>35674</c:v>
                </c:pt>
                <c:pt idx="54">
                  <c:v>35704</c:v>
                </c:pt>
                <c:pt idx="55">
                  <c:v>35735</c:v>
                </c:pt>
                <c:pt idx="56">
                  <c:v>35765</c:v>
                </c:pt>
                <c:pt idx="57">
                  <c:v>35796</c:v>
                </c:pt>
                <c:pt idx="58">
                  <c:v>35827</c:v>
                </c:pt>
                <c:pt idx="59">
                  <c:v>35855</c:v>
                </c:pt>
                <c:pt idx="60">
                  <c:v>35886</c:v>
                </c:pt>
                <c:pt idx="61">
                  <c:v>35916</c:v>
                </c:pt>
                <c:pt idx="62">
                  <c:v>35947</c:v>
                </c:pt>
                <c:pt idx="63">
                  <c:v>35977</c:v>
                </c:pt>
                <c:pt idx="64">
                  <c:v>36008</c:v>
                </c:pt>
                <c:pt idx="65">
                  <c:v>36039</c:v>
                </c:pt>
                <c:pt idx="66">
                  <c:v>36069</c:v>
                </c:pt>
                <c:pt idx="67">
                  <c:v>36100</c:v>
                </c:pt>
                <c:pt idx="68">
                  <c:v>36130</c:v>
                </c:pt>
                <c:pt idx="69">
                  <c:v>36161</c:v>
                </c:pt>
                <c:pt idx="70">
                  <c:v>36192</c:v>
                </c:pt>
                <c:pt idx="71">
                  <c:v>36220</c:v>
                </c:pt>
                <c:pt idx="72">
                  <c:v>36251</c:v>
                </c:pt>
                <c:pt idx="73">
                  <c:v>36281</c:v>
                </c:pt>
                <c:pt idx="74">
                  <c:v>36312</c:v>
                </c:pt>
                <c:pt idx="75">
                  <c:v>36342</c:v>
                </c:pt>
                <c:pt idx="76">
                  <c:v>36373</c:v>
                </c:pt>
                <c:pt idx="77">
                  <c:v>36404</c:v>
                </c:pt>
                <c:pt idx="78">
                  <c:v>36434</c:v>
                </c:pt>
                <c:pt idx="79">
                  <c:v>36465</c:v>
                </c:pt>
                <c:pt idx="80">
                  <c:v>36495</c:v>
                </c:pt>
                <c:pt idx="81">
                  <c:v>36526</c:v>
                </c:pt>
                <c:pt idx="82">
                  <c:v>36557</c:v>
                </c:pt>
                <c:pt idx="83">
                  <c:v>36586</c:v>
                </c:pt>
                <c:pt idx="84">
                  <c:v>36617</c:v>
                </c:pt>
                <c:pt idx="85">
                  <c:v>36647</c:v>
                </c:pt>
                <c:pt idx="86">
                  <c:v>36678</c:v>
                </c:pt>
                <c:pt idx="87">
                  <c:v>36708</c:v>
                </c:pt>
                <c:pt idx="88">
                  <c:v>36739</c:v>
                </c:pt>
                <c:pt idx="89">
                  <c:v>36770</c:v>
                </c:pt>
                <c:pt idx="90">
                  <c:v>36800</c:v>
                </c:pt>
                <c:pt idx="91">
                  <c:v>36831</c:v>
                </c:pt>
                <c:pt idx="92">
                  <c:v>36861</c:v>
                </c:pt>
                <c:pt idx="93">
                  <c:v>36892</c:v>
                </c:pt>
                <c:pt idx="94">
                  <c:v>36923</c:v>
                </c:pt>
                <c:pt idx="95">
                  <c:v>36951</c:v>
                </c:pt>
                <c:pt idx="96">
                  <c:v>36982</c:v>
                </c:pt>
                <c:pt idx="97">
                  <c:v>37012</c:v>
                </c:pt>
                <c:pt idx="98">
                  <c:v>37043</c:v>
                </c:pt>
                <c:pt idx="99">
                  <c:v>37073</c:v>
                </c:pt>
                <c:pt idx="100">
                  <c:v>37104</c:v>
                </c:pt>
                <c:pt idx="101">
                  <c:v>37135</c:v>
                </c:pt>
                <c:pt idx="102">
                  <c:v>37165</c:v>
                </c:pt>
                <c:pt idx="103">
                  <c:v>37196</c:v>
                </c:pt>
                <c:pt idx="104">
                  <c:v>37226</c:v>
                </c:pt>
                <c:pt idx="105">
                  <c:v>37257</c:v>
                </c:pt>
                <c:pt idx="106">
                  <c:v>37288</c:v>
                </c:pt>
                <c:pt idx="107">
                  <c:v>37316</c:v>
                </c:pt>
                <c:pt idx="108">
                  <c:v>37347</c:v>
                </c:pt>
                <c:pt idx="109">
                  <c:v>37377</c:v>
                </c:pt>
                <c:pt idx="110">
                  <c:v>37408</c:v>
                </c:pt>
                <c:pt idx="111">
                  <c:v>37438</c:v>
                </c:pt>
                <c:pt idx="112">
                  <c:v>37469</c:v>
                </c:pt>
                <c:pt idx="113">
                  <c:v>37500</c:v>
                </c:pt>
                <c:pt idx="114">
                  <c:v>37530</c:v>
                </c:pt>
                <c:pt idx="115">
                  <c:v>37561</c:v>
                </c:pt>
                <c:pt idx="116">
                  <c:v>37591</c:v>
                </c:pt>
                <c:pt idx="117">
                  <c:v>37622</c:v>
                </c:pt>
                <c:pt idx="118">
                  <c:v>37653</c:v>
                </c:pt>
                <c:pt idx="119">
                  <c:v>37681</c:v>
                </c:pt>
                <c:pt idx="120">
                  <c:v>37712</c:v>
                </c:pt>
                <c:pt idx="121">
                  <c:v>37742</c:v>
                </c:pt>
                <c:pt idx="122">
                  <c:v>37773</c:v>
                </c:pt>
                <c:pt idx="123">
                  <c:v>37803</c:v>
                </c:pt>
                <c:pt idx="124">
                  <c:v>37834</c:v>
                </c:pt>
                <c:pt idx="125">
                  <c:v>37865</c:v>
                </c:pt>
                <c:pt idx="126">
                  <c:v>37895</c:v>
                </c:pt>
                <c:pt idx="127">
                  <c:v>37926</c:v>
                </c:pt>
                <c:pt idx="128">
                  <c:v>37956</c:v>
                </c:pt>
                <c:pt idx="129">
                  <c:v>37987</c:v>
                </c:pt>
                <c:pt idx="130">
                  <c:v>38018</c:v>
                </c:pt>
                <c:pt idx="131">
                  <c:v>38047</c:v>
                </c:pt>
                <c:pt idx="132">
                  <c:v>38078</c:v>
                </c:pt>
                <c:pt idx="133">
                  <c:v>38108</c:v>
                </c:pt>
                <c:pt idx="134">
                  <c:v>38139</c:v>
                </c:pt>
                <c:pt idx="135">
                  <c:v>38169</c:v>
                </c:pt>
                <c:pt idx="136">
                  <c:v>38200</c:v>
                </c:pt>
                <c:pt idx="137">
                  <c:v>38231</c:v>
                </c:pt>
                <c:pt idx="138">
                  <c:v>38261</c:v>
                </c:pt>
                <c:pt idx="139">
                  <c:v>38292</c:v>
                </c:pt>
                <c:pt idx="140">
                  <c:v>38322</c:v>
                </c:pt>
                <c:pt idx="141">
                  <c:v>38353</c:v>
                </c:pt>
                <c:pt idx="142">
                  <c:v>38384</c:v>
                </c:pt>
                <c:pt idx="143">
                  <c:v>38412</c:v>
                </c:pt>
                <c:pt idx="144">
                  <c:v>38443</c:v>
                </c:pt>
                <c:pt idx="145">
                  <c:v>38473</c:v>
                </c:pt>
                <c:pt idx="146">
                  <c:v>38504</c:v>
                </c:pt>
                <c:pt idx="147">
                  <c:v>38534</c:v>
                </c:pt>
                <c:pt idx="148">
                  <c:v>38565</c:v>
                </c:pt>
                <c:pt idx="149">
                  <c:v>38596</c:v>
                </c:pt>
                <c:pt idx="150">
                  <c:v>38626</c:v>
                </c:pt>
                <c:pt idx="151">
                  <c:v>38657</c:v>
                </c:pt>
                <c:pt idx="152">
                  <c:v>38687</c:v>
                </c:pt>
                <c:pt idx="153">
                  <c:v>38718</c:v>
                </c:pt>
                <c:pt idx="154">
                  <c:v>38749</c:v>
                </c:pt>
                <c:pt idx="155">
                  <c:v>38777</c:v>
                </c:pt>
                <c:pt idx="156">
                  <c:v>38808</c:v>
                </c:pt>
                <c:pt idx="157">
                  <c:v>38838</c:v>
                </c:pt>
                <c:pt idx="158">
                  <c:v>38869</c:v>
                </c:pt>
                <c:pt idx="159">
                  <c:v>38899</c:v>
                </c:pt>
                <c:pt idx="160">
                  <c:v>38930</c:v>
                </c:pt>
                <c:pt idx="161">
                  <c:v>38961</c:v>
                </c:pt>
                <c:pt idx="162">
                  <c:v>38991</c:v>
                </c:pt>
                <c:pt idx="163">
                  <c:v>39022</c:v>
                </c:pt>
                <c:pt idx="164">
                  <c:v>39052</c:v>
                </c:pt>
                <c:pt idx="165">
                  <c:v>39083</c:v>
                </c:pt>
                <c:pt idx="166">
                  <c:v>39114</c:v>
                </c:pt>
                <c:pt idx="167">
                  <c:v>39142</c:v>
                </c:pt>
                <c:pt idx="168">
                  <c:v>39173</c:v>
                </c:pt>
                <c:pt idx="169">
                  <c:v>39203</c:v>
                </c:pt>
                <c:pt idx="170">
                  <c:v>39234</c:v>
                </c:pt>
                <c:pt idx="171">
                  <c:v>39264</c:v>
                </c:pt>
                <c:pt idx="172">
                  <c:v>39295</c:v>
                </c:pt>
                <c:pt idx="173">
                  <c:v>39326</c:v>
                </c:pt>
                <c:pt idx="174">
                  <c:v>39356</c:v>
                </c:pt>
                <c:pt idx="175">
                  <c:v>39387</c:v>
                </c:pt>
                <c:pt idx="176">
                  <c:v>39417</c:v>
                </c:pt>
                <c:pt idx="177">
                  <c:v>39448</c:v>
                </c:pt>
                <c:pt idx="178">
                  <c:v>39479</c:v>
                </c:pt>
                <c:pt idx="179">
                  <c:v>39508</c:v>
                </c:pt>
                <c:pt idx="180">
                  <c:v>39539</c:v>
                </c:pt>
                <c:pt idx="181">
                  <c:v>39569</c:v>
                </c:pt>
                <c:pt idx="182">
                  <c:v>39600</c:v>
                </c:pt>
                <c:pt idx="183">
                  <c:v>39630</c:v>
                </c:pt>
                <c:pt idx="184">
                  <c:v>39661</c:v>
                </c:pt>
                <c:pt idx="185">
                  <c:v>39692</c:v>
                </c:pt>
                <c:pt idx="186">
                  <c:v>39722</c:v>
                </c:pt>
                <c:pt idx="187">
                  <c:v>39753</c:v>
                </c:pt>
                <c:pt idx="188">
                  <c:v>39783</c:v>
                </c:pt>
                <c:pt idx="189">
                  <c:v>39814</c:v>
                </c:pt>
                <c:pt idx="190">
                  <c:v>39845</c:v>
                </c:pt>
                <c:pt idx="191">
                  <c:v>39873</c:v>
                </c:pt>
                <c:pt idx="192">
                  <c:v>39904</c:v>
                </c:pt>
                <c:pt idx="193">
                  <c:v>39934</c:v>
                </c:pt>
                <c:pt idx="194">
                  <c:v>39965</c:v>
                </c:pt>
                <c:pt idx="195">
                  <c:v>39995</c:v>
                </c:pt>
                <c:pt idx="196">
                  <c:v>40026</c:v>
                </c:pt>
                <c:pt idx="197">
                  <c:v>40057</c:v>
                </c:pt>
                <c:pt idx="198">
                  <c:v>40087</c:v>
                </c:pt>
                <c:pt idx="199">
                  <c:v>40118</c:v>
                </c:pt>
                <c:pt idx="200">
                  <c:v>40148</c:v>
                </c:pt>
                <c:pt idx="201">
                  <c:v>40179</c:v>
                </c:pt>
                <c:pt idx="202">
                  <c:v>40210</c:v>
                </c:pt>
                <c:pt idx="203">
                  <c:v>40238</c:v>
                </c:pt>
                <c:pt idx="204">
                  <c:v>40269</c:v>
                </c:pt>
                <c:pt idx="205">
                  <c:v>40299</c:v>
                </c:pt>
                <c:pt idx="206">
                  <c:v>40330</c:v>
                </c:pt>
                <c:pt idx="207">
                  <c:v>40360</c:v>
                </c:pt>
                <c:pt idx="208">
                  <c:v>40391</c:v>
                </c:pt>
                <c:pt idx="209">
                  <c:v>40422</c:v>
                </c:pt>
                <c:pt idx="210">
                  <c:v>40452</c:v>
                </c:pt>
                <c:pt idx="211">
                  <c:v>40483</c:v>
                </c:pt>
                <c:pt idx="212">
                  <c:v>40513</c:v>
                </c:pt>
                <c:pt idx="213">
                  <c:v>40544</c:v>
                </c:pt>
                <c:pt idx="214">
                  <c:v>40575</c:v>
                </c:pt>
                <c:pt idx="215">
                  <c:v>40603</c:v>
                </c:pt>
                <c:pt idx="216">
                  <c:v>40634</c:v>
                </c:pt>
                <c:pt idx="217">
                  <c:v>40664</c:v>
                </c:pt>
                <c:pt idx="218">
                  <c:v>40695</c:v>
                </c:pt>
                <c:pt idx="219">
                  <c:v>40725</c:v>
                </c:pt>
                <c:pt idx="220">
                  <c:v>40756</c:v>
                </c:pt>
                <c:pt idx="221">
                  <c:v>40787</c:v>
                </c:pt>
                <c:pt idx="222">
                  <c:v>40817</c:v>
                </c:pt>
                <c:pt idx="223">
                  <c:v>40848</c:v>
                </c:pt>
                <c:pt idx="224">
                  <c:v>40878</c:v>
                </c:pt>
              </c:numCache>
            </c:numRef>
          </c:cat>
          <c:val>
            <c:numRef>
              <c:f>'Residential USE Regn South'!$D$48:$D$272</c:f>
              <c:numCache>
                <c:formatCode>#,##0.0_ ;[Red]\-#,##0.0\ </c:formatCode>
                <c:ptCount val="225"/>
                <c:pt idx="0">
                  <c:v>-0.48200000000002774</c:v>
                </c:pt>
                <c:pt idx="1">
                  <c:v>-18.960000000000008</c:v>
                </c:pt>
                <c:pt idx="2">
                  <c:v>-3.9180000000000064</c:v>
                </c:pt>
                <c:pt idx="3">
                  <c:v>-3.7630000000000052</c:v>
                </c:pt>
                <c:pt idx="4">
                  <c:v>-3.1380000000000052</c:v>
                </c:pt>
                <c:pt idx="5">
                  <c:v>-3.1439999999999912</c:v>
                </c:pt>
                <c:pt idx="6">
                  <c:v>5.8000000000000114</c:v>
                </c:pt>
                <c:pt idx="7">
                  <c:v>7.4849999999999568</c:v>
                </c:pt>
                <c:pt idx="8">
                  <c:v>6.1490000000000009</c:v>
                </c:pt>
                <c:pt idx="9">
                  <c:v>13.226999999999975</c:v>
                </c:pt>
                <c:pt idx="10">
                  <c:v>14.911999999999978</c:v>
                </c:pt>
                <c:pt idx="11">
                  <c:v>3.2590000000000146</c:v>
                </c:pt>
                <c:pt idx="12">
                  <c:v>4.9130000000000109</c:v>
                </c:pt>
                <c:pt idx="13">
                  <c:v>-14.988</c:v>
                </c:pt>
                <c:pt idx="14">
                  <c:v>-1.6580000000000013</c:v>
                </c:pt>
                <c:pt idx="15">
                  <c:v>-0.48100000000000875</c:v>
                </c:pt>
                <c:pt idx="16">
                  <c:v>-0.59799999999999898</c:v>
                </c:pt>
                <c:pt idx="17">
                  <c:v>11.448000000000008</c:v>
                </c:pt>
                <c:pt idx="18">
                  <c:v>-9.7059999999999889</c:v>
                </c:pt>
                <c:pt idx="19">
                  <c:v>0</c:v>
                </c:pt>
                <c:pt idx="20">
                  <c:v>-7.5319999999999823</c:v>
                </c:pt>
                <c:pt idx="21">
                  <c:v>-5.3770000000000095</c:v>
                </c:pt>
                <c:pt idx="22">
                  <c:v>13.327999999999975</c:v>
                </c:pt>
                <c:pt idx="23">
                  <c:v>2.9399999999999977</c:v>
                </c:pt>
                <c:pt idx="24">
                  <c:v>0.67000000000001592</c:v>
                </c:pt>
                <c:pt idx="25">
                  <c:v>-9.5349999999999966</c:v>
                </c:pt>
                <c:pt idx="26">
                  <c:v>-5.4170000000000016</c:v>
                </c:pt>
                <c:pt idx="27">
                  <c:v>-6.054000000000002</c:v>
                </c:pt>
                <c:pt idx="28">
                  <c:v>-5.4879999999999995</c:v>
                </c:pt>
                <c:pt idx="29">
                  <c:v>-5.4510000000000076</c:v>
                </c:pt>
                <c:pt idx="30">
                  <c:v>-12.935999999999979</c:v>
                </c:pt>
                <c:pt idx="31">
                  <c:v>13.734000000000037</c:v>
                </c:pt>
                <c:pt idx="32">
                  <c:v>26.947000000000003</c:v>
                </c:pt>
                <c:pt idx="33">
                  <c:v>-2.8650000000000091</c:v>
                </c:pt>
                <c:pt idx="34">
                  <c:v>30.714999999999975</c:v>
                </c:pt>
                <c:pt idx="35">
                  <c:v>0.77499999999997726</c:v>
                </c:pt>
                <c:pt idx="36">
                  <c:v>5.7989999999999782</c:v>
                </c:pt>
                <c:pt idx="37">
                  <c:v>3.9129999999999825</c:v>
                </c:pt>
                <c:pt idx="38">
                  <c:v>-1.4540000000000077</c:v>
                </c:pt>
                <c:pt idx="39">
                  <c:v>-0.9789999999999992</c:v>
                </c:pt>
                <c:pt idx="40">
                  <c:v>-1.4480000000000075</c:v>
                </c:pt>
                <c:pt idx="41">
                  <c:v>13.239999999999995</c:v>
                </c:pt>
                <c:pt idx="42">
                  <c:v>-1.1169999999999902</c:v>
                </c:pt>
                <c:pt idx="43">
                  <c:v>4.2410000000000423</c:v>
                </c:pt>
                <c:pt idx="44">
                  <c:v>5.6720000000000255</c:v>
                </c:pt>
                <c:pt idx="45">
                  <c:v>19.116999999999962</c:v>
                </c:pt>
                <c:pt idx="46">
                  <c:v>17.733000000000004</c:v>
                </c:pt>
                <c:pt idx="47">
                  <c:v>16.607000000000028</c:v>
                </c:pt>
                <c:pt idx="48">
                  <c:v>-0.42700000000002092</c:v>
                </c:pt>
                <c:pt idx="49">
                  <c:v>-7.6299999999999955</c:v>
                </c:pt>
                <c:pt idx="50">
                  <c:v>-0.5379999999999967</c:v>
                </c:pt>
                <c:pt idx="51">
                  <c:v>1.0220000000000056</c:v>
                </c:pt>
                <c:pt idx="52">
                  <c:v>-0.43899999999999295</c:v>
                </c:pt>
                <c:pt idx="53">
                  <c:v>13.442999999999998</c:v>
                </c:pt>
                <c:pt idx="54">
                  <c:v>-0.54699999999999704</c:v>
                </c:pt>
                <c:pt idx="55">
                  <c:v>-1.992999999999995</c:v>
                </c:pt>
                <c:pt idx="56">
                  <c:v>-3.2950000000000159</c:v>
                </c:pt>
                <c:pt idx="57">
                  <c:v>7.8239999999999554</c:v>
                </c:pt>
                <c:pt idx="58">
                  <c:v>3.1490000000000009</c:v>
                </c:pt>
                <c:pt idx="59">
                  <c:v>14.791999999999973</c:v>
                </c:pt>
                <c:pt idx="60">
                  <c:v>-8.0960000000000036</c:v>
                </c:pt>
                <c:pt idx="61">
                  <c:v>-5.4860000000000042</c:v>
                </c:pt>
                <c:pt idx="62">
                  <c:v>-3.4980000000000047</c:v>
                </c:pt>
                <c:pt idx="63">
                  <c:v>-3.6200000000000045</c:v>
                </c:pt>
                <c:pt idx="64">
                  <c:v>-1.2130000000000081</c:v>
                </c:pt>
                <c:pt idx="65">
                  <c:v>-1.0349999999999966</c:v>
                </c:pt>
                <c:pt idx="66">
                  <c:v>-9.0829999999999984</c:v>
                </c:pt>
                <c:pt idx="67">
                  <c:v>-15.405999999999977</c:v>
                </c:pt>
                <c:pt idx="68">
                  <c:v>-19.680999999999983</c:v>
                </c:pt>
                <c:pt idx="69">
                  <c:v>7.76400000000001</c:v>
                </c:pt>
                <c:pt idx="70">
                  <c:v>9.3160000000000309</c:v>
                </c:pt>
                <c:pt idx="71">
                  <c:v>-0.23799999999999955</c:v>
                </c:pt>
                <c:pt idx="72">
                  <c:v>-10.240000000000009</c:v>
                </c:pt>
                <c:pt idx="73">
                  <c:v>-2.1270000000000095</c:v>
                </c:pt>
                <c:pt idx="74">
                  <c:v>-4.8889999999999958</c:v>
                </c:pt>
                <c:pt idx="75">
                  <c:v>-4.7289999999999992</c:v>
                </c:pt>
                <c:pt idx="76">
                  <c:v>-3.4099999999999966</c:v>
                </c:pt>
                <c:pt idx="77">
                  <c:v>1.0379999999999967</c:v>
                </c:pt>
                <c:pt idx="78">
                  <c:v>14.674999999999983</c:v>
                </c:pt>
                <c:pt idx="79">
                  <c:v>-19.069000000000017</c:v>
                </c:pt>
                <c:pt idx="80">
                  <c:v>-1.6820000000000164</c:v>
                </c:pt>
                <c:pt idx="81">
                  <c:v>6.3760000000000332</c:v>
                </c:pt>
                <c:pt idx="82">
                  <c:v>6.3760000000000332</c:v>
                </c:pt>
                <c:pt idx="83">
                  <c:v>-9.9490000000000123</c:v>
                </c:pt>
                <c:pt idx="84">
                  <c:v>0.80900000000002592</c:v>
                </c:pt>
                <c:pt idx="85">
                  <c:v>5.4380000000000024</c:v>
                </c:pt>
                <c:pt idx="86">
                  <c:v>3.9470000000000027</c:v>
                </c:pt>
                <c:pt idx="87">
                  <c:v>3.4380000000000024</c:v>
                </c:pt>
                <c:pt idx="88">
                  <c:v>4.2360000000000042</c:v>
                </c:pt>
                <c:pt idx="89">
                  <c:v>1.1530000000000058</c:v>
                </c:pt>
                <c:pt idx="90">
                  <c:v>17.75800000000001</c:v>
                </c:pt>
                <c:pt idx="91">
                  <c:v>-32.050000000000011</c:v>
                </c:pt>
                <c:pt idx="92">
                  <c:v>4.1709999999999923</c:v>
                </c:pt>
                <c:pt idx="93">
                  <c:v>0.22100000000000364</c:v>
                </c:pt>
                <c:pt idx="94">
                  <c:v>9.7930000000000064</c:v>
                </c:pt>
                <c:pt idx="95">
                  <c:v>8.0810000000000173</c:v>
                </c:pt>
                <c:pt idx="96">
                  <c:v>-0.19600000000002638</c:v>
                </c:pt>
                <c:pt idx="97">
                  <c:v>9.3010000000000019</c:v>
                </c:pt>
                <c:pt idx="98">
                  <c:v>1.1670000000000016</c:v>
                </c:pt>
                <c:pt idx="99">
                  <c:v>-1.2090000000000032</c:v>
                </c:pt>
                <c:pt idx="100">
                  <c:v>-1.6890000000000001</c:v>
                </c:pt>
                <c:pt idx="101">
                  <c:v>-0.62000000000000455</c:v>
                </c:pt>
                <c:pt idx="102">
                  <c:v>-0.46200000000001751</c:v>
                </c:pt>
                <c:pt idx="103">
                  <c:v>-3.3230000000000075</c:v>
                </c:pt>
                <c:pt idx="104">
                  <c:v>-16.728000000000009</c:v>
                </c:pt>
                <c:pt idx="105">
                  <c:v>3.9490000000000123</c:v>
                </c:pt>
                <c:pt idx="106">
                  <c:v>21.942999999999984</c:v>
                </c:pt>
                <c:pt idx="107">
                  <c:v>-9.36099999999999</c:v>
                </c:pt>
                <c:pt idx="108">
                  <c:v>-6.3299999999999841</c:v>
                </c:pt>
                <c:pt idx="109">
                  <c:v>9.914999999999992</c:v>
                </c:pt>
                <c:pt idx="110">
                  <c:v>3.6039999999999992</c:v>
                </c:pt>
                <c:pt idx="111">
                  <c:v>5.4589999999999961</c:v>
                </c:pt>
                <c:pt idx="112">
                  <c:v>3.9699999999999989</c:v>
                </c:pt>
                <c:pt idx="113">
                  <c:v>-9.9750000000000085</c:v>
                </c:pt>
                <c:pt idx="114">
                  <c:v>-5.9739999999999895</c:v>
                </c:pt>
                <c:pt idx="115">
                  <c:v>-3.2479999999999905</c:v>
                </c:pt>
                <c:pt idx="116">
                  <c:v>-4.9679999999999609</c:v>
                </c:pt>
                <c:pt idx="117">
                  <c:v>13.233000000000061</c:v>
                </c:pt>
                <c:pt idx="118">
                  <c:v>0.3930000000000291</c:v>
                </c:pt>
                <c:pt idx="119">
                  <c:v>-7.9470000000000027</c:v>
                </c:pt>
                <c:pt idx="120">
                  <c:v>-5.3019999999999925</c:v>
                </c:pt>
                <c:pt idx="121">
                  <c:v>-9.0239999999999725</c:v>
                </c:pt>
                <c:pt idx="122">
                  <c:v>6.6089999999999947</c:v>
                </c:pt>
                <c:pt idx="123">
                  <c:v>5.7710000000000008</c:v>
                </c:pt>
                <c:pt idx="124">
                  <c:v>3.8350000000000009</c:v>
                </c:pt>
                <c:pt idx="125">
                  <c:v>2.7669999999999959</c:v>
                </c:pt>
                <c:pt idx="126">
                  <c:v>2.242999999999995</c:v>
                </c:pt>
                <c:pt idx="127">
                  <c:v>3.2680000000000007</c:v>
                </c:pt>
                <c:pt idx="128">
                  <c:v>9.9729999999999563</c:v>
                </c:pt>
                <c:pt idx="129">
                  <c:v>-3.4759999999999991</c:v>
                </c:pt>
                <c:pt idx="130">
                  <c:v>-6.2330000000000041</c:v>
                </c:pt>
                <c:pt idx="131">
                  <c:v>-7.1639999999999873</c:v>
                </c:pt>
                <c:pt idx="132">
                  <c:v>1.025999999999982</c:v>
                </c:pt>
                <c:pt idx="133">
                  <c:v>1.5100000000000051</c:v>
                </c:pt>
                <c:pt idx="134">
                  <c:v>1.3500000000000014</c:v>
                </c:pt>
                <c:pt idx="135">
                  <c:v>9.0000000000003411E-3</c:v>
                </c:pt>
                <c:pt idx="136">
                  <c:v>-1.0200000000000031</c:v>
                </c:pt>
                <c:pt idx="137">
                  <c:v>5.8659999999999997</c:v>
                </c:pt>
                <c:pt idx="138">
                  <c:v>-10.094999999999999</c:v>
                </c:pt>
                <c:pt idx="139">
                  <c:v>-10.84699999999998</c:v>
                </c:pt>
                <c:pt idx="140">
                  <c:v>-6.7030000000000314</c:v>
                </c:pt>
                <c:pt idx="141">
                  <c:v>-17.199000000000012</c:v>
                </c:pt>
                <c:pt idx="142">
                  <c:v>-9.09699999999998</c:v>
                </c:pt>
                <c:pt idx="143">
                  <c:v>-9.09699999999998</c:v>
                </c:pt>
                <c:pt idx="144">
                  <c:v>0.26200000000000045</c:v>
                </c:pt>
                <c:pt idx="145">
                  <c:v>4.9510000000000076</c:v>
                </c:pt>
                <c:pt idx="146">
                  <c:v>-0.30700000000000216</c:v>
                </c:pt>
                <c:pt idx="147">
                  <c:v>-0.17900000000000205</c:v>
                </c:pt>
                <c:pt idx="148">
                  <c:v>-1.3100000000000023</c:v>
                </c:pt>
                <c:pt idx="149">
                  <c:v>-8.0770000000000053</c:v>
                </c:pt>
                <c:pt idx="150">
                  <c:v>-5.8970000000000056</c:v>
                </c:pt>
                <c:pt idx="151">
                  <c:v>-12.847000000000008</c:v>
                </c:pt>
                <c:pt idx="152">
                  <c:v>-0.83300000000002683</c:v>
                </c:pt>
                <c:pt idx="153">
                  <c:v>-1.9519999999999982</c:v>
                </c:pt>
                <c:pt idx="154">
                  <c:v>3.3369999999999891</c:v>
                </c:pt>
                <c:pt idx="155">
                  <c:v>-4.2900000000000205</c:v>
                </c:pt>
                <c:pt idx="156">
                  <c:v>11.537999999999982</c:v>
                </c:pt>
                <c:pt idx="157">
                  <c:v>3.583999999999989</c:v>
                </c:pt>
                <c:pt idx="158">
                  <c:v>2.2479999999999976</c:v>
                </c:pt>
                <c:pt idx="159">
                  <c:v>7.4999999999995737E-2</c:v>
                </c:pt>
                <c:pt idx="160">
                  <c:v>0.21899999999999409</c:v>
                </c:pt>
                <c:pt idx="161">
                  <c:v>10.819000000000003</c:v>
                </c:pt>
                <c:pt idx="162">
                  <c:v>-5.3739999999999952</c:v>
                </c:pt>
                <c:pt idx="163">
                  <c:v>4.2540000000000191</c:v>
                </c:pt>
                <c:pt idx="164">
                  <c:v>8.1309999999999718</c:v>
                </c:pt>
                <c:pt idx="165">
                  <c:v>-16.607000000000028</c:v>
                </c:pt>
                <c:pt idx="166">
                  <c:v>-13.149000000000001</c:v>
                </c:pt>
                <c:pt idx="167">
                  <c:v>3.1859999999999786</c:v>
                </c:pt>
                <c:pt idx="168">
                  <c:v>12.801999999999992</c:v>
                </c:pt>
                <c:pt idx="169">
                  <c:v>0</c:v>
                </c:pt>
                <c:pt idx="170">
                  <c:v>3.9579999999999984</c:v>
                </c:pt>
                <c:pt idx="171">
                  <c:v>1.5420000000000016</c:v>
                </c:pt>
                <c:pt idx="172">
                  <c:v>1.7680000000000007</c:v>
                </c:pt>
                <c:pt idx="173">
                  <c:v>-5.2849999999999966</c:v>
                </c:pt>
                <c:pt idx="174">
                  <c:v>10.221999999999994</c:v>
                </c:pt>
                <c:pt idx="175">
                  <c:v>0</c:v>
                </c:pt>
                <c:pt idx="176">
                  <c:v>6.7719999999999914</c:v>
                </c:pt>
                <c:pt idx="177">
                  <c:v>10.093999999999994</c:v>
                </c:pt>
                <c:pt idx="178">
                  <c:v>-7.075999999999965</c:v>
                </c:pt>
                <c:pt idx="179">
                  <c:v>7.4190000000000396</c:v>
                </c:pt>
                <c:pt idx="180">
                  <c:v>-9.1329999999999814</c:v>
                </c:pt>
                <c:pt idx="181">
                  <c:v>3.7920000000000016</c:v>
                </c:pt>
                <c:pt idx="182">
                  <c:v>-2.8670000000000044</c:v>
                </c:pt>
                <c:pt idx="183">
                  <c:v>-0.8960000000000008</c:v>
                </c:pt>
                <c:pt idx="184">
                  <c:v>-2.0680000000000049</c:v>
                </c:pt>
                <c:pt idx="185">
                  <c:v>-6.1540000000000035</c:v>
                </c:pt>
                <c:pt idx="186">
                  <c:v>-6.4110000000000014</c:v>
                </c:pt>
                <c:pt idx="187">
                  <c:v>9.0539999999999736</c:v>
                </c:pt>
                <c:pt idx="188">
                  <c:v>8.6299999999999955</c:v>
                </c:pt>
                <c:pt idx="189">
                  <c:v>-11.26600000000002</c:v>
                </c:pt>
                <c:pt idx="190">
                  <c:v>-9.0279999999999632</c:v>
                </c:pt>
                <c:pt idx="191">
                  <c:v>11.317999999999984</c:v>
                </c:pt>
                <c:pt idx="192">
                  <c:v>8.8839999999999861</c:v>
                </c:pt>
                <c:pt idx="193">
                  <c:v>0</c:v>
                </c:pt>
                <c:pt idx="194">
                  <c:v>1.2469999999999999</c:v>
                </c:pt>
                <c:pt idx="195">
                  <c:v>1.3829999999999956</c:v>
                </c:pt>
                <c:pt idx="196">
                  <c:v>1.5449999999999946</c:v>
                </c:pt>
                <c:pt idx="197">
                  <c:v>-4.0930000000000035</c:v>
                </c:pt>
                <c:pt idx="198">
                  <c:v>11.45999999999998</c:v>
                </c:pt>
                <c:pt idx="199">
                  <c:v>2.5010000000000048</c:v>
                </c:pt>
                <c:pt idx="200">
                  <c:v>0</c:v>
                </c:pt>
                <c:pt idx="201">
                  <c:v>3.7369999999999663</c:v>
                </c:pt>
                <c:pt idx="202">
                  <c:v>-15.438999999999965</c:v>
                </c:pt>
                <c:pt idx="203">
                  <c:v>-14.057000000000016</c:v>
                </c:pt>
                <c:pt idx="204">
                  <c:v>5.8479999999999848</c:v>
                </c:pt>
                <c:pt idx="205">
                  <c:v>5.472999999999999</c:v>
                </c:pt>
                <c:pt idx="206">
                  <c:v>-1.1400000000000006</c:v>
                </c:pt>
                <c:pt idx="207">
                  <c:v>0.53800000000000381</c:v>
                </c:pt>
                <c:pt idx="208">
                  <c:v>2.6350000000000051</c:v>
                </c:pt>
                <c:pt idx="209">
                  <c:v>-6.4669999999999987</c:v>
                </c:pt>
                <c:pt idx="210">
                  <c:v>8.1770000000000067</c:v>
                </c:pt>
                <c:pt idx="211">
                  <c:v>-0.67199999999999704</c:v>
                </c:pt>
                <c:pt idx="212">
                  <c:v>0.22699999999997544</c:v>
                </c:pt>
                <c:pt idx="213">
                  <c:v>-26.55699999999996</c:v>
                </c:pt>
                <c:pt idx="214">
                  <c:v>-15.654999999999973</c:v>
                </c:pt>
                <c:pt idx="215">
                  <c:v>-9.2330000000000041</c:v>
                </c:pt>
                <c:pt idx="216">
                  <c:v>-13.26400000000001</c:v>
                </c:pt>
                <c:pt idx="217">
                  <c:v>29.86099999999999</c:v>
                </c:pt>
                <c:pt idx="218">
                  <c:v>1.5579999999999998</c:v>
                </c:pt>
                <c:pt idx="219">
                  <c:v>2.6739999999999995</c:v>
                </c:pt>
                <c:pt idx="220">
                  <c:v>3.615000000000002</c:v>
                </c:pt>
                <c:pt idx="221">
                  <c:v>-6.7140000000000057</c:v>
                </c:pt>
                <c:pt idx="222">
                  <c:v>14.066000000000003</c:v>
                </c:pt>
                <c:pt idx="223">
                  <c:v>16.311000000000007</c:v>
                </c:pt>
                <c:pt idx="224">
                  <c:v>7.4490000000000123</c:v>
                </c:pt>
              </c:numCache>
            </c:numRef>
          </c:val>
        </c:ser>
        <c:marker val="1"/>
        <c:axId val="46508672"/>
        <c:axId val="46608768"/>
      </c:lineChart>
      <c:dateAx>
        <c:axId val="46508672"/>
        <c:scaling>
          <c:orientation val="minMax"/>
        </c:scaling>
        <c:axPos val="b"/>
        <c:numFmt formatCode="mmm\-yy" sourceLinked="1"/>
        <c:tickLblPos val="nextTo"/>
        <c:crossAx val="46608768"/>
        <c:crosses val="autoZero"/>
        <c:auto val="1"/>
        <c:lblOffset val="100"/>
      </c:dateAx>
      <c:valAx>
        <c:axId val="46608768"/>
        <c:scaling>
          <c:orientation val="minMax"/>
        </c:scaling>
        <c:axPos val="l"/>
        <c:majorGridlines/>
        <c:numFmt formatCode="#,##0.0_ ;[Red]\-#,##0.0\ " sourceLinked="1"/>
        <c:tickLblPos val="nextTo"/>
        <c:crossAx val="46508672"/>
        <c:crosses val="autoZero"/>
        <c:crossBetween val="between"/>
      </c:valAx>
    </c:plotArea>
    <c:plotVisOnly val="1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printSettings>
    <c:headerFooter/>
    <c:pageMargins b="0.75000000000000111" l="0.70000000000000062" r="0.70000000000000062" t="0.75000000000000111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.xml"/><Relationship Id="rId2" Type="http://schemas.openxmlformats.org/officeDocument/2006/relationships/chart" Target="../charts/chart5.xml"/><Relationship Id="rId1" Type="http://schemas.openxmlformats.org/officeDocument/2006/relationships/chart" Target="../charts/chart4.xml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9.xml"/><Relationship Id="rId2" Type="http://schemas.openxmlformats.org/officeDocument/2006/relationships/chart" Target="../charts/chart8.xml"/><Relationship Id="rId1" Type="http://schemas.openxmlformats.org/officeDocument/2006/relationships/chart" Target="../charts/chart7.xml"/></Relationships>
</file>

<file path=xl/drawings/_rels/drawing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2.xml"/><Relationship Id="rId2" Type="http://schemas.openxmlformats.org/officeDocument/2006/relationships/chart" Target="../charts/chart11.xml"/><Relationship Id="rId1" Type="http://schemas.openxmlformats.org/officeDocument/2006/relationships/chart" Target="../charts/chart10.xml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5.xml"/><Relationship Id="rId2" Type="http://schemas.openxmlformats.org/officeDocument/2006/relationships/chart" Target="../charts/chart14.xml"/><Relationship Id="rId1" Type="http://schemas.openxmlformats.org/officeDocument/2006/relationships/chart" Target="../charts/chart13.xml"/></Relationships>
</file>

<file path=xl/drawings/_rels/drawing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8.xml"/><Relationship Id="rId2" Type="http://schemas.openxmlformats.org/officeDocument/2006/relationships/chart" Target="../charts/chart17.xml"/><Relationship Id="rId1" Type="http://schemas.openxmlformats.org/officeDocument/2006/relationships/chart" Target="../charts/chart16.xml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9.xml"/></Relationships>
</file>

<file path=xl/drawings/_rels/drawing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_rels/drawing9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0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504825</xdr:colOff>
      <xdr:row>2</xdr:row>
      <xdr:rowOff>95249</xdr:rowOff>
    </xdr:from>
    <xdr:to>
      <xdr:col>22</xdr:col>
      <xdr:colOff>266700</xdr:colOff>
      <xdr:row>37</xdr:row>
      <xdr:rowOff>0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9</xdr:col>
      <xdr:colOff>504825</xdr:colOff>
      <xdr:row>43</xdr:row>
      <xdr:rowOff>114300</xdr:rowOff>
    </xdr:from>
    <xdr:to>
      <xdr:col>22</xdr:col>
      <xdr:colOff>266700</xdr:colOff>
      <xdr:row>78</xdr:row>
      <xdr:rowOff>95251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2</xdr:col>
      <xdr:colOff>676275</xdr:colOff>
      <xdr:row>2</xdr:row>
      <xdr:rowOff>57150</xdr:rowOff>
    </xdr:from>
    <xdr:to>
      <xdr:col>35</xdr:col>
      <xdr:colOff>438150</xdr:colOff>
      <xdr:row>36</xdr:row>
      <xdr:rowOff>152401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504825</xdr:colOff>
      <xdr:row>2</xdr:row>
      <xdr:rowOff>95249</xdr:rowOff>
    </xdr:from>
    <xdr:to>
      <xdr:col>22</xdr:col>
      <xdr:colOff>266700</xdr:colOff>
      <xdr:row>37</xdr:row>
      <xdr:rowOff>0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9</xdr:col>
      <xdr:colOff>504825</xdr:colOff>
      <xdr:row>38</xdr:row>
      <xdr:rowOff>47625</xdr:rowOff>
    </xdr:from>
    <xdr:to>
      <xdr:col>22</xdr:col>
      <xdr:colOff>266700</xdr:colOff>
      <xdr:row>73</xdr:row>
      <xdr:rowOff>0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2</xdr:col>
      <xdr:colOff>676275</xdr:colOff>
      <xdr:row>2</xdr:row>
      <xdr:rowOff>57150</xdr:rowOff>
    </xdr:from>
    <xdr:to>
      <xdr:col>35</xdr:col>
      <xdr:colOff>438150</xdr:colOff>
      <xdr:row>36</xdr:row>
      <xdr:rowOff>152401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590550</xdr:colOff>
      <xdr:row>0</xdr:row>
      <xdr:rowOff>0</xdr:rowOff>
    </xdr:from>
    <xdr:to>
      <xdr:col>22</xdr:col>
      <xdr:colOff>352425</xdr:colOff>
      <xdr:row>34</xdr:row>
      <xdr:rowOff>95251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9</xdr:col>
      <xdr:colOff>676275</xdr:colOff>
      <xdr:row>36</xdr:row>
      <xdr:rowOff>114300</xdr:rowOff>
    </xdr:from>
    <xdr:to>
      <xdr:col>22</xdr:col>
      <xdr:colOff>438150</xdr:colOff>
      <xdr:row>71</xdr:row>
      <xdr:rowOff>76201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2</xdr:col>
      <xdr:colOff>657224</xdr:colOff>
      <xdr:row>0</xdr:row>
      <xdr:rowOff>0</xdr:rowOff>
    </xdr:from>
    <xdr:to>
      <xdr:col>35</xdr:col>
      <xdr:colOff>419099</xdr:colOff>
      <xdr:row>34</xdr:row>
      <xdr:rowOff>85725</xdr:rowOff>
    </xdr:to>
    <xdr:graphicFrame macro="">
      <xdr:nvGraphicFramePr>
        <xdr:cNvPr id="8" name="Chart 7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590550</xdr:colOff>
      <xdr:row>0</xdr:row>
      <xdr:rowOff>0</xdr:rowOff>
    </xdr:from>
    <xdr:to>
      <xdr:col>22</xdr:col>
      <xdr:colOff>352425</xdr:colOff>
      <xdr:row>34</xdr:row>
      <xdr:rowOff>95251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9</xdr:col>
      <xdr:colOff>676275</xdr:colOff>
      <xdr:row>36</xdr:row>
      <xdr:rowOff>114300</xdr:rowOff>
    </xdr:from>
    <xdr:to>
      <xdr:col>22</xdr:col>
      <xdr:colOff>438150</xdr:colOff>
      <xdr:row>71</xdr:row>
      <xdr:rowOff>76201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4</xdr:col>
      <xdr:colOff>66675</xdr:colOff>
      <xdr:row>0</xdr:row>
      <xdr:rowOff>0</xdr:rowOff>
    </xdr:from>
    <xdr:to>
      <xdr:col>36</xdr:col>
      <xdr:colOff>514350</xdr:colOff>
      <xdr:row>34</xdr:row>
      <xdr:rowOff>104776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504825</xdr:colOff>
      <xdr:row>2</xdr:row>
      <xdr:rowOff>95249</xdr:rowOff>
    </xdr:from>
    <xdr:to>
      <xdr:col>22</xdr:col>
      <xdr:colOff>266700</xdr:colOff>
      <xdr:row>37</xdr:row>
      <xdr:rowOff>0</xdr:rowOff>
    </xdr:to>
    <xdr:graphicFrame macro="">
      <xdr:nvGraphicFramePr>
        <xdr:cNvPr id="6" name="Chart 5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9</xdr:col>
      <xdr:colOff>542925</xdr:colOff>
      <xdr:row>38</xdr:row>
      <xdr:rowOff>171450</xdr:rowOff>
    </xdr:from>
    <xdr:to>
      <xdr:col>22</xdr:col>
      <xdr:colOff>304800</xdr:colOff>
      <xdr:row>73</xdr:row>
      <xdr:rowOff>133351</xdr:rowOff>
    </xdr:to>
    <xdr:graphicFrame macro="">
      <xdr:nvGraphicFramePr>
        <xdr:cNvPr id="7" name="Chart 6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2</xdr:col>
      <xdr:colOff>676275</xdr:colOff>
      <xdr:row>2</xdr:row>
      <xdr:rowOff>57150</xdr:rowOff>
    </xdr:from>
    <xdr:to>
      <xdr:col>35</xdr:col>
      <xdr:colOff>438150</xdr:colOff>
      <xdr:row>36</xdr:row>
      <xdr:rowOff>152401</xdr:rowOff>
    </xdr:to>
    <xdr:graphicFrame macro="">
      <xdr:nvGraphicFramePr>
        <xdr:cNvPr id="8" name="Chart 7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590550</xdr:colOff>
      <xdr:row>0</xdr:row>
      <xdr:rowOff>0</xdr:rowOff>
    </xdr:from>
    <xdr:to>
      <xdr:col>22</xdr:col>
      <xdr:colOff>352425</xdr:colOff>
      <xdr:row>34</xdr:row>
      <xdr:rowOff>95251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9</xdr:col>
      <xdr:colOff>676275</xdr:colOff>
      <xdr:row>36</xdr:row>
      <xdr:rowOff>114300</xdr:rowOff>
    </xdr:from>
    <xdr:to>
      <xdr:col>22</xdr:col>
      <xdr:colOff>438150</xdr:colOff>
      <xdr:row>71</xdr:row>
      <xdr:rowOff>76201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4</xdr:col>
      <xdr:colOff>66675</xdr:colOff>
      <xdr:row>0</xdr:row>
      <xdr:rowOff>0</xdr:rowOff>
    </xdr:from>
    <xdr:to>
      <xdr:col>36</xdr:col>
      <xdr:colOff>514350</xdr:colOff>
      <xdr:row>34</xdr:row>
      <xdr:rowOff>104776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absoluteAnchor>
    <xdr:pos x="8260080" y="144780"/>
    <xdr:ext cx="7909560" cy="6294437"/>
    <xdr:graphicFrame macro="">
      <xdr:nvGraphicFramePr>
        <xdr:cNvPr id="2" name="Chart 1"/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33068</cdr:x>
      <cdr:y>0.00721</cdr:y>
    </cdr:from>
    <cdr:to>
      <cdr:x>0.69009</cdr:x>
      <cdr:y>0.10407</cdr:y>
    </cdr:to>
    <cdr:pic>
      <cdr:nvPicPr>
        <cdr:cNvPr id="2" name="chart"/>
        <cdr:cNvPicPr>
          <a:picLocks xmlns:a="http://schemas.openxmlformats.org/drawingml/2006/main" noChangeAspect="1"/>
        </cdr:cNvPicPr>
      </cdr:nvPicPr>
      <cdr:blipFill>
        <a:blip xmlns:a="http://schemas.openxmlformats.org/drawingml/2006/main" xmlns:r="http://schemas.openxmlformats.org/officeDocument/2006/relationships" r:embed="rId1"/>
        <a:stretch xmlns:a="http://schemas.openxmlformats.org/drawingml/2006/main">
          <a:fillRect/>
        </a:stretch>
      </cdr:blipFill>
      <cdr:spPr>
        <a:xfrm xmlns:a="http://schemas.openxmlformats.org/drawingml/2006/main">
          <a:off x="2866249" y="45357"/>
          <a:ext cx="3115276" cy="609679"/>
        </a:xfrm>
        <a:prstGeom xmlns:a="http://schemas.openxmlformats.org/drawingml/2006/main" prst="rect">
          <a:avLst/>
        </a:prstGeom>
      </cdr:spPr>
    </cdr:pic>
  </cdr:relSizeAnchor>
  <cdr:relSizeAnchor xmlns:cdr="http://schemas.openxmlformats.org/drawingml/2006/chartDrawing">
    <cdr:from>
      <cdr:x>0.00724</cdr:x>
      <cdr:y>0.42456</cdr:y>
    </cdr:from>
    <cdr:to>
      <cdr:x>0.03116</cdr:x>
      <cdr:y>0.51076</cdr:y>
    </cdr:to>
    <cdr:pic>
      <cdr:nvPicPr>
        <cdr:cNvPr id="3" name="chart"/>
        <cdr:cNvPicPr>
          <a:picLocks xmlns:a="http://schemas.openxmlformats.org/drawingml/2006/main" noChangeAspect="1"/>
        </cdr:cNvPicPr>
      </cdr:nvPicPr>
      <cdr:blipFill>
        <a:blip xmlns:a="http://schemas.openxmlformats.org/drawingml/2006/main" xmlns:r="http://schemas.openxmlformats.org/officeDocument/2006/relationships" r:embed="rId2"/>
        <a:stretch xmlns:a="http://schemas.openxmlformats.org/drawingml/2006/main">
          <a:fillRect/>
        </a:stretch>
      </cdr:blipFill>
      <cdr:spPr>
        <a:xfrm xmlns:a="http://schemas.openxmlformats.org/drawingml/2006/main" rot="16200000">
          <a:off x="-104861" y="2840023"/>
          <a:ext cx="542591" cy="207282"/>
        </a:xfrm>
        <a:prstGeom xmlns:a="http://schemas.openxmlformats.org/drawingml/2006/main" prst="rect">
          <a:avLst/>
        </a:prstGeom>
      </cdr:spPr>
    </cdr:pic>
  </cdr:relSizeAnchor>
</c:userShapes>
</file>

<file path=xl/drawings/drawing9.xml><?xml version="1.0" encoding="utf-8"?>
<xdr:wsDr xmlns:xdr="http://schemas.openxmlformats.org/drawingml/2006/spreadsheetDrawing" xmlns:a="http://schemas.openxmlformats.org/drawingml/2006/main">
  <xdr:absoluteAnchor>
    <xdr:pos x="7894320" y="464820"/>
    <xdr:ext cx="8244839" cy="6295793"/>
    <xdr:graphicFrame macro="">
      <xdr:nvGraphicFramePr>
        <xdr:cNvPr id="3" name="Chart 2"/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7\Regulatory\Demand%20Forecasting%20&amp;%20Analysis\Price%20working%20files\Database\Reports\Monthly%20Averages%20CDN%20GJ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7\Regulatory\Demand%20Forecasting%20&amp;%20Analysis\Price%20working%20files\Database\Reports\Monthly%20Averages%20US%20as%20Reported.xlsx" TargetMode="External"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CDN GJ Daily"/>
      <sheetName val="CDN GJ Monthly"/>
      <sheetName val="CDN GJ Quarterly"/>
      <sheetName val="CDN GJ Annual"/>
      <sheetName val="Sheet3"/>
    </sheetNames>
    <sheetDataSet>
      <sheetData sheetId="0">
        <row r="2">
          <cell r="C2">
            <v>1998</v>
          </cell>
          <cell r="P2">
            <v>0</v>
          </cell>
        </row>
        <row r="3">
          <cell r="C3">
            <v>1998</v>
          </cell>
          <cell r="P3">
            <v>0</v>
          </cell>
        </row>
        <row r="4">
          <cell r="C4">
            <v>1998</v>
          </cell>
          <cell r="P4">
            <v>0</v>
          </cell>
        </row>
        <row r="5">
          <cell r="C5">
            <v>1998</v>
          </cell>
          <cell r="P5">
            <v>0</v>
          </cell>
        </row>
        <row r="6">
          <cell r="C6">
            <v>1998</v>
          </cell>
          <cell r="P6">
            <v>0</v>
          </cell>
        </row>
        <row r="7">
          <cell r="C7">
            <v>1998</v>
          </cell>
          <cell r="P7">
            <v>0</v>
          </cell>
        </row>
        <row r="8">
          <cell r="C8">
            <v>1998</v>
          </cell>
          <cell r="P8">
            <v>0</v>
          </cell>
        </row>
        <row r="9">
          <cell r="C9">
            <v>1998</v>
          </cell>
          <cell r="P9">
            <v>0</v>
          </cell>
        </row>
        <row r="10">
          <cell r="C10">
            <v>1998</v>
          </cell>
          <cell r="P10">
            <v>0</v>
          </cell>
        </row>
        <row r="11">
          <cell r="C11">
            <v>1998</v>
          </cell>
          <cell r="P11">
            <v>0</v>
          </cell>
        </row>
        <row r="12">
          <cell r="C12">
            <v>1998</v>
          </cell>
          <cell r="P12">
            <v>0</v>
          </cell>
        </row>
        <row r="13">
          <cell r="C13">
            <v>1998</v>
          </cell>
          <cell r="P13">
            <v>0</v>
          </cell>
        </row>
        <row r="14">
          <cell r="C14">
            <v>1998</v>
          </cell>
          <cell r="P14">
            <v>0</v>
          </cell>
        </row>
        <row r="15">
          <cell r="C15">
            <v>1998</v>
          </cell>
          <cell r="P15">
            <v>0</v>
          </cell>
        </row>
        <row r="16">
          <cell r="C16">
            <v>1998</v>
          </cell>
          <cell r="P16">
            <v>0</v>
          </cell>
        </row>
        <row r="17">
          <cell r="C17">
            <v>1998</v>
          </cell>
          <cell r="P17">
            <v>0</v>
          </cell>
        </row>
        <row r="18">
          <cell r="C18">
            <v>1998</v>
          </cell>
          <cell r="P18">
            <v>0</v>
          </cell>
        </row>
        <row r="19">
          <cell r="C19">
            <v>1998</v>
          </cell>
          <cell r="P19">
            <v>0</v>
          </cell>
        </row>
        <row r="20">
          <cell r="C20">
            <v>1998</v>
          </cell>
          <cell r="P20">
            <v>0</v>
          </cell>
        </row>
        <row r="21">
          <cell r="C21">
            <v>1998</v>
          </cell>
          <cell r="P21">
            <v>0</v>
          </cell>
        </row>
        <row r="22">
          <cell r="C22">
            <v>1998</v>
          </cell>
          <cell r="P22">
            <v>0</v>
          </cell>
        </row>
        <row r="23">
          <cell r="C23">
            <v>1998</v>
          </cell>
          <cell r="P23">
            <v>0</v>
          </cell>
        </row>
        <row r="24">
          <cell r="C24">
            <v>1998</v>
          </cell>
          <cell r="P24">
            <v>0</v>
          </cell>
        </row>
        <row r="25">
          <cell r="C25">
            <v>1998</v>
          </cell>
          <cell r="P25">
            <v>0</v>
          </cell>
        </row>
        <row r="26">
          <cell r="C26">
            <v>1998</v>
          </cell>
          <cell r="P26">
            <v>0</v>
          </cell>
        </row>
        <row r="27">
          <cell r="C27">
            <v>1998</v>
          </cell>
          <cell r="P27">
            <v>0</v>
          </cell>
        </row>
        <row r="28">
          <cell r="C28">
            <v>1998</v>
          </cell>
          <cell r="P28">
            <v>0</v>
          </cell>
        </row>
        <row r="29">
          <cell r="C29">
            <v>1998</v>
          </cell>
          <cell r="P29">
            <v>0</v>
          </cell>
        </row>
        <row r="30">
          <cell r="C30">
            <v>1998</v>
          </cell>
          <cell r="P30">
            <v>0</v>
          </cell>
        </row>
        <row r="31">
          <cell r="C31">
            <v>1998</v>
          </cell>
          <cell r="P31">
            <v>3.0711805818838052</v>
          </cell>
        </row>
        <row r="32">
          <cell r="C32">
            <v>1998</v>
          </cell>
          <cell r="P32">
            <v>3.0711805818838052</v>
          </cell>
        </row>
        <row r="33">
          <cell r="C33">
            <v>1998</v>
          </cell>
          <cell r="P33">
            <v>3.0711805818838052</v>
          </cell>
        </row>
        <row r="34">
          <cell r="C34">
            <v>1998</v>
          </cell>
          <cell r="P34">
            <v>3.2905495063769128</v>
          </cell>
        </row>
        <row r="35">
          <cell r="C35">
            <v>1998</v>
          </cell>
          <cell r="P35">
            <v>3.3279541559879289</v>
          </cell>
        </row>
        <row r="36">
          <cell r="C36">
            <v>1998</v>
          </cell>
          <cell r="P36">
            <v>3.1752215048300751</v>
          </cell>
        </row>
        <row r="37">
          <cell r="C37">
            <v>1998</v>
          </cell>
          <cell r="P37">
            <v>3.3077083112176036</v>
          </cell>
        </row>
        <row r="38">
          <cell r="C38">
            <v>1998</v>
          </cell>
          <cell r="P38">
            <v>3.3307331553964907</v>
          </cell>
        </row>
        <row r="39">
          <cell r="C39">
            <v>1998</v>
          </cell>
          <cell r="P39">
            <v>3.3307331553964907</v>
          </cell>
        </row>
        <row r="40">
          <cell r="C40">
            <v>1998</v>
          </cell>
          <cell r="P40">
            <v>3.3307331553964907</v>
          </cell>
        </row>
        <row r="41">
          <cell r="C41">
            <v>1998</v>
          </cell>
          <cell r="P41">
            <v>3.2246013481748839</v>
          </cell>
        </row>
        <row r="42">
          <cell r="C42">
            <v>1998</v>
          </cell>
          <cell r="P42">
            <v>3.1829116179615111</v>
          </cell>
        </row>
        <row r="43">
          <cell r="C43">
            <v>1998</v>
          </cell>
          <cell r="P43">
            <v>3.1928091968577976</v>
          </cell>
        </row>
        <row r="44">
          <cell r="C44">
            <v>1998</v>
          </cell>
          <cell r="P44">
            <v>3.1968099323637795</v>
          </cell>
        </row>
        <row r="45">
          <cell r="C45">
            <v>1998</v>
          </cell>
          <cell r="P45">
            <v>3.2688027934062269</v>
          </cell>
        </row>
        <row r="46">
          <cell r="C46">
            <v>1998</v>
          </cell>
          <cell r="P46">
            <v>3.2688027934062269</v>
          </cell>
        </row>
        <row r="47">
          <cell r="C47">
            <v>1998</v>
          </cell>
          <cell r="P47">
            <v>3.2688027934062269</v>
          </cell>
        </row>
        <row r="48">
          <cell r="C48">
            <v>1998</v>
          </cell>
          <cell r="P48">
            <v>3.27446599990901</v>
          </cell>
        </row>
        <row r="49">
          <cell r="C49">
            <v>1998</v>
          </cell>
          <cell r="P49">
            <v>3.1259553995238165</v>
          </cell>
        </row>
        <row r="50">
          <cell r="C50">
            <v>1998</v>
          </cell>
          <cell r="P50">
            <v>3.1346336118651528</v>
          </cell>
        </row>
        <row r="51">
          <cell r="C51">
            <v>1998</v>
          </cell>
          <cell r="P51">
            <v>3.1830348341699395</v>
          </cell>
        </row>
        <row r="52">
          <cell r="C52">
            <v>1998</v>
          </cell>
          <cell r="P52">
            <v>3.1298788879452846</v>
          </cell>
        </row>
        <row r="53">
          <cell r="C53">
            <v>1998</v>
          </cell>
          <cell r="P53">
            <v>3.1298788879452846</v>
          </cell>
        </row>
        <row r="54">
          <cell r="C54">
            <v>1998</v>
          </cell>
          <cell r="P54">
            <v>3.1298788879452846</v>
          </cell>
        </row>
        <row r="55">
          <cell r="C55">
            <v>1998</v>
          </cell>
          <cell r="P55">
            <v>3.1524146585584081</v>
          </cell>
        </row>
        <row r="56">
          <cell r="C56">
            <v>1998</v>
          </cell>
          <cell r="P56">
            <v>3.1610255758936021</v>
          </cell>
        </row>
        <row r="57">
          <cell r="C57">
            <v>1998</v>
          </cell>
          <cell r="P57">
            <v>3.2316028722646002</v>
          </cell>
        </row>
        <row r="58">
          <cell r="C58">
            <v>1998</v>
          </cell>
          <cell r="P58">
            <v>3.2872340425531914</v>
          </cell>
        </row>
        <row r="59">
          <cell r="C59">
            <v>1998</v>
          </cell>
          <cell r="P59">
            <v>3.2313758700959951</v>
          </cell>
        </row>
        <row r="60">
          <cell r="C60">
            <v>1998</v>
          </cell>
          <cell r="P60">
            <v>3.2313758700959951</v>
          </cell>
        </row>
        <row r="61">
          <cell r="C61">
            <v>1998</v>
          </cell>
          <cell r="P61">
            <v>3.2313758700959951</v>
          </cell>
        </row>
        <row r="62">
          <cell r="C62">
            <v>1998</v>
          </cell>
          <cell r="P62">
            <v>3.2472740783427612</v>
          </cell>
        </row>
        <row r="63">
          <cell r="C63">
            <v>1998</v>
          </cell>
          <cell r="P63">
            <v>3.2197987594971265</v>
          </cell>
        </row>
        <row r="64">
          <cell r="C64">
            <v>1998</v>
          </cell>
          <cell r="P64">
            <v>3.200789815896028</v>
          </cell>
        </row>
        <row r="65">
          <cell r="C65">
            <v>1998</v>
          </cell>
          <cell r="P65">
            <v>3.1502934441394581</v>
          </cell>
        </row>
        <row r="66">
          <cell r="C66">
            <v>1998</v>
          </cell>
          <cell r="P66">
            <v>3.0916463201953257</v>
          </cell>
        </row>
        <row r="67">
          <cell r="C67">
            <v>1998</v>
          </cell>
          <cell r="P67">
            <v>3.0916463201953257</v>
          </cell>
        </row>
        <row r="68">
          <cell r="C68">
            <v>1998</v>
          </cell>
          <cell r="P68">
            <v>3.0916463201953257</v>
          </cell>
        </row>
        <row r="69">
          <cell r="C69">
            <v>1998</v>
          </cell>
          <cell r="P69">
            <v>3.1233593287939216</v>
          </cell>
        </row>
        <row r="70">
          <cell r="C70">
            <v>1998</v>
          </cell>
          <cell r="P70">
            <v>3.1897074657648501</v>
          </cell>
        </row>
        <row r="71">
          <cell r="C71">
            <v>1998</v>
          </cell>
          <cell r="P71">
            <v>3.1483636887520663</v>
          </cell>
        </row>
        <row r="72">
          <cell r="C72">
            <v>1998</v>
          </cell>
          <cell r="P72">
            <v>3.1160715639738554</v>
          </cell>
        </row>
        <row r="73">
          <cell r="C73">
            <v>1998</v>
          </cell>
          <cell r="P73">
            <v>3.0929391425668395</v>
          </cell>
        </row>
        <row r="74">
          <cell r="C74">
            <v>1998</v>
          </cell>
          <cell r="P74">
            <v>3.0929391425668395</v>
          </cell>
        </row>
        <row r="75">
          <cell r="C75">
            <v>1998</v>
          </cell>
          <cell r="P75">
            <v>3.0929391425668395</v>
          </cell>
        </row>
        <row r="76">
          <cell r="C76">
            <v>1998</v>
          </cell>
          <cell r="P76">
            <v>3.0880991151180601</v>
          </cell>
        </row>
        <row r="77">
          <cell r="C77">
            <v>1998</v>
          </cell>
          <cell r="P77">
            <v>3.1416436663077598</v>
          </cell>
        </row>
        <row r="78">
          <cell r="C78">
            <v>1998</v>
          </cell>
          <cell r="P78">
            <v>3.1664698366721766</v>
          </cell>
        </row>
        <row r="79">
          <cell r="C79">
            <v>1998</v>
          </cell>
          <cell r="P79">
            <v>3.2184367464854944</v>
          </cell>
        </row>
        <row r="80">
          <cell r="C80">
            <v>1998</v>
          </cell>
          <cell r="P80">
            <v>3.2793709528214614</v>
          </cell>
        </row>
        <row r="81">
          <cell r="C81">
            <v>1998</v>
          </cell>
          <cell r="P81">
            <v>3.2793709528214614</v>
          </cell>
        </row>
        <row r="82">
          <cell r="C82">
            <v>1998</v>
          </cell>
          <cell r="P82">
            <v>3.2793709528214614</v>
          </cell>
        </row>
        <row r="83">
          <cell r="C83">
            <v>1998</v>
          </cell>
          <cell r="P83">
            <v>3.3822536434085011</v>
          </cell>
        </row>
        <row r="84">
          <cell r="C84">
            <v>1998</v>
          </cell>
          <cell r="P84">
            <v>3.2953653644925014</v>
          </cell>
        </row>
        <row r="85">
          <cell r="C85">
            <v>1998</v>
          </cell>
          <cell r="P85">
            <v>3.2742337847469707</v>
          </cell>
        </row>
        <row r="86">
          <cell r="C86">
            <v>1998</v>
          </cell>
          <cell r="P86">
            <v>3.2858023649929482</v>
          </cell>
        </row>
        <row r="87">
          <cell r="C87">
            <v>1998</v>
          </cell>
          <cell r="P87">
            <v>3.2254922961435222</v>
          </cell>
        </row>
        <row r="88">
          <cell r="C88">
            <v>1998</v>
          </cell>
          <cell r="P88">
            <v>3.2254922961435222</v>
          </cell>
        </row>
        <row r="89">
          <cell r="C89">
            <v>1998</v>
          </cell>
          <cell r="P89">
            <v>3.2254922961435222</v>
          </cell>
        </row>
        <row r="90">
          <cell r="C90">
            <v>1998</v>
          </cell>
          <cell r="P90">
            <v>3.255613446110917</v>
          </cell>
        </row>
        <row r="91">
          <cell r="C91">
            <v>1998</v>
          </cell>
          <cell r="P91">
            <v>3.3164135363430951</v>
          </cell>
        </row>
        <row r="92">
          <cell r="C92">
            <v>1998</v>
          </cell>
          <cell r="P92">
            <v>3.5195534644606545</v>
          </cell>
        </row>
        <row r="93">
          <cell r="C93">
            <v>1998</v>
          </cell>
          <cell r="P93">
            <v>3.443077902973871</v>
          </cell>
        </row>
        <row r="94">
          <cell r="C94">
            <v>1998</v>
          </cell>
          <cell r="P94">
            <v>3.5756296348250709</v>
          </cell>
        </row>
        <row r="95">
          <cell r="C95">
            <v>1998</v>
          </cell>
          <cell r="P95">
            <v>3.5756296348250709</v>
          </cell>
        </row>
        <row r="96">
          <cell r="C96">
            <v>1998</v>
          </cell>
          <cell r="P96">
            <v>3.5756296348250709</v>
          </cell>
        </row>
        <row r="97">
          <cell r="C97">
            <v>1998</v>
          </cell>
          <cell r="P97">
            <v>3.5558946634112316</v>
          </cell>
        </row>
        <row r="98">
          <cell r="C98">
            <v>1998</v>
          </cell>
          <cell r="P98">
            <v>3.5586812453556966</v>
          </cell>
        </row>
        <row r="99">
          <cell r="C99">
            <v>1998</v>
          </cell>
          <cell r="P99">
            <v>3.7399578790130574</v>
          </cell>
        </row>
        <row r="100">
          <cell r="C100">
            <v>1998</v>
          </cell>
          <cell r="P100">
            <v>3.6872450372302512</v>
          </cell>
        </row>
        <row r="101">
          <cell r="C101">
            <v>1998</v>
          </cell>
          <cell r="P101">
            <v>3.6872450372302512</v>
          </cell>
        </row>
        <row r="102">
          <cell r="C102">
            <v>1998</v>
          </cell>
          <cell r="P102">
            <v>3.6872450372302512</v>
          </cell>
        </row>
        <row r="103">
          <cell r="C103">
            <v>1998</v>
          </cell>
          <cell r="P103">
            <v>3.6872450372302512</v>
          </cell>
        </row>
        <row r="104">
          <cell r="C104">
            <v>1998</v>
          </cell>
          <cell r="P104">
            <v>3.5698797030678935</v>
          </cell>
        </row>
        <row r="105">
          <cell r="C105">
            <v>1998</v>
          </cell>
          <cell r="P105">
            <v>3.5086137607861576</v>
          </cell>
        </row>
        <row r="106">
          <cell r="C106">
            <v>1998</v>
          </cell>
          <cell r="P106">
            <v>3.5605437057369467</v>
          </cell>
        </row>
        <row r="107">
          <cell r="C107">
            <v>1998</v>
          </cell>
          <cell r="P107">
            <v>3.6017723229856995</v>
          </cell>
        </row>
        <row r="108">
          <cell r="C108">
            <v>1998</v>
          </cell>
          <cell r="P108">
            <v>3.5837220962678757</v>
          </cell>
        </row>
        <row r="109">
          <cell r="C109">
            <v>1998</v>
          </cell>
          <cell r="P109">
            <v>3.5837220962678757</v>
          </cell>
        </row>
        <row r="110">
          <cell r="C110">
            <v>1998</v>
          </cell>
          <cell r="P110">
            <v>3.5837220962678757</v>
          </cell>
        </row>
        <row r="111">
          <cell r="C111">
            <v>1998</v>
          </cell>
          <cell r="P111">
            <v>3.4443721470708661</v>
          </cell>
        </row>
        <row r="112">
          <cell r="C112">
            <v>1998</v>
          </cell>
          <cell r="P112">
            <v>3.5262014528138792</v>
          </cell>
        </row>
        <row r="113">
          <cell r="C113">
            <v>1998</v>
          </cell>
          <cell r="P113">
            <v>3.5437218498354595</v>
          </cell>
        </row>
        <row r="114">
          <cell r="C114">
            <v>1998</v>
          </cell>
          <cell r="P114">
            <v>3.3855122382129483</v>
          </cell>
        </row>
        <row r="115">
          <cell r="C115">
            <v>1998</v>
          </cell>
          <cell r="P115">
            <v>3.3057761862877424</v>
          </cell>
        </row>
        <row r="116">
          <cell r="C116">
            <v>1998</v>
          </cell>
          <cell r="P116">
            <v>3.3057761862877424</v>
          </cell>
        </row>
        <row r="117">
          <cell r="C117">
            <v>1998</v>
          </cell>
          <cell r="P117">
            <v>3.3057761862877424</v>
          </cell>
        </row>
        <row r="118">
          <cell r="C118">
            <v>1998</v>
          </cell>
          <cell r="P118">
            <v>3.2658801997239961</v>
          </cell>
        </row>
        <row r="119">
          <cell r="C119">
            <v>1998</v>
          </cell>
          <cell r="P119">
            <v>3.252243956718885</v>
          </cell>
        </row>
        <row r="120">
          <cell r="C120">
            <v>1998</v>
          </cell>
          <cell r="P120">
            <v>3.304260626924068</v>
          </cell>
        </row>
        <row r="121">
          <cell r="C121">
            <v>1998</v>
          </cell>
          <cell r="P121">
            <v>3.1178060690617366</v>
          </cell>
        </row>
        <row r="122">
          <cell r="C122">
            <v>1998</v>
          </cell>
          <cell r="P122">
            <v>3.0912482370604022</v>
          </cell>
        </row>
        <row r="123">
          <cell r="C123">
            <v>1998</v>
          </cell>
          <cell r="P123">
            <v>3.0912482370604022</v>
          </cell>
        </row>
        <row r="124">
          <cell r="C124">
            <v>1998</v>
          </cell>
          <cell r="P124">
            <v>3.0912482370604022</v>
          </cell>
        </row>
        <row r="125">
          <cell r="C125">
            <v>1998</v>
          </cell>
          <cell r="P125">
            <v>3.0124500500447366</v>
          </cell>
        </row>
        <row r="126">
          <cell r="C126">
            <v>1998</v>
          </cell>
          <cell r="P126">
            <v>3.1636083771856662</v>
          </cell>
        </row>
        <row r="127">
          <cell r="C127">
            <v>1998</v>
          </cell>
          <cell r="P127">
            <v>3.074972797652447</v>
          </cell>
        </row>
        <row r="128">
          <cell r="C128">
            <v>1998</v>
          </cell>
          <cell r="P128">
            <v>3.0980090156351889</v>
          </cell>
        </row>
        <row r="129">
          <cell r="C129">
            <v>1998</v>
          </cell>
          <cell r="P129">
            <v>3.0913392274912423</v>
          </cell>
        </row>
        <row r="130">
          <cell r="C130">
            <v>1998</v>
          </cell>
          <cell r="P130">
            <v>3.0913392274912423</v>
          </cell>
        </row>
        <row r="131">
          <cell r="C131">
            <v>1998</v>
          </cell>
          <cell r="P131">
            <v>3.0913392274912423</v>
          </cell>
        </row>
        <row r="132">
          <cell r="C132">
            <v>1998</v>
          </cell>
          <cell r="P132">
            <v>3.0840239759785262</v>
          </cell>
        </row>
        <row r="133">
          <cell r="C133">
            <v>1998</v>
          </cell>
          <cell r="P133">
            <v>3.1963800973597611</v>
          </cell>
        </row>
        <row r="134">
          <cell r="C134">
            <v>1998</v>
          </cell>
          <cell r="P134">
            <v>3.2377485176142309</v>
          </cell>
        </row>
        <row r="135">
          <cell r="C135">
            <v>1998</v>
          </cell>
          <cell r="P135">
            <v>3.1424512063814625</v>
          </cell>
        </row>
        <row r="136">
          <cell r="C136">
            <v>1998</v>
          </cell>
          <cell r="P136">
            <v>3.1620596442274151</v>
          </cell>
        </row>
        <row r="137">
          <cell r="C137">
            <v>1998</v>
          </cell>
          <cell r="P137">
            <v>3.1620596442274151</v>
          </cell>
        </row>
        <row r="138">
          <cell r="C138">
            <v>1998</v>
          </cell>
          <cell r="P138">
            <v>3.1620596442274151</v>
          </cell>
        </row>
        <row r="139">
          <cell r="C139">
            <v>1998</v>
          </cell>
          <cell r="P139">
            <v>3.1758077296370995</v>
          </cell>
        </row>
        <row r="140">
          <cell r="C140">
            <v>1998</v>
          </cell>
          <cell r="P140">
            <v>3.1128679425547081</v>
          </cell>
        </row>
        <row r="141">
          <cell r="C141">
            <v>1998</v>
          </cell>
          <cell r="P141">
            <v>3.1193093068045679</v>
          </cell>
        </row>
        <row r="142">
          <cell r="C142">
            <v>1998</v>
          </cell>
          <cell r="P142">
            <v>3.0041884032695894</v>
          </cell>
        </row>
        <row r="143">
          <cell r="C143">
            <v>1998</v>
          </cell>
          <cell r="P143">
            <v>2.8921763394549673</v>
          </cell>
        </row>
        <row r="144">
          <cell r="C144">
            <v>1998</v>
          </cell>
          <cell r="P144">
            <v>2.8921763394549673</v>
          </cell>
        </row>
        <row r="145">
          <cell r="C145">
            <v>1998</v>
          </cell>
          <cell r="P145">
            <v>2.8921763394549673</v>
          </cell>
        </row>
        <row r="146">
          <cell r="C146">
            <v>1998</v>
          </cell>
          <cell r="P146">
            <v>2.8915777930270998</v>
          </cell>
        </row>
        <row r="147">
          <cell r="C147">
            <v>1998</v>
          </cell>
          <cell r="P147">
            <v>3.0118263864666899</v>
          </cell>
        </row>
        <row r="148">
          <cell r="C148">
            <v>1998</v>
          </cell>
          <cell r="P148">
            <v>2.9818701566551917</v>
          </cell>
        </row>
        <row r="149">
          <cell r="C149">
            <v>1998</v>
          </cell>
          <cell r="P149">
            <v>2.9587230440848642</v>
          </cell>
        </row>
        <row r="150">
          <cell r="C150">
            <v>1998</v>
          </cell>
          <cell r="P150">
            <v>3.0245304514641878</v>
          </cell>
        </row>
        <row r="151">
          <cell r="C151">
            <v>1998</v>
          </cell>
          <cell r="P151">
            <v>3.0245304514641878</v>
          </cell>
        </row>
        <row r="152">
          <cell r="C152">
            <v>1998</v>
          </cell>
          <cell r="P152">
            <v>2.9485719241443107</v>
          </cell>
        </row>
        <row r="153">
          <cell r="C153">
            <v>1998</v>
          </cell>
          <cell r="P153">
            <v>3.0785048376579063</v>
          </cell>
        </row>
        <row r="154">
          <cell r="C154">
            <v>1998</v>
          </cell>
          <cell r="P154">
            <v>3.0801113874524195</v>
          </cell>
        </row>
        <row r="155">
          <cell r="C155">
            <v>1998</v>
          </cell>
          <cell r="P155">
            <v>3.0022482218953308</v>
          </cell>
        </row>
        <row r="156">
          <cell r="C156">
            <v>1998</v>
          </cell>
          <cell r="P156">
            <v>2.8832545381477384</v>
          </cell>
        </row>
        <row r="157">
          <cell r="C157">
            <v>1998</v>
          </cell>
          <cell r="P157">
            <v>2.8129729606769689</v>
          </cell>
        </row>
        <row r="158">
          <cell r="C158">
            <v>1998</v>
          </cell>
          <cell r="P158">
            <v>2.8129729606769689</v>
          </cell>
        </row>
        <row r="159">
          <cell r="C159">
            <v>1998</v>
          </cell>
          <cell r="P159">
            <v>2.8129729606769689</v>
          </cell>
        </row>
        <row r="160">
          <cell r="C160">
            <v>1998</v>
          </cell>
          <cell r="P160">
            <v>2.7791775981559272</v>
          </cell>
        </row>
        <row r="161">
          <cell r="C161">
            <v>1998</v>
          </cell>
          <cell r="P161">
            <v>2.7610847196736477</v>
          </cell>
        </row>
        <row r="162">
          <cell r="C162">
            <v>1998</v>
          </cell>
          <cell r="P162">
            <v>2.7175837111963723</v>
          </cell>
        </row>
        <row r="163">
          <cell r="C163">
            <v>1998</v>
          </cell>
          <cell r="P163">
            <v>2.7236985524938961</v>
          </cell>
        </row>
        <row r="164">
          <cell r="C164">
            <v>1998</v>
          </cell>
          <cell r="P164">
            <v>2.783548930104184</v>
          </cell>
        </row>
        <row r="165">
          <cell r="C165">
            <v>1998</v>
          </cell>
          <cell r="P165">
            <v>2.783548930104184</v>
          </cell>
        </row>
        <row r="166">
          <cell r="C166">
            <v>1998</v>
          </cell>
          <cell r="P166">
            <v>2.783548930104184</v>
          </cell>
        </row>
        <row r="167">
          <cell r="C167">
            <v>1998</v>
          </cell>
          <cell r="P167">
            <v>2.9260930225504622</v>
          </cell>
        </row>
        <row r="168">
          <cell r="C168">
            <v>1998</v>
          </cell>
          <cell r="P168">
            <v>2.9199374251224581</v>
          </cell>
        </row>
        <row r="169">
          <cell r="C169">
            <v>1998</v>
          </cell>
          <cell r="P169">
            <v>2.829552175429551</v>
          </cell>
        </row>
        <row r="170">
          <cell r="C170">
            <v>1998</v>
          </cell>
          <cell r="P170">
            <v>3.0133969192156624</v>
          </cell>
        </row>
        <row r="171">
          <cell r="C171">
            <v>1998</v>
          </cell>
          <cell r="P171">
            <v>3.1064047785141264</v>
          </cell>
        </row>
        <row r="172">
          <cell r="C172">
            <v>1998</v>
          </cell>
          <cell r="P172">
            <v>3.1064047785141264</v>
          </cell>
        </row>
        <row r="173">
          <cell r="C173">
            <v>1998</v>
          </cell>
          <cell r="P173">
            <v>3.1064047785141264</v>
          </cell>
        </row>
        <row r="174">
          <cell r="C174">
            <v>1998</v>
          </cell>
          <cell r="P174">
            <v>3.3254855666429077</v>
          </cell>
        </row>
        <row r="175">
          <cell r="C175">
            <v>1998</v>
          </cell>
          <cell r="P175">
            <v>3.3081656329142719</v>
          </cell>
        </row>
        <row r="176">
          <cell r="C176">
            <v>1998</v>
          </cell>
          <cell r="P176">
            <v>3.3432159051273107</v>
          </cell>
        </row>
        <row r="177">
          <cell r="C177">
            <v>1998</v>
          </cell>
          <cell r="P177">
            <v>3.3014124368753883</v>
          </cell>
        </row>
        <row r="178">
          <cell r="C178">
            <v>1998</v>
          </cell>
          <cell r="P178">
            <v>3.3283797258155019</v>
          </cell>
        </row>
        <row r="179">
          <cell r="C179">
            <v>1998</v>
          </cell>
          <cell r="P179">
            <v>3.3283797258155019</v>
          </cell>
        </row>
        <row r="180">
          <cell r="C180">
            <v>1998</v>
          </cell>
          <cell r="P180">
            <v>3.3283797258155019</v>
          </cell>
        </row>
        <row r="181">
          <cell r="C181">
            <v>1998</v>
          </cell>
          <cell r="P181">
            <v>3.2852180358198995</v>
          </cell>
        </row>
        <row r="182">
          <cell r="C182">
            <v>1998</v>
          </cell>
          <cell r="P182">
            <v>3.3196418010039279</v>
          </cell>
        </row>
        <row r="183">
          <cell r="C183">
            <v>1998</v>
          </cell>
          <cell r="P183">
            <v>3.4033302497687328</v>
          </cell>
        </row>
        <row r="184">
          <cell r="C184">
            <v>1998</v>
          </cell>
          <cell r="P184">
            <v>3.2760663888931014</v>
          </cell>
        </row>
        <row r="185">
          <cell r="C185">
            <v>1998</v>
          </cell>
          <cell r="P185">
            <v>3.2751735452904871</v>
          </cell>
        </row>
        <row r="186">
          <cell r="C186">
            <v>1998</v>
          </cell>
          <cell r="P186">
            <v>3.2751735452904871</v>
          </cell>
        </row>
        <row r="187">
          <cell r="C187">
            <v>1998</v>
          </cell>
          <cell r="P187">
            <v>3.2751735452904871</v>
          </cell>
        </row>
        <row r="188">
          <cell r="C188">
            <v>1998</v>
          </cell>
          <cell r="P188">
            <v>3.260416508697169</v>
          </cell>
        </row>
        <row r="189">
          <cell r="C189">
            <v>1998</v>
          </cell>
          <cell r="P189">
            <v>3.1967137289395069</v>
          </cell>
        </row>
        <row r="190">
          <cell r="C190">
            <v>1998</v>
          </cell>
          <cell r="P190">
            <v>3.2353424841904124</v>
          </cell>
        </row>
        <row r="191">
          <cell r="C191">
            <v>1998</v>
          </cell>
          <cell r="P191">
            <v>3.1966644424561355</v>
          </cell>
        </row>
        <row r="192">
          <cell r="C192">
            <v>1998</v>
          </cell>
          <cell r="P192">
            <v>3.0990724662956279</v>
          </cell>
        </row>
        <row r="193">
          <cell r="C193">
            <v>1998</v>
          </cell>
          <cell r="P193">
            <v>3.0990724662956279</v>
          </cell>
        </row>
        <row r="194">
          <cell r="C194">
            <v>1998</v>
          </cell>
          <cell r="P194">
            <v>3.0990724662956279</v>
          </cell>
        </row>
        <row r="195">
          <cell r="C195">
            <v>1998</v>
          </cell>
          <cell r="P195">
            <v>3.0058902086713881</v>
          </cell>
        </row>
        <row r="196">
          <cell r="C196">
            <v>1998</v>
          </cell>
          <cell r="P196">
            <v>2.9506343739100109</v>
          </cell>
        </row>
        <row r="197">
          <cell r="C197">
            <v>1998</v>
          </cell>
          <cell r="P197">
            <v>2.9905521602644787</v>
          </cell>
        </row>
        <row r="198">
          <cell r="C198">
            <v>1998</v>
          </cell>
          <cell r="P198">
            <v>2.878664260475273</v>
          </cell>
        </row>
        <row r="199">
          <cell r="C199">
            <v>1998</v>
          </cell>
          <cell r="P199">
            <v>2.8988570274942753</v>
          </cell>
        </row>
        <row r="200">
          <cell r="C200">
            <v>1998</v>
          </cell>
          <cell r="P200">
            <v>2.8988570274942753</v>
          </cell>
        </row>
        <row r="201">
          <cell r="C201">
            <v>1998</v>
          </cell>
          <cell r="P201">
            <v>2.8988570274942753</v>
          </cell>
        </row>
        <row r="202">
          <cell r="C202">
            <v>1998</v>
          </cell>
          <cell r="P202">
            <v>2.9472388195508108</v>
          </cell>
        </row>
        <row r="203">
          <cell r="C203">
            <v>1998</v>
          </cell>
          <cell r="P203">
            <v>2.7858616035546926</v>
          </cell>
        </row>
        <row r="204">
          <cell r="C204">
            <v>1998</v>
          </cell>
          <cell r="P204">
            <v>2.6646471846044189</v>
          </cell>
        </row>
        <row r="205">
          <cell r="C205">
            <v>1998</v>
          </cell>
          <cell r="P205">
            <v>2.6506507711439018</v>
          </cell>
        </row>
        <row r="206">
          <cell r="C206">
            <v>1998</v>
          </cell>
          <cell r="P206">
            <v>2.6905775617597549</v>
          </cell>
        </row>
        <row r="207">
          <cell r="C207">
            <v>1998</v>
          </cell>
          <cell r="P207">
            <v>2.6905775617597549</v>
          </cell>
        </row>
        <row r="208">
          <cell r="C208">
            <v>1998</v>
          </cell>
          <cell r="P208">
            <v>2.6905775617597549</v>
          </cell>
        </row>
        <row r="209">
          <cell r="C209">
            <v>1998</v>
          </cell>
          <cell r="P209">
            <v>2.7717083263826758</v>
          </cell>
        </row>
        <row r="210">
          <cell r="C210">
            <v>1998</v>
          </cell>
          <cell r="P210">
            <v>2.8197081481930817</v>
          </cell>
        </row>
        <row r="211">
          <cell r="C211">
            <v>1998</v>
          </cell>
          <cell r="P211">
            <v>2.8213971580655435</v>
          </cell>
        </row>
        <row r="212">
          <cell r="C212">
            <v>1998</v>
          </cell>
          <cell r="P212">
            <v>2.7805571457818354</v>
          </cell>
        </row>
        <row r="213">
          <cell r="C213">
            <v>1998</v>
          </cell>
          <cell r="P213">
            <v>2.6568167945587722</v>
          </cell>
        </row>
        <row r="214">
          <cell r="C214">
            <v>1998</v>
          </cell>
          <cell r="P214">
            <v>2.6568167945587722</v>
          </cell>
        </row>
        <row r="215">
          <cell r="C215">
            <v>1998</v>
          </cell>
          <cell r="P215">
            <v>2.6568167945587722</v>
          </cell>
        </row>
        <row r="216">
          <cell r="C216">
            <v>1998</v>
          </cell>
          <cell r="P216">
            <v>2.5852044820369726</v>
          </cell>
        </row>
        <row r="217">
          <cell r="C217">
            <v>1998</v>
          </cell>
          <cell r="P217">
            <v>2.7046080966318375</v>
          </cell>
        </row>
        <row r="218">
          <cell r="C218">
            <v>1998</v>
          </cell>
          <cell r="P218">
            <v>2.7085386936807145</v>
          </cell>
        </row>
        <row r="219">
          <cell r="C219">
            <v>1998</v>
          </cell>
          <cell r="P219">
            <v>2.6442932886974719</v>
          </cell>
        </row>
        <row r="220">
          <cell r="C220">
            <v>1998</v>
          </cell>
          <cell r="P220">
            <v>2.6687682928678669</v>
          </cell>
        </row>
        <row r="221">
          <cell r="C221">
            <v>1998</v>
          </cell>
          <cell r="P221">
            <v>2.6687682928678669</v>
          </cell>
        </row>
        <row r="222">
          <cell r="C222">
            <v>1998</v>
          </cell>
          <cell r="P222">
            <v>2.6687682928678669</v>
          </cell>
        </row>
        <row r="223">
          <cell r="C223">
            <v>1998</v>
          </cell>
          <cell r="P223">
            <v>2.63947695667339</v>
          </cell>
        </row>
        <row r="224">
          <cell r="C224">
            <v>1998</v>
          </cell>
          <cell r="P224">
            <v>2.6599815554814148</v>
          </cell>
        </row>
        <row r="225">
          <cell r="C225">
            <v>1998</v>
          </cell>
          <cell r="P225">
            <v>2.6277752081406107</v>
          </cell>
        </row>
        <row r="226">
          <cell r="C226">
            <v>1998</v>
          </cell>
          <cell r="P226">
            <v>2.6387812590042614</v>
          </cell>
        </row>
        <row r="227">
          <cell r="C227">
            <v>1998</v>
          </cell>
          <cell r="P227">
            <v>2.662981870156655</v>
          </cell>
        </row>
        <row r="228">
          <cell r="C228">
            <v>1998</v>
          </cell>
          <cell r="P228">
            <v>2.662981870156655</v>
          </cell>
        </row>
        <row r="229">
          <cell r="C229">
            <v>1998</v>
          </cell>
          <cell r="P229">
            <v>2.662981870156655</v>
          </cell>
        </row>
        <row r="230">
          <cell r="C230">
            <v>1998</v>
          </cell>
          <cell r="P230">
            <v>2.8528343519206563</v>
          </cell>
        </row>
        <row r="231">
          <cell r="C231">
            <v>1998</v>
          </cell>
          <cell r="P231">
            <v>2.8685017667308657</v>
          </cell>
        </row>
        <row r="232">
          <cell r="C232">
            <v>1998</v>
          </cell>
          <cell r="P232">
            <v>2.9790456620312091</v>
          </cell>
        </row>
        <row r="233">
          <cell r="C233">
            <v>1998</v>
          </cell>
          <cell r="P233">
            <v>2.8345068887338685</v>
          </cell>
        </row>
        <row r="234">
          <cell r="C234">
            <v>1998</v>
          </cell>
          <cell r="P234">
            <v>2.8788481369709285</v>
          </cell>
        </row>
        <row r="235">
          <cell r="C235">
            <v>1998</v>
          </cell>
          <cell r="P235">
            <v>2.8788481369709285</v>
          </cell>
        </row>
        <row r="236">
          <cell r="C236">
            <v>1998</v>
          </cell>
          <cell r="P236">
            <v>2.8788481369709285</v>
          </cell>
        </row>
        <row r="237">
          <cell r="C237">
            <v>1998</v>
          </cell>
          <cell r="P237">
            <v>2.8482469176991554</v>
          </cell>
        </row>
        <row r="238">
          <cell r="C238">
            <v>1998</v>
          </cell>
          <cell r="P238">
            <v>2.7703562654494167</v>
          </cell>
        </row>
        <row r="239">
          <cell r="C239">
            <v>1998</v>
          </cell>
          <cell r="P239">
            <v>2.6800302543182544</v>
          </cell>
        </row>
        <row r="240">
          <cell r="C240">
            <v>1998</v>
          </cell>
          <cell r="P240">
            <v>2.614908592529686</v>
          </cell>
        </row>
        <row r="241">
          <cell r="C241">
            <v>1998</v>
          </cell>
          <cell r="P241">
            <v>2.4224685703886806</v>
          </cell>
        </row>
        <row r="242">
          <cell r="C242">
            <v>1998</v>
          </cell>
          <cell r="P242">
            <v>2.4224685703886806</v>
          </cell>
        </row>
        <row r="243">
          <cell r="C243">
            <v>1998</v>
          </cell>
          <cell r="P243">
            <v>2.4224685703886806</v>
          </cell>
        </row>
        <row r="244">
          <cell r="C244">
            <v>1998</v>
          </cell>
          <cell r="P244">
            <v>2.4289573254879362</v>
          </cell>
        </row>
        <row r="245">
          <cell r="C245">
            <v>1998</v>
          </cell>
          <cell r="P245">
            <v>2.6279557672768079</v>
          </cell>
        </row>
        <row r="246">
          <cell r="C246">
            <v>1998</v>
          </cell>
          <cell r="P246">
            <v>2.4109952457499886</v>
          </cell>
        </row>
        <row r="247">
          <cell r="C247">
            <v>1998</v>
          </cell>
          <cell r="P247">
            <v>2.4873902427927996</v>
          </cell>
        </row>
        <row r="248">
          <cell r="C248">
            <v>1998</v>
          </cell>
          <cell r="P248">
            <v>2.5451085060887766</v>
          </cell>
        </row>
        <row r="249">
          <cell r="C249">
            <v>1998</v>
          </cell>
          <cell r="P249">
            <v>2.5451085060887766</v>
          </cell>
        </row>
        <row r="250">
          <cell r="C250">
            <v>1998</v>
          </cell>
          <cell r="P250">
            <v>2.5451085060887766</v>
          </cell>
        </row>
        <row r="251">
          <cell r="C251">
            <v>1998</v>
          </cell>
          <cell r="P251">
            <v>2.5451085060887766</v>
          </cell>
        </row>
        <row r="252">
          <cell r="C252">
            <v>1998</v>
          </cell>
          <cell r="P252">
            <v>2.6394499438892343</v>
          </cell>
        </row>
        <row r="253">
          <cell r="C253">
            <v>1998</v>
          </cell>
          <cell r="P253">
            <v>2.5794990976782275</v>
          </cell>
        </row>
        <row r="254">
          <cell r="C254">
            <v>1998</v>
          </cell>
          <cell r="P254">
            <v>2.7049654236362808</v>
          </cell>
        </row>
        <row r="255">
          <cell r="C255">
            <v>1998</v>
          </cell>
          <cell r="P255">
            <v>2.7243293246993519</v>
          </cell>
        </row>
        <row r="256">
          <cell r="C256">
            <v>1998</v>
          </cell>
          <cell r="P256">
            <v>2.7243293246993519</v>
          </cell>
        </row>
        <row r="257">
          <cell r="C257">
            <v>1998</v>
          </cell>
          <cell r="P257">
            <v>2.7243293246993519</v>
          </cell>
        </row>
        <row r="258">
          <cell r="C258">
            <v>1998</v>
          </cell>
          <cell r="P258">
            <v>2.6368680904141582</v>
          </cell>
        </row>
        <row r="259">
          <cell r="C259">
            <v>1998</v>
          </cell>
          <cell r="P259">
            <v>2.8002390394443517</v>
          </cell>
        </row>
        <row r="260">
          <cell r="C260">
            <v>1998</v>
          </cell>
          <cell r="P260">
            <v>3.0636383282024839</v>
          </cell>
        </row>
        <row r="261">
          <cell r="C261">
            <v>1998</v>
          </cell>
          <cell r="P261">
            <v>3.1094889749927965</v>
          </cell>
        </row>
        <row r="262">
          <cell r="C262">
            <v>1998</v>
          </cell>
          <cell r="P262">
            <v>3.3338419951168468</v>
          </cell>
        </row>
        <row r="263">
          <cell r="C263">
            <v>1998</v>
          </cell>
          <cell r="P263">
            <v>3.3338419951168468</v>
          </cell>
        </row>
        <row r="264">
          <cell r="C264">
            <v>1998</v>
          </cell>
          <cell r="P264">
            <v>3.3338419951168468</v>
          </cell>
        </row>
        <row r="265">
          <cell r="C265">
            <v>1998</v>
          </cell>
          <cell r="P265">
            <v>3.1774839439802247</v>
          </cell>
        </row>
        <row r="266">
          <cell r="C266">
            <v>1998</v>
          </cell>
          <cell r="P266">
            <v>3.3558038625437896</v>
          </cell>
        </row>
        <row r="267">
          <cell r="C267">
            <v>1998</v>
          </cell>
          <cell r="P267">
            <v>3.1909149846074523</v>
          </cell>
        </row>
        <row r="268">
          <cell r="C268">
            <v>1998</v>
          </cell>
          <cell r="P268">
            <v>3.1309077432856642</v>
          </cell>
        </row>
        <row r="269">
          <cell r="C269">
            <v>1998</v>
          </cell>
          <cell r="P269">
            <v>3.282882614761681</v>
          </cell>
        </row>
        <row r="270">
          <cell r="C270">
            <v>1998</v>
          </cell>
          <cell r="P270">
            <v>3.282882614761681</v>
          </cell>
        </row>
        <row r="271">
          <cell r="C271">
            <v>1998</v>
          </cell>
          <cell r="P271">
            <v>3.282882614761681</v>
          </cell>
        </row>
        <row r="272">
          <cell r="C272">
            <v>1998</v>
          </cell>
          <cell r="P272">
            <v>3.1006079298160478</v>
          </cell>
        </row>
        <row r="273">
          <cell r="C273">
            <v>1998</v>
          </cell>
          <cell r="P273">
            <v>3.0300922415492635</v>
          </cell>
        </row>
        <row r="274">
          <cell r="C274">
            <v>1998</v>
          </cell>
          <cell r="P274">
            <v>3.1167203447020819</v>
          </cell>
        </row>
        <row r="275">
          <cell r="C275">
            <v>1998</v>
          </cell>
          <cell r="P275">
            <v>3.443077902973871</v>
          </cell>
        </row>
        <row r="276">
          <cell r="C276">
            <v>1998</v>
          </cell>
          <cell r="P276">
            <v>3.2263747137592693</v>
          </cell>
        </row>
        <row r="277">
          <cell r="C277">
            <v>1998</v>
          </cell>
          <cell r="P277">
            <v>3.2263747137592693</v>
          </cell>
        </row>
        <row r="278">
          <cell r="C278">
            <v>1998</v>
          </cell>
          <cell r="P278">
            <v>3.2263747137592693</v>
          </cell>
        </row>
        <row r="279">
          <cell r="C279">
            <v>1998</v>
          </cell>
          <cell r="P279">
            <v>3.2040251891842706</v>
          </cell>
        </row>
        <row r="280">
          <cell r="C280">
            <v>1998</v>
          </cell>
          <cell r="P280">
            <v>3.0149916212978267</v>
          </cell>
        </row>
        <row r="281">
          <cell r="C281">
            <v>1998</v>
          </cell>
          <cell r="P281">
            <v>3.0501925964119438</v>
          </cell>
        </row>
        <row r="282">
          <cell r="C282">
            <v>1998</v>
          </cell>
          <cell r="P282">
            <v>3.0415674618219315</v>
          </cell>
        </row>
        <row r="283">
          <cell r="C283">
            <v>1998</v>
          </cell>
          <cell r="P283">
            <v>2.8363210104487346</v>
          </cell>
        </row>
        <row r="284">
          <cell r="C284">
            <v>1998</v>
          </cell>
          <cell r="P284">
            <v>2.8363210104487346</v>
          </cell>
        </row>
        <row r="285">
          <cell r="C285">
            <v>1998</v>
          </cell>
          <cell r="P285">
            <v>2.8363210104487346</v>
          </cell>
        </row>
        <row r="286">
          <cell r="C286">
            <v>1998</v>
          </cell>
          <cell r="P286">
            <v>2.763031061858328</v>
          </cell>
        </row>
        <row r="287">
          <cell r="C287">
            <v>1998</v>
          </cell>
          <cell r="P287">
            <v>2.707022186500053</v>
          </cell>
        </row>
        <row r="288">
          <cell r="C288">
            <v>1998</v>
          </cell>
          <cell r="P288">
            <v>2.8857567749958295</v>
          </cell>
        </row>
        <row r="289">
          <cell r="C289">
            <v>1998</v>
          </cell>
          <cell r="P289">
            <v>2.8573838734626409</v>
          </cell>
        </row>
        <row r="290">
          <cell r="C290">
            <v>1998</v>
          </cell>
          <cell r="P290">
            <v>2.72752820703356</v>
          </cell>
        </row>
        <row r="291">
          <cell r="C291">
            <v>1998</v>
          </cell>
          <cell r="P291">
            <v>2.72752820703356</v>
          </cell>
        </row>
        <row r="292">
          <cell r="C292">
            <v>1998</v>
          </cell>
          <cell r="P292">
            <v>2.72752820703356</v>
          </cell>
        </row>
        <row r="293">
          <cell r="C293">
            <v>1998</v>
          </cell>
          <cell r="P293">
            <v>2.8629286028419343</v>
          </cell>
        </row>
        <row r="294">
          <cell r="C294">
            <v>1998</v>
          </cell>
          <cell r="P294">
            <v>3.0330901866820343</v>
          </cell>
        </row>
        <row r="295">
          <cell r="C295">
            <v>1998</v>
          </cell>
          <cell r="P295">
            <v>3.1741158763136741</v>
          </cell>
        </row>
        <row r="296">
          <cell r="C296">
            <v>1998</v>
          </cell>
          <cell r="P296">
            <v>2.9621010638297869</v>
          </cell>
        </row>
        <row r="297">
          <cell r="C297">
            <v>1998</v>
          </cell>
          <cell r="P297">
            <v>2.8694363142809483</v>
          </cell>
        </row>
        <row r="298">
          <cell r="C298">
            <v>1998</v>
          </cell>
          <cell r="P298">
            <v>2.8694363142809483</v>
          </cell>
        </row>
        <row r="299">
          <cell r="C299">
            <v>1998</v>
          </cell>
          <cell r="P299">
            <v>2.8694363142809483</v>
          </cell>
        </row>
        <row r="300">
          <cell r="C300">
            <v>1998</v>
          </cell>
          <cell r="P300">
            <v>2.8408918578729465</v>
          </cell>
        </row>
        <row r="301">
          <cell r="C301">
            <v>1998</v>
          </cell>
          <cell r="P301">
            <v>2.7158084499780109</v>
          </cell>
        </row>
        <row r="302">
          <cell r="C302">
            <v>1998</v>
          </cell>
          <cell r="P302">
            <v>2.4409197236923919</v>
          </cell>
        </row>
        <row r="303">
          <cell r="C303">
            <v>1998</v>
          </cell>
          <cell r="P303">
            <v>2.3938871491181515</v>
          </cell>
        </row>
        <row r="304">
          <cell r="C304">
            <v>1998</v>
          </cell>
          <cell r="P304">
            <v>2.5731335587874007</v>
          </cell>
        </row>
        <row r="305">
          <cell r="C305">
            <v>1998</v>
          </cell>
          <cell r="P305">
            <v>2.9093953306743905</v>
          </cell>
        </row>
        <row r="306">
          <cell r="C306">
            <v>1998</v>
          </cell>
          <cell r="P306">
            <v>2.9093953306743905</v>
          </cell>
        </row>
        <row r="307">
          <cell r="C307">
            <v>1998</v>
          </cell>
          <cell r="P307">
            <v>2.88921346355075</v>
          </cell>
        </row>
        <row r="308">
          <cell r="C308">
            <v>1998</v>
          </cell>
          <cell r="P308">
            <v>3.3362949454815669</v>
          </cell>
        </row>
        <row r="309">
          <cell r="C309">
            <v>1998</v>
          </cell>
          <cell r="P309">
            <v>3.4735018804689042</v>
          </cell>
        </row>
        <row r="310">
          <cell r="C310">
            <v>1998</v>
          </cell>
          <cell r="P310">
            <v>3.5744415462307213</v>
          </cell>
        </row>
        <row r="311">
          <cell r="C311">
            <v>1998</v>
          </cell>
          <cell r="P311">
            <v>3.5999226581337869</v>
          </cell>
        </row>
        <row r="312">
          <cell r="C312">
            <v>1998</v>
          </cell>
          <cell r="P312">
            <v>3.5999226581337869</v>
          </cell>
        </row>
        <row r="313">
          <cell r="C313">
            <v>1998</v>
          </cell>
          <cell r="P313">
            <v>3.5999226581337869</v>
          </cell>
        </row>
        <row r="314">
          <cell r="C314">
            <v>1998</v>
          </cell>
          <cell r="P314">
            <v>3.6874483439741588</v>
          </cell>
        </row>
        <row r="315">
          <cell r="C315">
            <v>1998</v>
          </cell>
          <cell r="P315">
            <v>3.7065530170910357</v>
          </cell>
        </row>
        <row r="316">
          <cell r="C316">
            <v>1998</v>
          </cell>
          <cell r="P316">
            <v>3.7212034242732144</v>
          </cell>
        </row>
        <row r="317">
          <cell r="C317">
            <v>1998</v>
          </cell>
          <cell r="P317">
            <v>3.4924364204364506</v>
          </cell>
        </row>
        <row r="318">
          <cell r="C318">
            <v>1998</v>
          </cell>
          <cell r="P318">
            <v>3.4352555693726212</v>
          </cell>
        </row>
        <row r="319">
          <cell r="C319">
            <v>1998</v>
          </cell>
          <cell r="P319">
            <v>3.4352555693726212</v>
          </cell>
        </row>
        <row r="320">
          <cell r="C320">
            <v>1998</v>
          </cell>
          <cell r="P320">
            <v>3.4352555693726212</v>
          </cell>
        </row>
        <row r="321">
          <cell r="C321">
            <v>1998</v>
          </cell>
          <cell r="P321">
            <v>3.4156063753961869</v>
          </cell>
        </row>
        <row r="322">
          <cell r="C322">
            <v>1998</v>
          </cell>
          <cell r="P322">
            <v>3.3919071594303998</v>
          </cell>
        </row>
        <row r="323">
          <cell r="C323">
            <v>1998</v>
          </cell>
          <cell r="P323">
            <v>3.3983290934320078</v>
          </cell>
        </row>
        <row r="324">
          <cell r="C324">
            <v>1998</v>
          </cell>
          <cell r="P324">
            <v>3.3336031452358927</v>
          </cell>
        </row>
        <row r="325">
          <cell r="C325">
            <v>1998</v>
          </cell>
          <cell r="P325">
            <v>3.3017432250041701</v>
          </cell>
        </row>
        <row r="326">
          <cell r="C326">
            <v>1998</v>
          </cell>
          <cell r="P326">
            <v>3.3017432250041701</v>
          </cell>
        </row>
        <row r="327">
          <cell r="C327">
            <v>1998</v>
          </cell>
          <cell r="P327">
            <v>3.3017432250041701</v>
          </cell>
        </row>
        <row r="328">
          <cell r="C328">
            <v>1998</v>
          </cell>
          <cell r="P328">
            <v>3.0567837157458939</v>
          </cell>
        </row>
        <row r="329">
          <cell r="C329">
            <v>1998</v>
          </cell>
          <cell r="P329">
            <v>3.0076081269619808</v>
          </cell>
        </row>
        <row r="330">
          <cell r="C330">
            <v>1998</v>
          </cell>
          <cell r="P330">
            <v>2.8619310254621557</v>
          </cell>
        </row>
        <row r="331">
          <cell r="C331">
            <v>1998</v>
          </cell>
          <cell r="P331">
            <v>2.8295038367631666</v>
          </cell>
        </row>
        <row r="332">
          <cell r="C332">
            <v>1998</v>
          </cell>
          <cell r="P332">
            <v>2.8461806766655044</v>
          </cell>
        </row>
        <row r="333">
          <cell r="C333">
            <v>1998</v>
          </cell>
          <cell r="P333">
            <v>2.8461806766655044</v>
          </cell>
        </row>
        <row r="334">
          <cell r="C334">
            <v>1998</v>
          </cell>
          <cell r="P334">
            <v>2.8461806766655044</v>
          </cell>
        </row>
        <row r="335">
          <cell r="C335">
            <v>1998</v>
          </cell>
          <cell r="P335">
            <v>2.3684695409532761</v>
          </cell>
        </row>
        <row r="336">
          <cell r="C336">
            <v>1998</v>
          </cell>
          <cell r="P336">
            <v>2.2594203530428714</v>
          </cell>
        </row>
        <row r="337">
          <cell r="C337">
            <v>1998</v>
          </cell>
          <cell r="P337">
            <v>2.2648736180828313</v>
          </cell>
        </row>
        <row r="338">
          <cell r="C338">
            <v>1998</v>
          </cell>
          <cell r="P338">
            <v>1.9767291973127494</v>
          </cell>
        </row>
        <row r="339">
          <cell r="C339">
            <v>1998</v>
          </cell>
          <cell r="P339">
            <v>1.6138858979997273</v>
          </cell>
        </row>
        <row r="340">
          <cell r="C340">
            <v>1998</v>
          </cell>
          <cell r="P340">
            <v>1.6138858979997273</v>
          </cell>
        </row>
        <row r="341">
          <cell r="C341">
            <v>1998</v>
          </cell>
          <cell r="P341">
            <v>1.6138858979997273</v>
          </cell>
        </row>
        <row r="342">
          <cell r="C342">
            <v>1998</v>
          </cell>
          <cell r="P342">
            <v>2.2803287218877482</v>
          </cell>
        </row>
        <row r="343">
          <cell r="C343">
            <v>1998</v>
          </cell>
          <cell r="P343">
            <v>2.7010765305348721</v>
          </cell>
        </row>
        <row r="344">
          <cell r="C344">
            <v>1998</v>
          </cell>
          <cell r="P344">
            <v>2.5227807813044993</v>
          </cell>
        </row>
        <row r="345">
          <cell r="C345">
            <v>1998</v>
          </cell>
          <cell r="P345">
            <v>2.4536252104153711</v>
          </cell>
        </row>
        <row r="346">
          <cell r="C346">
            <v>1998</v>
          </cell>
          <cell r="P346">
            <v>2.3448489937974859</v>
          </cell>
        </row>
        <row r="347">
          <cell r="C347">
            <v>1998</v>
          </cell>
          <cell r="P347">
            <v>2.3448489937974859</v>
          </cell>
        </row>
        <row r="348">
          <cell r="C348">
            <v>1998</v>
          </cell>
          <cell r="P348">
            <v>2.3448489937974859</v>
          </cell>
        </row>
        <row r="349">
          <cell r="C349">
            <v>1998</v>
          </cell>
          <cell r="P349">
            <v>2.7514179342139187</v>
          </cell>
        </row>
        <row r="350">
          <cell r="C350">
            <v>1998</v>
          </cell>
          <cell r="P350">
            <v>2.8350078100119807</v>
          </cell>
        </row>
        <row r="351">
          <cell r="C351">
            <v>1998</v>
          </cell>
          <cell r="P351">
            <v>3.0116083885594698</v>
          </cell>
        </row>
        <row r="352">
          <cell r="C352">
            <v>1998</v>
          </cell>
          <cell r="P352">
            <v>3.0698180949636797</v>
          </cell>
        </row>
        <row r="353">
          <cell r="C353">
            <v>1998</v>
          </cell>
          <cell r="P353">
            <v>3.0888360428261628</v>
          </cell>
        </row>
        <row r="354">
          <cell r="C354">
            <v>1998</v>
          </cell>
          <cell r="P354">
            <v>3.0888360428261628</v>
          </cell>
        </row>
        <row r="355">
          <cell r="C355">
            <v>1998</v>
          </cell>
          <cell r="P355">
            <v>3.0888360428261628</v>
          </cell>
        </row>
        <row r="356">
          <cell r="C356">
            <v>1998</v>
          </cell>
          <cell r="P356">
            <v>3.2001941129191249</v>
          </cell>
        </row>
        <row r="357">
          <cell r="C357">
            <v>1998</v>
          </cell>
          <cell r="P357">
            <v>3.0316514004943813</v>
          </cell>
        </row>
        <row r="358">
          <cell r="C358">
            <v>1998</v>
          </cell>
          <cell r="P358">
            <v>2.8675492106580127</v>
          </cell>
        </row>
        <row r="359">
          <cell r="C359">
            <v>1998</v>
          </cell>
          <cell r="P359">
            <v>2.8669947377200828</v>
          </cell>
        </row>
        <row r="360">
          <cell r="C360">
            <v>1998</v>
          </cell>
          <cell r="P360">
            <v>2.8669947377200828</v>
          </cell>
        </row>
        <row r="361">
          <cell r="C361">
            <v>1998</v>
          </cell>
          <cell r="P361">
            <v>2.8669947377200828</v>
          </cell>
        </row>
        <row r="362">
          <cell r="C362">
            <v>1998</v>
          </cell>
          <cell r="P362">
            <v>2.8669947377200828</v>
          </cell>
        </row>
        <row r="363">
          <cell r="C363">
            <v>1998</v>
          </cell>
          <cell r="P363">
            <v>2.7567257093462336</v>
          </cell>
        </row>
        <row r="364">
          <cell r="C364">
            <v>1998</v>
          </cell>
          <cell r="P364">
            <v>2.7644333570919453</v>
          </cell>
        </row>
        <row r="365">
          <cell r="C365">
            <v>1998</v>
          </cell>
          <cell r="P365">
            <v>2.8331993751990416</v>
          </cell>
        </row>
        <row r="366">
          <cell r="C366">
            <v>1999</v>
          </cell>
          <cell r="P366">
            <v>2.901267800003033</v>
          </cell>
        </row>
        <row r="367">
          <cell r="C367">
            <v>1999</v>
          </cell>
          <cell r="P367">
            <v>2.901267800003033</v>
          </cell>
        </row>
        <row r="368">
          <cell r="C368">
            <v>1999</v>
          </cell>
          <cell r="P368">
            <v>2.901267800003033</v>
          </cell>
        </row>
        <row r="369">
          <cell r="C369">
            <v>1999</v>
          </cell>
          <cell r="P369">
            <v>2.901267800003033</v>
          </cell>
        </row>
        <row r="370">
          <cell r="C370">
            <v>1999</v>
          </cell>
          <cell r="P370">
            <v>3.1175373629456633</v>
          </cell>
        </row>
        <row r="371">
          <cell r="C371">
            <v>1999</v>
          </cell>
          <cell r="P371">
            <v>2.9532034318557496</v>
          </cell>
        </row>
        <row r="372">
          <cell r="C372">
            <v>1999</v>
          </cell>
          <cell r="P372">
            <v>3.0132822333601248</v>
          </cell>
        </row>
        <row r="373">
          <cell r="C373">
            <v>1999</v>
          </cell>
          <cell r="P373">
            <v>2.7726803127037809</v>
          </cell>
        </row>
        <row r="374">
          <cell r="C374">
            <v>1999</v>
          </cell>
          <cell r="P374">
            <v>2.7542803415174171</v>
          </cell>
        </row>
        <row r="375">
          <cell r="C375">
            <v>1999</v>
          </cell>
          <cell r="P375">
            <v>2.7542803415174171</v>
          </cell>
        </row>
        <row r="376">
          <cell r="C376">
            <v>1999</v>
          </cell>
          <cell r="P376">
            <v>2.7542803415174171</v>
          </cell>
        </row>
        <row r="377">
          <cell r="C377">
            <v>1999</v>
          </cell>
          <cell r="P377">
            <v>2.6831789023521027</v>
          </cell>
        </row>
        <row r="378">
          <cell r="C378">
            <v>1999</v>
          </cell>
          <cell r="P378">
            <v>2.695853585022975</v>
          </cell>
        </row>
        <row r="379">
          <cell r="C379">
            <v>1999</v>
          </cell>
          <cell r="P379">
            <v>2.7966136394655825</v>
          </cell>
        </row>
        <row r="380">
          <cell r="C380">
            <v>1999</v>
          </cell>
          <cell r="P380">
            <v>2.6665504011161492</v>
          </cell>
        </row>
        <row r="381">
          <cell r="C381">
            <v>1999</v>
          </cell>
          <cell r="P381">
            <v>2.6799904460047617</v>
          </cell>
        </row>
        <row r="382">
          <cell r="C382">
            <v>1999</v>
          </cell>
          <cell r="P382">
            <v>2.6799904460047617</v>
          </cell>
        </row>
        <row r="383">
          <cell r="C383">
            <v>1999</v>
          </cell>
          <cell r="P383">
            <v>2.6799904460047617</v>
          </cell>
        </row>
        <row r="384">
          <cell r="C384">
            <v>1999</v>
          </cell>
          <cell r="P384">
            <v>2.6817439074324021</v>
          </cell>
        </row>
        <row r="385">
          <cell r="C385">
            <v>1999</v>
          </cell>
          <cell r="P385">
            <v>2.6751954398629079</v>
          </cell>
        </row>
        <row r="386">
          <cell r="C386">
            <v>1999</v>
          </cell>
          <cell r="P386">
            <v>2.755866039338196</v>
          </cell>
        </row>
        <row r="387">
          <cell r="C387">
            <v>1999</v>
          </cell>
          <cell r="P387">
            <v>2.8111038655768037</v>
          </cell>
        </row>
        <row r="388">
          <cell r="C388">
            <v>1999</v>
          </cell>
          <cell r="P388">
            <v>2.7549125354483555</v>
          </cell>
        </row>
        <row r="389">
          <cell r="C389">
            <v>1999</v>
          </cell>
          <cell r="P389">
            <v>2.7549125354483555</v>
          </cell>
        </row>
        <row r="390">
          <cell r="C390">
            <v>1999</v>
          </cell>
          <cell r="P390">
            <v>2.7549125354483555</v>
          </cell>
        </row>
        <row r="391">
          <cell r="C391">
            <v>1999</v>
          </cell>
          <cell r="P391">
            <v>2.6197306114556951</v>
          </cell>
        </row>
        <row r="392">
          <cell r="C392">
            <v>1999</v>
          </cell>
          <cell r="P392">
            <v>2.6297632542727589</v>
          </cell>
        </row>
        <row r="393">
          <cell r="C393">
            <v>1999</v>
          </cell>
          <cell r="P393">
            <v>2.6809022459471343</v>
          </cell>
        </row>
        <row r="394">
          <cell r="C394">
            <v>1999</v>
          </cell>
          <cell r="P394">
            <v>2.7697961056095601</v>
          </cell>
        </row>
        <row r="395">
          <cell r="C395">
            <v>1999</v>
          </cell>
          <cell r="P395">
            <v>2.7860416887823964</v>
          </cell>
        </row>
        <row r="396">
          <cell r="C396">
            <v>1999</v>
          </cell>
          <cell r="P396">
            <v>2.7860416887823964</v>
          </cell>
        </row>
        <row r="397">
          <cell r="C397">
            <v>1999</v>
          </cell>
          <cell r="P397">
            <v>2.8146164753340108</v>
          </cell>
        </row>
        <row r="398">
          <cell r="C398">
            <v>1999</v>
          </cell>
          <cell r="P398">
            <v>2.6520696531748076</v>
          </cell>
        </row>
        <row r="399">
          <cell r="C399">
            <v>1999</v>
          </cell>
          <cell r="P399">
            <v>2.6875943077902975</v>
          </cell>
        </row>
        <row r="400">
          <cell r="C400">
            <v>1999</v>
          </cell>
          <cell r="P400">
            <v>2.7110655737704921</v>
          </cell>
        </row>
        <row r="401">
          <cell r="C401">
            <v>1999</v>
          </cell>
          <cell r="P401">
            <v>2.660727013542409</v>
          </cell>
        </row>
        <row r="402">
          <cell r="C402">
            <v>1999</v>
          </cell>
          <cell r="P402">
            <v>2.7145620706389049</v>
          </cell>
        </row>
        <row r="403">
          <cell r="C403">
            <v>1999</v>
          </cell>
          <cell r="P403">
            <v>2.7145620706389049</v>
          </cell>
        </row>
        <row r="404">
          <cell r="C404">
            <v>1999</v>
          </cell>
          <cell r="P404">
            <v>2.7145620706389049</v>
          </cell>
        </row>
        <row r="405">
          <cell r="C405">
            <v>1999</v>
          </cell>
          <cell r="P405">
            <v>2.7071472983424578</v>
          </cell>
        </row>
        <row r="406">
          <cell r="C406">
            <v>1999</v>
          </cell>
          <cell r="P406">
            <v>2.7385674314917883</v>
          </cell>
        </row>
        <row r="407">
          <cell r="C407">
            <v>1999</v>
          </cell>
          <cell r="P407">
            <v>2.7108063458242975</v>
          </cell>
        </row>
        <row r="408">
          <cell r="C408">
            <v>1999</v>
          </cell>
          <cell r="P408">
            <v>2.6532430506058451</v>
          </cell>
        </row>
        <row r="409">
          <cell r="C409">
            <v>1999</v>
          </cell>
          <cell r="P409">
            <v>2.7011940598413728</v>
          </cell>
        </row>
        <row r="410">
          <cell r="C410">
            <v>1999</v>
          </cell>
          <cell r="P410">
            <v>2.7011940598413728</v>
          </cell>
        </row>
        <row r="411">
          <cell r="C411">
            <v>1999</v>
          </cell>
          <cell r="P411">
            <v>2.7011940598413728</v>
          </cell>
        </row>
        <row r="412">
          <cell r="C412">
            <v>1999</v>
          </cell>
          <cell r="P412">
            <v>2.7042716216011282</v>
          </cell>
        </row>
        <row r="413">
          <cell r="C413">
            <v>1999</v>
          </cell>
          <cell r="P413">
            <v>2.6932717315478989</v>
          </cell>
        </row>
        <row r="414">
          <cell r="C414">
            <v>1999</v>
          </cell>
          <cell r="P414">
            <v>2.6787018888096936</v>
          </cell>
        </row>
        <row r="415">
          <cell r="C415">
            <v>1999</v>
          </cell>
          <cell r="P415">
            <v>2.6567262780364267</v>
          </cell>
        </row>
        <row r="416">
          <cell r="C416">
            <v>1999</v>
          </cell>
          <cell r="P416">
            <v>2.6414341987534313</v>
          </cell>
        </row>
        <row r="417">
          <cell r="C417">
            <v>1999</v>
          </cell>
          <cell r="P417">
            <v>2.6414341987534313</v>
          </cell>
        </row>
        <row r="418">
          <cell r="C418">
            <v>1999</v>
          </cell>
          <cell r="P418">
            <v>2.6414341987534313</v>
          </cell>
        </row>
        <row r="419">
          <cell r="C419">
            <v>1999</v>
          </cell>
          <cell r="P419">
            <v>2.6174876025537981</v>
          </cell>
        </row>
        <row r="420">
          <cell r="C420">
            <v>1999</v>
          </cell>
          <cell r="P420">
            <v>2.5816752854824769</v>
          </cell>
        </row>
        <row r="421">
          <cell r="C421">
            <v>1999</v>
          </cell>
          <cell r="P421">
            <v>2.5851253393184819</v>
          </cell>
        </row>
        <row r="422">
          <cell r="C422">
            <v>1999</v>
          </cell>
          <cell r="P422">
            <v>2.5260166285012362</v>
          </cell>
        </row>
        <row r="423">
          <cell r="C423">
            <v>1999</v>
          </cell>
          <cell r="P423">
            <v>2.4860064299904461</v>
          </cell>
        </row>
        <row r="424">
          <cell r="C424">
            <v>1999</v>
          </cell>
          <cell r="P424">
            <v>2.4860064299904461</v>
          </cell>
        </row>
        <row r="425">
          <cell r="C425">
            <v>1999</v>
          </cell>
          <cell r="P425">
            <v>2.507437519904157</v>
          </cell>
        </row>
        <row r="426">
          <cell r="C426">
            <v>1999</v>
          </cell>
          <cell r="P426">
            <v>2.526003359063405</v>
          </cell>
        </row>
        <row r="427">
          <cell r="C427">
            <v>1999</v>
          </cell>
          <cell r="P427">
            <v>2.5716170516067396</v>
          </cell>
        </row>
        <row r="428">
          <cell r="C428">
            <v>1999</v>
          </cell>
          <cell r="P428">
            <v>2.5906966075734368</v>
          </cell>
        </row>
        <row r="429">
          <cell r="C429">
            <v>1999</v>
          </cell>
          <cell r="P429">
            <v>2.6385850608877632</v>
          </cell>
        </row>
        <row r="430">
          <cell r="C430">
            <v>1999</v>
          </cell>
          <cell r="P430">
            <v>2.6237090732624617</v>
          </cell>
        </row>
        <row r="431">
          <cell r="C431">
            <v>1999</v>
          </cell>
          <cell r="P431">
            <v>2.6237090732624617</v>
          </cell>
        </row>
        <row r="432">
          <cell r="C432">
            <v>1999</v>
          </cell>
          <cell r="P432">
            <v>2.6237090732624617</v>
          </cell>
        </row>
        <row r="433">
          <cell r="C433">
            <v>1999</v>
          </cell>
          <cell r="P433">
            <v>2.8297407910101455</v>
          </cell>
        </row>
        <row r="434">
          <cell r="C434">
            <v>1999</v>
          </cell>
          <cell r="P434">
            <v>2.7676564087593456</v>
          </cell>
        </row>
        <row r="435">
          <cell r="C435">
            <v>1999</v>
          </cell>
          <cell r="P435">
            <v>2.9104222903807955</v>
          </cell>
        </row>
        <row r="436">
          <cell r="C436">
            <v>1999</v>
          </cell>
          <cell r="P436">
            <v>2.7995196463505252</v>
          </cell>
        </row>
        <row r="437">
          <cell r="C437">
            <v>1999</v>
          </cell>
          <cell r="P437">
            <v>2.7008101939612685</v>
          </cell>
        </row>
        <row r="438">
          <cell r="C438">
            <v>1999</v>
          </cell>
          <cell r="P438">
            <v>2.7008101939612685</v>
          </cell>
        </row>
        <row r="439">
          <cell r="C439">
            <v>1999</v>
          </cell>
          <cell r="P439">
            <v>2.7008101939612685</v>
          </cell>
        </row>
        <row r="440">
          <cell r="C440">
            <v>1999</v>
          </cell>
          <cell r="P440">
            <v>2.5915449037776197</v>
          </cell>
        </row>
        <row r="441">
          <cell r="C441">
            <v>1999</v>
          </cell>
          <cell r="P441">
            <v>2.5859978048558561</v>
          </cell>
        </row>
        <row r="442">
          <cell r="C442">
            <v>1999</v>
          </cell>
          <cell r="P442">
            <v>2.6321849266768775</v>
          </cell>
        </row>
        <row r="443">
          <cell r="C443">
            <v>1999</v>
          </cell>
          <cell r="P443">
            <v>2.6575333442016351</v>
          </cell>
        </row>
        <row r="444">
          <cell r="C444">
            <v>1999</v>
          </cell>
          <cell r="P444">
            <v>2.5923898826223444</v>
          </cell>
        </row>
        <row r="445">
          <cell r="C445">
            <v>1999</v>
          </cell>
          <cell r="P445">
            <v>2.5923898826223444</v>
          </cell>
        </row>
        <row r="446">
          <cell r="C446">
            <v>1999</v>
          </cell>
          <cell r="P446">
            <v>2.5923898826223444</v>
          </cell>
        </row>
        <row r="447">
          <cell r="C447">
            <v>1999</v>
          </cell>
          <cell r="P447">
            <v>2.6210409684414855</v>
          </cell>
        </row>
        <row r="448">
          <cell r="C448">
            <v>1999</v>
          </cell>
          <cell r="P448">
            <v>2.7340392358320318</v>
          </cell>
        </row>
        <row r="449">
          <cell r="C449">
            <v>1999</v>
          </cell>
          <cell r="P449">
            <v>2.6726661902306605</v>
          </cell>
        </row>
        <row r="450">
          <cell r="C450">
            <v>1999</v>
          </cell>
          <cell r="P450">
            <v>2.7339610409305286</v>
          </cell>
        </row>
        <row r="451">
          <cell r="C451">
            <v>1999</v>
          </cell>
          <cell r="P451">
            <v>2.7827868852459021</v>
          </cell>
        </row>
        <row r="452">
          <cell r="C452">
            <v>1999</v>
          </cell>
          <cell r="P452">
            <v>2.7827868852459021</v>
          </cell>
        </row>
        <row r="453">
          <cell r="C453">
            <v>1999</v>
          </cell>
          <cell r="P453">
            <v>2.7827868852459021</v>
          </cell>
        </row>
        <row r="454">
          <cell r="C454">
            <v>1999</v>
          </cell>
          <cell r="P454">
            <v>2.7956525530398388</v>
          </cell>
        </row>
        <row r="455">
          <cell r="C455">
            <v>1999</v>
          </cell>
          <cell r="P455">
            <v>2.8456427905248631</v>
          </cell>
        </row>
        <row r="456">
          <cell r="C456">
            <v>1999</v>
          </cell>
          <cell r="P456">
            <v>2.9252608392350741</v>
          </cell>
        </row>
        <row r="457">
          <cell r="C457">
            <v>1999</v>
          </cell>
          <cell r="P457">
            <v>2.9018668203393942</v>
          </cell>
        </row>
        <row r="458">
          <cell r="C458">
            <v>1999</v>
          </cell>
          <cell r="P458">
            <v>2.9018668203393942</v>
          </cell>
        </row>
        <row r="459">
          <cell r="C459">
            <v>1999</v>
          </cell>
          <cell r="P459">
            <v>2.9018668203393942</v>
          </cell>
        </row>
        <row r="460">
          <cell r="C460">
            <v>1999</v>
          </cell>
          <cell r="P460">
            <v>2.9018668203393942</v>
          </cell>
        </row>
        <row r="461">
          <cell r="C461">
            <v>1999</v>
          </cell>
          <cell r="P461">
            <v>3.0333603145235895</v>
          </cell>
        </row>
        <row r="462">
          <cell r="C462">
            <v>1999</v>
          </cell>
          <cell r="P462">
            <v>2.9496424834321591</v>
          </cell>
        </row>
        <row r="463">
          <cell r="C463">
            <v>1999</v>
          </cell>
          <cell r="P463">
            <v>3.0010407030527286</v>
          </cell>
        </row>
        <row r="464">
          <cell r="C464">
            <v>1999</v>
          </cell>
          <cell r="P464">
            <v>3.026054541180752</v>
          </cell>
        </row>
        <row r="465">
          <cell r="C465">
            <v>1999</v>
          </cell>
          <cell r="P465">
            <v>3.1319664548611641</v>
          </cell>
        </row>
        <row r="466">
          <cell r="C466">
            <v>1999</v>
          </cell>
          <cell r="P466">
            <v>3.1319664548611641</v>
          </cell>
        </row>
        <row r="467">
          <cell r="C467">
            <v>1999</v>
          </cell>
          <cell r="P467">
            <v>3.1319664548611641</v>
          </cell>
        </row>
        <row r="468">
          <cell r="C468">
            <v>1999</v>
          </cell>
          <cell r="P468">
            <v>3.0307282267481539</v>
          </cell>
        </row>
        <row r="469">
          <cell r="C469">
            <v>1999</v>
          </cell>
          <cell r="P469">
            <v>3.1353994479913867</v>
          </cell>
        </row>
        <row r="470">
          <cell r="C470">
            <v>1999</v>
          </cell>
          <cell r="P470">
            <v>3.1271411185756959</v>
          </cell>
        </row>
        <row r="471">
          <cell r="C471">
            <v>1999</v>
          </cell>
          <cell r="P471">
            <v>3.1362411094766536</v>
          </cell>
        </row>
        <row r="472">
          <cell r="C472">
            <v>1999</v>
          </cell>
          <cell r="P472">
            <v>3.1607071093856631</v>
          </cell>
        </row>
        <row r="473">
          <cell r="C473">
            <v>1999</v>
          </cell>
          <cell r="P473">
            <v>3.1607071093856631</v>
          </cell>
        </row>
        <row r="474">
          <cell r="C474">
            <v>1999</v>
          </cell>
          <cell r="P474">
            <v>3.1607071093856631</v>
          </cell>
        </row>
        <row r="475">
          <cell r="C475">
            <v>1999</v>
          </cell>
          <cell r="P475">
            <v>3.0985397931484204</v>
          </cell>
        </row>
        <row r="476">
          <cell r="C476">
            <v>1999</v>
          </cell>
          <cell r="P476">
            <v>3.2047256259383392</v>
          </cell>
        </row>
        <row r="477">
          <cell r="C477">
            <v>1999</v>
          </cell>
          <cell r="P477">
            <v>3.2109219794968231</v>
          </cell>
        </row>
        <row r="478">
          <cell r="C478">
            <v>1999</v>
          </cell>
          <cell r="P478">
            <v>3.2849194734687068</v>
          </cell>
        </row>
        <row r="479">
          <cell r="C479">
            <v>1999</v>
          </cell>
          <cell r="P479">
            <v>3.2605018122260807</v>
          </cell>
        </row>
        <row r="480">
          <cell r="C480">
            <v>1999</v>
          </cell>
          <cell r="P480">
            <v>3.2605018122260807</v>
          </cell>
        </row>
        <row r="481">
          <cell r="C481">
            <v>1999</v>
          </cell>
          <cell r="P481">
            <v>3.2605018122260807</v>
          </cell>
        </row>
        <row r="482">
          <cell r="C482">
            <v>1999</v>
          </cell>
          <cell r="P482">
            <v>3.2382072610363815</v>
          </cell>
        </row>
        <row r="483">
          <cell r="C483">
            <v>1999</v>
          </cell>
          <cell r="P483">
            <v>3.4125117529306497</v>
          </cell>
        </row>
        <row r="484">
          <cell r="C484">
            <v>1999</v>
          </cell>
          <cell r="P484">
            <v>3.3936705729364127</v>
          </cell>
        </row>
        <row r="485">
          <cell r="C485">
            <v>1999</v>
          </cell>
          <cell r="P485">
            <v>3.4128505975038292</v>
          </cell>
        </row>
        <row r="486">
          <cell r="C486">
            <v>1999</v>
          </cell>
          <cell r="P486">
            <v>3.1913528760558685</v>
          </cell>
        </row>
        <row r="487">
          <cell r="C487">
            <v>1999</v>
          </cell>
          <cell r="P487">
            <v>3.1913528760558685</v>
          </cell>
        </row>
        <row r="488">
          <cell r="C488">
            <v>1999</v>
          </cell>
          <cell r="P488">
            <v>3.1913528760558685</v>
          </cell>
        </row>
        <row r="489">
          <cell r="C489">
            <v>1999</v>
          </cell>
          <cell r="P489">
            <v>3.2995404983242596</v>
          </cell>
        </row>
        <row r="490">
          <cell r="C490">
            <v>1999</v>
          </cell>
          <cell r="P490">
            <v>3.3745507347477295</v>
          </cell>
        </row>
        <row r="491">
          <cell r="C491">
            <v>1999</v>
          </cell>
          <cell r="P491">
            <v>3.3810527592848154</v>
          </cell>
        </row>
        <row r="492">
          <cell r="C492">
            <v>1999</v>
          </cell>
          <cell r="P492">
            <v>3.2292503905005989</v>
          </cell>
        </row>
        <row r="493">
          <cell r="C493">
            <v>1999</v>
          </cell>
          <cell r="P493">
            <v>3.234351541529549</v>
          </cell>
        </row>
        <row r="494">
          <cell r="C494">
            <v>1999</v>
          </cell>
          <cell r="P494">
            <v>3.234351541529549</v>
          </cell>
        </row>
        <row r="495">
          <cell r="C495">
            <v>1999</v>
          </cell>
          <cell r="P495">
            <v>3.234351541529549</v>
          </cell>
        </row>
        <row r="496">
          <cell r="C496">
            <v>1999</v>
          </cell>
          <cell r="P496">
            <v>3.306633012844816</v>
          </cell>
        </row>
        <row r="497">
          <cell r="C497">
            <v>1999</v>
          </cell>
          <cell r="P497">
            <v>3.1432075643378163</v>
          </cell>
        </row>
        <row r="498">
          <cell r="C498">
            <v>1999</v>
          </cell>
          <cell r="P498">
            <v>3.1983591392305244</v>
          </cell>
        </row>
        <row r="499">
          <cell r="C499">
            <v>1999</v>
          </cell>
          <cell r="P499">
            <v>3.2794117089519421</v>
          </cell>
        </row>
        <row r="500">
          <cell r="C500">
            <v>1999</v>
          </cell>
          <cell r="P500">
            <v>3.288172381371226</v>
          </cell>
        </row>
        <row r="501">
          <cell r="C501">
            <v>1999</v>
          </cell>
          <cell r="P501">
            <v>3.288172381371226</v>
          </cell>
        </row>
        <row r="502">
          <cell r="C502">
            <v>1999</v>
          </cell>
          <cell r="P502">
            <v>3.3020465264403027</v>
          </cell>
        </row>
        <row r="503">
          <cell r="C503">
            <v>1999</v>
          </cell>
          <cell r="P503">
            <v>3.2803102394564836</v>
          </cell>
        </row>
        <row r="504">
          <cell r="C504">
            <v>1999</v>
          </cell>
          <cell r="P504">
            <v>3.2392309033833273</v>
          </cell>
        </row>
        <row r="505">
          <cell r="C505">
            <v>1999</v>
          </cell>
          <cell r="P505">
            <v>3.3067837157458939</v>
          </cell>
        </row>
        <row r="506">
          <cell r="C506">
            <v>1999</v>
          </cell>
          <cell r="P506">
            <v>3.1951953261248689</v>
          </cell>
        </row>
        <row r="507">
          <cell r="C507">
            <v>1999</v>
          </cell>
          <cell r="P507">
            <v>3.1816794558772235</v>
          </cell>
        </row>
        <row r="508">
          <cell r="C508">
            <v>1999</v>
          </cell>
          <cell r="P508">
            <v>3.1816794558772235</v>
          </cell>
        </row>
        <row r="509">
          <cell r="C509">
            <v>1999</v>
          </cell>
          <cell r="P509">
            <v>3.1263459001228369</v>
          </cell>
        </row>
        <row r="510">
          <cell r="C510">
            <v>1999</v>
          </cell>
          <cell r="P510">
            <v>3.1263459001228369</v>
          </cell>
        </row>
        <row r="511">
          <cell r="C511">
            <v>1999</v>
          </cell>
          <cell r="P511">
            <v>3.1961696819884442</v>
          </cell>
        </row>
        <row r="512">
          <cell r="C512">
            <v>1999</v>
          </cell>
          <cell r="P512">
            <v>3.2656238152287651</v>
          </cell>
        </row>
        <row r="513">
          <cell r="C513">
            <v>1999</v>
          </cell>
          <cell r="P513">
            <v>3.2716121229584023</v>
          </cell>
        </row>
        <row r="514">
          <cell r="C514">
            <v>1999</v>
          </cell>
          <cell r="P514">
            <v>3.2647366585280779</v>
          </cell>
        </row>
        <row r="515">
          <cell r="C515">
            <v>1999</v>
          </cell>
          <cell r="P515">
            <v>3.2647366585280779</v>
          </cell>
        </row>
        <row r="516">
          <cell r="C516">
            <v>1999</v>
          </cell>
          <cell r="P516">
            <v>3.3065922567143358</v>
          </cell>
        </row>
        <row r="517">
          <cell r="C517">
            <v>1999</v>
          </cell>
          <cell r="P517">
            <v>3.4158186864014803</v>
          </cell>
        </row>
        <row r="518">
          <cell r="C518">
            <v>1999</v>
          </cell>
          <cell r="P518">
            <v>3.4449119288454835</v>
          </cell>
        </row>
        <row r="519">
          <cell r="C519">
            <v>1999</v>
          </cell>
          <cell r="P519">
            <v>3.465073891812378</v>
          </cell>
        </row>
        <row r="520">
          <cell r="C520">
            <v>1999</v>
          </cell>
          <cell r="P520">
            <v>3.3719935245143384</v>
          </cell>
        </row>
        <row r="521">
          <cell r="C521">
            <v>1999</v>
          </cell>
          <cell r="P521">
            <v>3.3571459713986749</v>
          </cell>
        </row>
        <row r="522">
          <cell r="C522">
            <v>1999</v>
          </cell>
          <cell r="P522">
            <v>3.3571459713986749</v>
          </cell>
        </row>
        <row r="523">
          <cell r="C523">
            <v>1999</v>
          </cell>
          <cell r="P523">
            <v>3.4825165678409484</v>
          </cell>
        </row>
        <row r="524">
          <cell r="C524">
            <v>1999</v>
          </cell>
          <cell r="P524">
            <v>3.4065679925994452</v>
          </cell>
        </row>
        <row r="525">
          <cell r="C525">
            <v>1999</v>
          </cell>
          <cell r="P525">
            <v>3.4130984516461687</v>
          </cell>
        </row>
        <row r="526">
          <cell r="C526">
            <v>1999</v>
          </cell>
          <cell r="P526">
            <v>3.3768103304469146</v>
          </cell>
        </row>
        <row r="527">
          <cell r="C527">
            <v>1999</v>
          </cell>
          <cell r="P527">
            <v>3.2385655358578118</v>
          </cell>
        </row>
        <row r="528">
          <cell r="C528">
            <v>1999</v>
          </cell>
          <cell r="P528">
            <v>3.2390091142081556</v>
          </cell>
        </row>
        <row r="529">
          <cell r="C529">
            <v>1999</v>
          </cell>
          <cell r="P529">
            <v>3.2390091142081556</v>
          </cell>
        </row>
        <row r="530">
          <cell r="C530">
            <v>1999</v>
          </cell>
          <cell r="P530">
            <v>3.2666929527911313</v>
          </cell>
        </row>
        <row r="531">
          <cell r="C531">
            <v>1999</v>
          </cell>
          <cell r="P531">
            <v>3.2791870763258069</v>
          </cell>
        </row>
        <row r="532">
          <cell r="C532">
            <v>1999</v>
          </cell>
          <cell r="P532">
            <v>3.2619832501781896</v>
          </cell>
        </row>
        <row r="533">
          <cell r="C533">
            <v>1999</v>
          </cell>
          <cell r="P533">
            <v>3.1937612790221563</v>
          </cell>
        </row>
        <row r="534">
          <cell r="C534">
            <v>1999</v>
          </cell>
          <cell r="P534">
            <v>3.2126446368723558</v>
          </cell>
        </row>
        <row r="535">
          <cell r="C535">
            <v>1999</v>
          </cell>
          <cell r="P535">
            <v>3.2196812301906244</v>
          </cell>
        </row>
        <row r="536">
          <cell r="C536">
            <v>1999</v>
          </cell>
          <cell r="P536">
            <v>3.2196812301906244</v>
          </cell>
        </row>
        <row r="537">
          <cell r="C537">
            <v>1999</v>
          </cell>
          <cell r="P537">
            <v>3.1364136121684534</v>
          </cell>
        </row>
        <row r="538">
          <cell r="C538">
            <v>1999</v>
          </cell>
          <cell r="P538">
            <v>3.182105973521784</v>
          </cell>
        </row>
        <row r="539">
          <cell r="C539">
            <v>1999</v>
          </cell>
          <cell r="P539">
            <v>3.2185021458576606</v>
          </cell>
        </row>
        <row r="540">
          <cell r="C540">
            <v>1999</v>
          </cell>
          <cell r="P540">
            <v>3.2396915424394535</v>
          </cell>
        </row>
        <row r="541">
          <cell r="C541">
            <v>1999</v>
          </cell>
          <cell r="P541">
            <v>3.2618533992508447</v>
          </cell>
        </row>
        <row r="542">
          <cell r="C542">
            <v>1999</v>
          </cell>
          <cell r="P542">
            <v>3.2452192111129645</v>
          </cell>
        </row>
        <row r="543">
          <cell r="C543">
            <v>1999</v>
          </cell>
          <cell r="P543">
            <v>3.2452192111129645</v>
          </cell>
        </row>
        <row r="544">
          <cell r="C544">
            <v>1999</v>
          </cell>
          <cell r="P544">
            <v>3.1758769202772177</v>
          </cell>
        </row>
        <row r="545">
          <cell r="C545">
            <v>1999</v>
          </cell>
          <cell r="P545">
            <v>3.314679031255213</v>
          </cell>
        </row>
        <row r="546">
          <cell r="C546">
            <v>1999</v>
          </cell>
          <cell r="P546">
            <v>3.3288905991719866</v>
          </cell>
        </row>
        <row r="547">
          <cell r="C547">
            <v>1999</v>
          </cell>
          <cell r="P547">
            <v>3.2507847924659923</v>
          </cell>
        </row>
        <row r="548">
          <cell r="C548">
            <v>1999</v>
          </cell>
          <cell r="P548">
            <v>3.1810254621555631</v>
          </cell>
        </row>
        <row r="549">
          <cell r="C549">
            <v>1999</v>
          </cell>
          <cell r="P549">
            <v>3.1648177916622431</v>
          </cell>
        </row>
        <row r="550">
          <cell r="C550">
            <v>1999</v>
          </cell>
          <cell r="P550">
            <v>3.1648177916622431</v>
          </cell>
        </row>
        <row r="551">
          <cell r="C551">
            <v>1999</v>
          </cell>
          <cell r="P551">
            <v>3.1648177916622431</v>
          </cell>
        </row>
        <row r="552">
          <cell r="C552">
            <v>1999</v>
          </cell>
          <cell r="P552">
            <v>3.1708686553130825</v>
          </cell>
        </row>
        <row r="553">
          <cell r="C553">
            <v>1999</v>
          </cell>
          <cell r="P553">
            <v>3.0614867836399209</v>
          </cell>
        </row>
        <row r="554">
          <cell r="C554">
            <v>1999</v>
          </cell>
          <cell r="P554">
            <v>3.037374319467403</v>
          </cell>
        </row>
        <row r="555">
          <cell r="C555">
            <v>1999</v>
          </cell>
          <cell r="P555">
            <v>3.0367544471573074</v>
          </cell>
        </row>
        <row r="556">
          <cell r="C556">
            <v>1999</v>
          </cell>
          <cell r="P556">
            <v>3.0437796666717221</v>
          </cell>
        </row>
        <row r="557">
          <cell r="C557">
            <v>1999</v>
          </cell>
          <cell r="P557">
            <v>3.0437796666717221</v>
          </cell>
        </row>
        <row r="558">
          <cell r="C558">
            <v>1999</v>
          </cell>
          <cell r="P558">
            <v>2.9739682064269575</v>
          </cell>
        </row>
        <row r="559">
          <cell r="C559">
            <v>1999</v>
          </cell>
          <cell r="P559">
            <v>3.0607228431476625</v>
          </cell>
        </row>
        <row r="560">
          <cell r="C560">
            <v>1999</v>
          </cell>
          <cell r="P560">
            <v>3.0913051060796777</v>
          </cell>
        </row>
        <row r="561">
          <cell r="C561">
            <v>1999</v>
          </cell>
          <cell r="P561">
            <v>3.0454487723874371</v>
          </cell>
        </row>
        <row r="562">
          <cell r="C562">
            <v>1999</v>
          </cell>
          <cell r="P562">
            <v>3.1332479034288228</v>
          </cell>
        </row>
        <row r="563">
          <cell r="C563">
            <v>1999</v>
          </cell>
          <cell r="P563">
            <v>3.1332479034288228</v>
          </cell>
        </row>
        <row r="564">
          <cell r="C564">
            <v>1999</v>
          </cell>
          <cell r="P564">
            <v>3.1332479034288228</v>
          </cell>
        </row>
        <row r="565">
          <cell r="C565">
            <v>1999</v>
          </cell>
          <cell r="P565">
            <v>3.1332479034288228</v>
          </cell>
        </row>
        <row r="566">
          <cell r="C566">
            <v>1999</v>
          </cell>
          <cell r="P566">
            <v>3.2233815077114389</v>
          </cell>
        </row>
        <row r="567">
          <cell r="C567">
            <v>1999</v>
          </cell>
          <cell r="P567">
            <v>3.2370850457226918</v>
          </cell>
        </row>
        <row r="568">
          <cell r="C568">
            <v>1999</v>
          </cell>
          <cell r="P568">
            <v>3.3717357182936261</v>
          </cell>
        </row>
        <row r="569">
          <cell r="C569">
            <v>1999</v>
          </cell>
          <cell r="P569">
            <v>3.6029604115800482</v>
          </cell>
        </row>
        <row r="570">
          <cell r="C570">
            <v>1999</v>
          </cell>
          <cell r="P570">
            <v>3.6149502964771534</v>
          </cell>
        </row>
        <row r="571">
          <cell r="C571">
            <v>1999</v>
          </cell>
          <cell r="P571">
            <v>3.6149502964771534</v>
          </cell>
        </row>
        <row r="572">
          <cell r="C572">
            <v>1999</v>
          </cell>
          <cell r="P572">
            <v>3.7435453663123095</v>
          </cell>
        </row>
        <row r="573">
          <cell r="C573">
            <v>1999</v>
          </cell>
          <cell r="P573">
            <v>3.7063264888309244</v>
          </cell>
        </row>
        <row r="574">
          <cell r="C574">
            <v>1999</v>
          </cell>
          <cell r="P574">
            <v>3.7720424318709154</v>
          </cell>
        </row>
        <row r="575">
          <cell r="C575">
            <v>1999</v>
          </cell>
          <cell r="P575">
            <v>3.895451994965196</v>
          </cell>
        </row>
        <row r="576">
          <cell r="C576">
            <v>1999</v>
          </cell>
          <cell r="P576">
            <v>3.7019077660332718</v>
          </cell>
        </row>
        <row r="577">
          <cell r="C577">
            <v>1999</v>
          </cell>
          <cell r="P577">
            <v>3.8405042007248906</v>
          </cell>
        </row>
        <row r="578">
          <cell r="C578">
            <v>1999</v>
          </cell>
          <cell r="P578">
            <v>3.8405042007248906</v>
          </cell>
        </row>
        <row r="579">
          <cell r="C579">
            <v>1999</v>
          </cell>
          <cell r="P579">
            <v>3.6691805932576087</v>
          </cell>
        </row>
        <row r="580">
          <cell r="C580">
            <v>1999</v>
          </cell>
          <cell r="P580">
            <v>3.7691193642801899</v>
          </cell>
        </row>
        <row r="581">
          <cell r="C581">
            <v>1999</v>
          </cell>
          <cell r="P581">
            <v>3.7962534690101757</v>
          </cell>
        </row>
        <row r="582">
          <cell r="C582">
            <v>1999</v>
          </cell>
          <cell r="P582">
            <v>3.8259059234770478</v>
          </cell>
        </row>
        <row r="583">
          <cell r="C583">
            <v>1999</v>
          </cell>
          <cell r="P583">
            <v>3.8670790934320074</v>
          </cell>
        </row>
        <row r="584">
          <cell r="C584">
            <v>1999</v>
          </cell>
          <cell r="P584">
            <v>3.8911432189381419</v>
          </cell>
        </row>
        <row r="585">
          <cell r="C585">
            <v>1999</v>
          </cell>
          <cell r="P585">
            <v>3.8911432189381419</v>
          </cell>
        </row>
        <row r="586">
          <cell r="C586">
            <v>1999</v>
          </cell>
          <cell r="P586">
            <v>3.9339030345308688</v>
          </cell>
        </row>
        <row r="587">
          <cell r="C587">
            <v>1999</v>
          </cell>
          <cell r="P587">
            <v>3.9320718521102198</v>
          </cell>
        </row>
        <row r="588">
          <cell r="C588">
            <v>1999</v>
          </cell>
          <cell r="P588">
            <v>3.9381795847803343</v>
          </cell>
        </row>
        <row r="589">
          <cell r="C589">
            <v>1999</v>
          </cell>
          <cell r="P589">
            <v>3.8713755478382192</v>
          </cell>
        </row>
        <row r="590">
          <cell r="C590">
            <v>1999</v>
          </cell>
          <cell r="P590">
            <v>3.855793436556922</v>
          </cell>
        </row>
        <row r="591">
          <cell r="C591">
            <v>1999</v>
          </cell>
          <cell r="P591">
            <v>3.8376143067287427</v>
          </cell>
        </row>
        <row r="592">
          <cell r="C592">
            <v>1999</v>
          </cell>
          <cell r="P592">
            <v>3.8376143067287427</v>
          </cell>
        </row>
        <row r="593">
          <cell r="C593">
            <v>1999</v>
          </cell>
          <cell r="P593">
            <v>3.8516201983591394</v>
          </cell>
        </row>
        <row r="594">
          <cell r="C594">
            <v>1999</v>
          </cell>
          <cell r="P594">
            <v>3.790803521329674</v>
          </cell>
        </row>
        <row r="595">
          <cell r="C595">
            <v>1999</v>
          </cell>
          <cell r="P595">
            <v>3.8682420648761773</v>
          </cell>
        </row>
        <row r="596">
          <cell r="C596">
            <v>1999</v>
          </cell>
          <cell r="P596">
            <v>4.1325010236423472</v>
          </cell>
        </row>
        <row r="597">
          <cell r="C597">
            <v>1999</v>
          </cell>
          <cell r="P597">
            <v>4.2891609544896188</v>
          </cell>
        </row>
        <row r="598">
          <cell r="C598">
            <v>1999</v>
          </cell>
          <cell r="P598">
            <v>4.2908840857736461</v>
          </cell>
        </row>
        <row r="599">
          <cell r="C599">
            <v>1999</v>
          </cell>
          <cell r="P599">
            <v>4.2908840857736461</v>
          </cell>
        </row>
        <row r="600">
          <cell r="C600">
            <v>1999</v>
          </cell>
          <cell r="P600">
            <v>4.3192067530064753</v>
          </cell>
        </row>
        <row r="601">
          <cell r="C601">
            <v>1999</v>
          </cell>
          <cell r="P601">
            <v>4.4083015498703384</v>
          </cell>
        </row>
        <row r="602">
          <cell r="C602">
            <v>1999</v>
          </cell>
          <cell r="P602">
            <v>4.4939500841661486</v>
          </cell>
        </row>
        <row r="603">
          <cell r="C603">
            <v>1999</v>
          </cell>
          <cell r="P603">
            <v>4.3244102682701202</v>
          </cell>
        </row>
        <row r="604">
          <cell r="C604">
            <v>1999</v>
          </cell>
          <cell r="P604">
            <v>4.2156018258746455</v>
          </cell>
        </row>
        <row r="605">
          <cell r="C605">
            <v>1999</v>
          </cell>
          <cell r="P605">
            <v>4.1858631200618737</v>
          </cell>
        </row>
        <row r="606">
          <cell r="C606">
            <v>1999</v>
          </cell>
          <cell r="P606">
            <v>4.1858631200618737</v>
          </cell>
        </row>
        <row r="607">
          <cell r="C607">
            <v>1999</v>
          </cell>
          <cell r="P607">
            <v>4.1151559727635316</v>
          </cell>
        </row>
        <row r="608">
          <cell r="C608">
            <v>1999</v>
          </cell>
          <cell r="P608">
            <v>4.1736789326822459</v>
          </cell>
        </row>
        <row r="609">
          <cell r="C609">
            <v>1999</v>
          </cell>
          <cell r="P609">
            <v>3.9129752354377394</v>
          </cell>
        </row>
        <row r="610">
          <cell r="C610">
            <v>1999</v>
          </cell>
          <cell r="P610">
            <v>3.6894098512306459</v>
          </cell>
        </row>
        <row r="611">
          <cell r="C611">
            <v>1999</v>
          </cell>
          <cell r="P611">
            <v>3.583057202650854</v>
          </cell>
        </row>
        <row r="612">
          <cell r="C612">
            <v>1999</v>
          </cell>
          <cell r="P612">
            <v>3.5749040809208226</v>
          </cell>
        </row>
        <row r="613">
          <cell r="C613">
            <v>1999</v>
          </cell>
          <cell r="P613">
            <v>3.5749040809208226</v>
          </cell>
        </row>
        <row r="614">
          <cell r="C614">
            <v>1999</v>
          </cell>
          <cell r="P614">
            <v>3.5749040809208226</v>
          </cell>
        </row>
        <row r="615">
          <cell r="C615">
            <v>1999</v>
          </cell>
          <cell r="P615">
            <v>3.7162046374789579</v>
          </cell>
        </row>
        <row r="616">
          <cell r="C616">
            <v>1999</v>
          </cell>
          <cell r="P616">
            <v>3.8288460517735556</v>
          </cell>
        </row>
        <row r="617">
          <cell r="C617">
            <v>1999</v>
          </cell>
          <cell r="P617">
            <v>3.9614901957810771</v>
          </cell>
        </row>
        <row r="618">
          <cell r="C618">
            <v>1999</v>
          </cell>
          <cell r="P618">
            <v>4.1179619849562483</v>
          </cell>
        </row>
        <row r="619">
          <cell r="C619">
            <v>1999</v>
          </cell>
          <cell r="P619">
            <v>4.1026618492288565</v>
          </cell>
        </row>
        <row r="620">
          <cell r="C620">
            <v>1999</v>
          </cell>
          <cell r="P620">
            <v>4.1026618492288565</v>
          </cell>
        </row>
        <row r="621">
          <cell r="C621">
            <v>1999</v>
          </cell>
          <cell r="P621">
            <v>4.0257806220712462</v>
          </cell>
        </row>
        <row r="622">
          <cell r="C622">
            <v>1999</v>
          </cell>
          <cell r="P622">
            <v>3.7897514444730898</v>
          </cell>
        </row>
        <row r="623">
          <cell r="C623">
            <v>1999</v>
          </cell>
          <cell r="P623">
            <v>3.6456425061797666</v>
          </cell>
        </row>
        <row r="624">
          <cell r="C624">
            <v>1999</v>
          </cell>
          <cell r="P624">
            <v>3.6428559242353011</v>
          </cell>
        </row>
        <row r="625">
          <cell r="C625">
            <v>1999</v>
          </cell>
          <cell r="P625">
            <v>3.6583271409290128</v>
          </cell>
        </row>
        <row r="626">
          <cell r="C626">
            <v>1999</v>
          </cell>
          <cell r="P626">
            <v>3.6533700580822255</v>
          </cell>
        </row>
        <row r="627">
          <cell r="C627">
            <v>1999</v>
          </cell>
          <cell r="P627">
            <v>3.6533700580822255</v>
          </cell>
        </row>
        <row r="628">
          <cell r="C628">
            <v>1999</v>
          </cell>
          <cell r="P628">
            <v>3.681311702885913</v>
          </cell>
        </row>
        <row r="629">
          <cell r="C629">
            <v>1999</v>
          </cell>
          <cell r="P629">
            <v>3.5185715260611756</v>
          </cell>
        </row>
        <row r="630">
          <cell r="C630">
            <v>1999</v>
          </cell>
          <cell r="P630">
            <v>3.5023941857114691</v>
          </cell>
        </row>
        <row r="631">
          <cell r="C631">
            <v>1999</v>
          </cell>
          <cell r="P631">
            <v>3.6529103668430869</v>
          </cell>
        </row>
        <row r="632">
          <cell r="C632">
            <v>1999</v>
          </cell>
          <cell r="P632">
            <v>3.8173983181935363</v>
          </cell>
        </row>
        <row r="633">
          <cell r="C633">
            <v>1999</v>
          </cell>
          <cell r="P633">
            <v>3.8129994995526308</v>
          </cell>
        </row>
        <row r="634">
          <cell r="C634">
            <v>1999</v>
          </cell>
          <cell r="P634">
            <v>3.8129994995526308</v>
          </cell>
        </row>
        <row r="635">
          <cell r="C635">
            <v>1999</v>
          </cell>
          <cell r="P635">
            <v>3.7222137971823299</v>
          </cell>
        </row>
        <row r="636">
          <cell r="C636">
            <v>1999</v>
          </cell>
          <cell r="P636">
            <v>3.6954863059401584</v>
          </cell>
        </row>
        <row r="637">
          <cell r="C637">
            <v>1999</v>
          </cell>
          <cell r="P637">
            <v>3.643207090429323</v>
          </cell>
        </row>
        <row r="638">
          <cell r="C638">
            <v>1999</v>
          </cell>
          <cell r="P638">
            <v>3.5446018979087368</v>
          </cell>
        </row>
        <row r="639">
          <cell r="C639">
            <v>1999</v>
          </cell>
          <cell r="P639">
            <v>3.4692945208595565</v>
          </cell>
        </row>
        <row r="640">
          <cell r="C640">
            <v>1999</v>
          </cell>
          <cell r="P640">
            <v>3.4747226687493367</v>
          </cell>
        </row>
        <row r="641">
          <cell r="C641">
            <v>1999</v>
          </cell>
          <cell r="P641">
            <v>3.4747226687493367</v>
          </cell>
        </row>
        <row r="642">
          <cell r="C642">
            <v>1999</v>
          </cell>
          <cell r="P642">
            <v>3.5863603448537327</v>
          </cell>
        </row>
        <row r="643">
          <cell r="C643">
            <v>1999</v>
          </cell>
          <cell r="P643">
            <v>3.5663396066180377</v>
          </cell>
        </row>
        <row r="644">
          <cell r="C644">
            <v>1999</v>
          </cell>
          <cell r="P644">
            <v>3.5773475531156635</v>
          </cell>
        </row>
        <row r="645">
          <cell r="C645">
            <v>1999</v>
          </cell>
          <cell r="P645">
            <v>3.5656116831713196</v>
          </cell>
        </row>
        <row r="646">
          <cell r="C646">
            <v>1999</v>
          </cell>
          <cell r="P646">
            <v>3.5072256828073587</v>
          </cell>
        </row>
        <row r="647">
          <cell r="C647">
            <v>1999</v>
          </cell>
          <cell r="P647">
            <v>3.5129467061464039</v>
          </cell>
        </row>
        <row r="648">
          <cell r="C648">
            <v>1999</v>
          </cell>
          <cell r="P648">
            <v>3.5129467061464039</v>
          </cell>
        </row>
        <row r="649">
          <cell r="C649">
            <v>1999</v>
          </cell>
          <cell r="P649">
            <v>3.6805624535569677</v>
          </cell>
        </row>
        <row r="650">
          <cell r="C650">
            <v>1999</v>
          </cell>
          <cell r="P650">
            <v>3.8132582535903312</v>
          </cell>
        </row>
        <row r="651">
          <cell r="C651">
            <v>1999</v>
          </cell>
          <cell r="P651">
            <v>4.0752576166573151</v>
          </cell>
        </row>
        <row r="652">
          <cell r="C652">
            <v>1999</v>
          </cell>
          <cell r="P652">
            <v>3.9660359260551106</v>
          </cell>
        </row>
        <row r="653">
          <cell r="C653">
            <v>1999</v>
          </cell>
          <cell r="P653">
            <v>4.0100473339803759</v>
          </cell>
        </row>
        <row r="654">
          <cell r="C654">
            <v>1999</v>
          </cell>
          <cell r="P654">
            <v>4.0189771917320032</v>
          </cell>
        </row>
        <row r="655">
          <cell r="C655">
            <v>1999</v>
          </cell>
          <cell r="P655">
            <v>4.0189771917320032</v>
          </cell>
        </row>
        <row r="656">
          <cell r="C656">
            <v>1999</v>
          </cell>
          <cell r="P656">
            <v>4.1667854597291516</v>
          </cell>
        </row>
        <row r="657">
          <cell r="C657">
            <v>1999</v>
          </cell>
          <cell r="P657">
            <v>4.3286038845331429</v>
          </cell>
        </row>
        <row r="658">
          <cell r="C658">
            <v>1999</v>
          </cell>
          <cell r="P658">
            <v>4.3661871976463811</v>
          </cell>
        </row>
        <row r="659">
          <cell r="C659">
            <v>1999</v>
          </cell>
          <cell r="P659">
            <v>4.5480467387513084</v>
          </cell>
        </row>
        <row r="660">
          <cell r="C660">
            <v>1999</v>
          </cell>
          <cell r="P660">
            <v>4.5811307646229213</v>
          </cell>
        </row>
        <row r="661">
          <cell r="C661">
            <v>1999</v>
          </cell>
          <cell r="P661">
            <v>4.5549070381098256</v>
          </cell>
        </row>
        <row r="662">
          <cell r="C662">
            <v>1999</v>
          </cell>
          <cell r="P662">
            <v>4.5549070381098256</v>
          </cell>
        </row>
        <row r="663">
          <cell r="C663">
            <v>1999</v>
          </cell>
          <cell r="P663">
            <v>4.4709456180525002</v>
          </cell>
        </row>
        <row r="664">
          <cell r="C664">
            <v>1999</v>
          </cell>
          <cell r="P664">
            <v>4.4572970534265481</v>
          </cell>
        </row>
        <row r="665">
          <cell r="C665">
            <v>1999</v>
          </cell>
          <cell r="P665">
            <v>4.5670632648883096</v>
          </cell>
        </row>
        <row r="666">
          <cell r="C666">
            <v>1999</v>
          </cell>
          <cell r="P666">
            <v>4.5239973044084865</v>
          </cell>
        </row>
        <row r="667">
          <cell r="C667">
            <v>1999</v>
          </cell>
          <cell r="P667">
            <v>4.3047354832350129</v>
          </cell>
        </row>
        <row r="668">
          <cell r="C668">
            <v>1999</v>
          </cell>
          <cell r="P668">
            <v>4.4918904778514133</v>
          </cell>
        </row>
        <row r="669">
          <cell r="C669">
            <v>1999</v>
          </cell>
          <cell r="P669">
            <v>4.4918904778514133</v>
          </cell>
        </row>
        <row r="670">
          <cell r="C670">
            <v>1999</v>
          </cell>
          <cell r="P670">
            <v>4.4918904778514133</v>
          </cell>
        </row>
        <row r="671">
          <cell r="C671">
            <v>1999</v>
          </cell>
          <cell r="P671">
            <v>3.9036615118060087</v>
          </cell>
        </row>
        <row r="672">
          <cell r="C672">
            <v>1999</v>
          </cell>
          <cell r="P672">
            <v>4.0648117256335201</v>
          </cell>
        </row>
        <row r="673">
          <cell r="C673">
            <v>1999</v>
          </cell>
          <cell r="P673">
            <v>4.1065734899379747</v>
          </cell>
        </row>
        <row r="674">
          <cell r="C674">
            <v>1999</v>
          </cell>
          <cell r="P674">
            <v>3.9918141785838857</v>
          </cell>
        </row>
        <row r="675">
          <cell r="C675">
            <v>1999</v>
          </cell>
          <cell r="P675">
            <v>3.8269096616672478</v>
          </cell>
        </row>
        <row r="676">
          <cell r="C676">
            <v>1999</v>
          </cell>
          <cell r="P676">
            <v>3.8269096616672478</v>
          </cell>
        </row>
        <row r="677">
          <cell r="C677">
            <v>1999</v>
          </cell>
          <cell r="P677">
            <v>3.8269096616672478</v>
          </cell>
        </row>
        <row r="678">
          <cell r="C678">
            <v>1999</v>
          </cell>
          <cell r="P678">
            <v>3.7719656586948935</v>
          </cell>
        </row>
        <row r="679">
          <cell r="C679">
            <v>1999</v>
          </cell>
          <cell r="P679">
            <v>3.5620763258064025</v>
          </cell>
        </row>
        <row r="680">
          <cell r="C680">
            <v>1999</v>
          </cell>
          <cell r="P680">
            <v>3.5702218650005313</v>
          </cell>
        </row>
        <row r="681">
          <cell r="C681">
            <v>1999</v>
          </cell>
          <cell r="P681">
            <v>3.653898939961481</v>
          </cell>
        </row>
        <row r="682">
          <cell r="C682">
            <v>1999</v>
          </cell>
          <cell r="P682">
            <v>3.3804347826086958</v>
          </cell>
        </row>
        <row r="683">
          <cell r="C683">
            <v>1999</v>
          </cell>
          <cell r="P683">
            <v>3.3804347826086958</v>
          </cell>
        </row>
        <row r="684">
          <cell r="C684">
            <v>1999</v>
          </cell>
          <cell r="P684">
            <v>3.3804347826086958</v>
          </cell>
        </row>
        <row r="685">
          <cell r="C685">
            <v>1999</v>
          </cell>
          <cell r="P685">
            <v>3.5338645531611594</v>
          </cell>
        </row>
        <row r="686">
          <cell r="C686">
            <v>1999</v>
          </cell>
          <cell r="P686">
            <v>3.314679031255213</v>
          </cell>
        </row>
        <row r="687">
          <cell r="C687">
            <v>1999</v>
          </cell>
          <cell r="P687">
            <v>3.3240756888733869</v>
          </cell>
        </row>
        <row r="688">
          <cell r="C688">
            <v>1999</v>
          </cell>
          <cell r="P688">
            <v>3.2400555041628123</v>
          </cell>
        </row>
        <row r="689">
          <cell r="C689">
            <v>1999</v>
          </cell>
          <cell r="P689">
            <v>3.1254137221152241</v>
          </cell>
        </row>
        <row r="690">
          <cell r="C690">
            <v>1999</v>
          </cell>
          <cell r="P690">
            <v>3.1254137221152241</v>
          </cell>
        </row>
        <row r="691">
          <cell r="C691">
            <v>1999</v>
          </cell>
          <cell r="P691">
            <v>3.1254137221152241</v>
          </cell>
        </row>
        <row r="692">
          <cell r="C692">
            <v>1999</v>
          </cell>
          <cell r="P692">
            <v>2.958082793709528</v>
          </cell>
        </row>
        <row r="693">
          <cell r="C693">
            <v>1999</v>
          </cell>
          <cell r="P693">
            <v>2.8806551500583852</v>
          </cell>
        </row>
        <row r="694">
          <cell r="C694">
            <v>1999</v>
          </cell>
          <cell r="P694">
            <v>2.9163632072610364</v>
          </cell>
        </row>
        <row r="695">
          <cell r="C695">
            <v>1999</v>
          </cell>
          <cell r="P695">
            <v>2.9159660719431004</v>
          </cell>
        </row>
        <row r="696">
          <cell r="C696">
            <v>1999</v>
          </cell>
          <cell r="P696">
            <v>2.8666648974082891</v>
          </cell>
        </row>
        <row r="697">
          <cell r="C697">
            <v>1999</v>
          </cell>
          <cell r="P697">
            <v>3.3606775374956399</v>
          </cell>
        </row>
        <row r="698">
          <cell r="C698">
            <v>1999</v>
          </cell>
          <cell r="P698">
            <v>3.3606775374956399</v>
          </cell>
        </row>
        <row r="699">
          <cell r="C699">
            <v>1999</v>
          </cell>
          <cell r="P699">
            <v>3.3757847924659927</v>
          </cell>
        </row>
        <row r="700">
          <cell r="C700">
            <v>1999</v>
          </cell>
          <cell r="P700">
            <v>3.1199367616505662</v>
          </cell>
        </row>
        <row r="701">
          <cell r="C701">
            <v>1999</v>
          </cell>
          <cell r="P701">
            <v>3.1927660711848471</v>
          </cell>
        </row>
        <row r="702">
          <cell r="C702">
            <v>1999</v>
          </cell>
          <cell r="P702">
            <v>3.2191376571480563</v>
          </cell>
        </row>
        <row r="703">
          <cell r="C703">
            <v>1999</v>
          </cell>
          <cell r="P703">
            <v>3.2664645288970449</v>
          </cell>
        </row>
        <row r="704">
          <cell r="C704">
            <v>1999</v>
          </cell>
          <cell r="P704">
            <v>3.2664645288970449</v>
          </cell>
        </row>
        <row r="705">
          <cell r="C705">
            <v>1999</v>
          </cell>
          <cell r="P705">
            <v>3.2664645288970449</v>
          </cell>
        </row>
        <row r="706">
          <cell r="C706">
            <v>1999</v>
          </cell>
          <cell r="P706">
            <v>3.2067387892206671</v>
          </cell>
        </row>
        <row r="707">
          <cell r="C707">
            <v>1999</v>
          </cell>
          <cell r="P707">
            <v>3.1733130753249119</v>
          </cell>
        </row>
        <row r="708">
          <cell r="C708">
            <v>1999</v>
          </cell>
          <cell r="P708">
            <v>3.2388640982090053</v>
          </cell>
        </row>
        <row r="709">
          <cell r="C709">
            <v>1999</v>
          </cell>
          <cell r="P709">
            <v>3.2202745636250589</v>
          </cell>
        </row>
        <row r="710">
          <cell r="C710">
            <v>1999</v>
          </cell>
          <cell r="P710">
            <v>3.3277499014270329</v>
          </cell>
        </row>
        <row r="711">
          <cell r="C711">
            <v>1999</v>
          </cell>
          <cell r="P711">
            <v>3.3277499014270329</v>
          </cell>
        </row>
        <row r="712">
          <cell r="C712">
            <v>1999</v>
          </cell>
          <cell r="P712">
            <v>3.3277499014270329</v>
          </cell>
        </row>
        <row r="713">
          <cell r="C713">
            <v>1999</v>
          </cell>
          <cell r="P713">
            <v>3.4849391880620555</v>
          </cell>
        </row>
        <row r="714">
          <cell r="C714">
            <v>1999</v>
          </cell>
          <cell r="P714">
            <v>3.6591517417084969</v>
          </cell>
        </row>
        <row r="715">
          <cell r="C715">
            <v>1999</v>
          </cell>
          <cell r="P715">
            <v>3.725375714654009</v>
          </cell>
        </row>
        <row r="716">
          <cell r="C716">
            <v>1999</v>
          </cell>
          <cell r="P716">
            <v>3.7065639169863966</v>
          </cell>
        </row>
        <row r="717">
          <cell r="C717">
            <v>1999</v>
          </cell>
          <cell r="P717">
            <v>3.7043076386466689</v>
          </cell>
        </row>
        <row r="718">
          <cell r="C718">
            <v>1999</v>
          </cell>
          <cell r="P718">
            <v>3.7043076386466689</v>
          </cell>
        </row>
        <row r="719">
          <cell r="C719">
            <v>1999</v>
          </cell>
          <cell r="P719">
            <v>3.7043076386466689</v>
          </cell>
        </row>
        <row r="720">
          <cell r="C720">
            <v>1999</v>
          </cell>
          <cell r="P720">
            <v>3.7095722881060342</v>
          </cell>
        </row>
        <row r="721">
          <cell r="C721">
            <v>1999</v>
          </cell>
          <cell r="P721">
            <v>3.7068146145797001</v>
          </cell>
        </row>
        <row r="722">
          <cell r="C722">
            <v>1999</v>
          </cell>
          <cell r="P722">
            <v>3.7015499651203347</v>
          </cell>
        </row>
        <row r="723">
          <cell r="C723">
            <v>1999</v>
          </cell>
          <cell r="P723">
            <v>3.6940290373212417</v>
          </cell>
        </row>
        <row r="724">
          <cell r="C724">
            <v>1999</v>
          </cell>
          <cell r="P724">
            <v>3.6807420648761768</v>
          </cell>
        </row>
        <row r="725">
          <cell r="C725">
            <v>1999</v>
          </cell>
          <cell r="P725">
            <v>3.6807420648761768</v>
          </cell>
        </row>
        <row r="726">
          <cell r="C726">
            <v>1999</v>
          </cell>
          <cell r="P726">
            <v>3.6807420648761768</v>
          </cell>
        </row>
        <row r="727">
          <cell r="C727">
            <v>1999</v>
          </cell>
          <cell r="P727">
            <v>3.6807420648761768</v>
          </cell>
        </row>
        <row r="728">
          <cell r="C728">
            <v>1999</v>
          </cell>
          <cell r="P728">
            <v>3.8407743285664449</v>
          </cell>
        </row>
        <row r="729">
          <cell r="C729">
            <v>1999</v>
          </cell>
          <cell r="P729">
            <v>3.6231200050044738</v>
          </cell>
        </row>
        <row r="730">
          <cell r="C730">
            <v>1999</v>
          </cell>
          <cell r="P730">
            <v>3.6288642498597232</v>
          </cell>
        </row>
        <row r="731">
          <cell r="C731">
            <v>2000</v>
          </cell>
          <cell r="P731">
            <v>3.6046385215571495</v>
          </cell>
        </row>
        <row r="732">
          <cell r="C732">
            <v>2000</v>
          </cell>
          <cell r="P732">
            <v>3.6046385215571495</v>
          </cell>
        </row>
        <row r="733">
          <cell r="C733">
            <v>2000</v>
          </cell>
          <cell r="P733">
            <v>3.6046385215571495</v>
          </cell>
        </row>
        <row r="734">
          <cell r="C734">
            <v>2000</v>
          </cell>
          <cell r="P734">
            <v>3.2558025356000062</v>
          </cell>
        </row>
        <row r="735">
          <cell r="C735">
            <v>2000</v>
          </cell>
          <cell r="P735">
            <v>3.0001819808616794</v>
          </cell>
        </row>
        <row r="736">
          <cell r="C736">
            <v>2000</v>
          </cell>
          <cell r="P736">
            <v>3.0537582839204749</v>
          </cell>
        </row>
        <row r="737">
          <cell r="C737">
            <v>2000</v>
          </cell>
          <cell r="P737">
            <v>3.1212049407803946</v>
          </cell>
        </row>
        <row r="738">
          <cell r="C738">
            <v>2000</v>
          </cell>
          <cell r="P738">
            <v>3.1343359973309477</v>
          </cell>
        </row>
        <row r="739">
          <cell r="C739">
            <v>2000</v>
          </cell>
          <cell r="P739">
            <v>3.1343359973309477</v>
          </cell>
        </row>
        <row r="740">
          <cell r="C740">
            <v>2000</v>
          </cell>
          <cell r="P740">
            <v>3.1343359973309477</v>
          </cell>
        </row>
        <row r="741">
          <cell r="C741">
            <v>2000</v>
          </cell>
          <cell r="P741">
            <v>3.1335095009174867</v>
          </cell>
        </row>
        <row r="742">
          <cell r="C742">
            <v>2000</v>
          </cell>
          <cell r="P742">
            <v>3.2045085758481062</v>
          </cell>
        </row>
        <row r="743">
          <cell r="C743">
            <v>2000</v>
          </cell>
          <cell r="P743">
            <v>3.2056852906386015</v>
          </cell>
        </row>
        <row r="744">
          <cell r="C744">
            <v>2000</v>
          </cell>
          <cell r="P744">
            <v>3.2489564534963078</v>
          </cell>
        </row>
        <row r="745">
          <cell r="C745">
            <v>2000</v>
          </cell>
          <cell r="P745">
            <v>3.26933736218741</v>
          </cell>
        </row>
        <row r="746">
          <cell r="C746">
            <v>2000</v>
          </cell>
          <cell r="P746">
            <v>3.26933736218741</v>
          </cell>
        </row>
        <row r="747">
          <cell r="C747">
            <v>2000</v>
          </cell>
          <cell r="P747">
            <v>3.26933736218741</v>
          </cell>
        </row>
        <row r="748">
          <cell r="C748">
            <v>2000</v>
          </cell>
          <cell r="P748">
            <v>3.3414757131375019</v>
          </cell>
        </row>
        <row r="749">
          <cell r="C749">
            <v>2000</v>
          </cell>
          <cell r="P749">
            <v>3.4017128000788586</v>
          </cell>
        </row>
        <row r="750">
          <cell r="C750">
            <v>2000</v>
          </cell>
          <cell r="P750">
            <v>3.6271160014255166</v>
          </cell>
        </row>
        <row r="751">
          <cell r="C751">
            <v>2000</v>
          </cell>
          <cell r="P751">
            <v>3.60951456605147</v>
          </cell>
        </row>
        <row r="752">
          <cell r="C752">
            <v>2000</v>
          </cell>
          <cell r="P752">
            <v>3.5746822917456513</v>
          </cell>
        </row>
        <row r="753">
          <cell r="C753">
            <v>2000</v>
          </cell>
          <cell r="P753">
            <v>3.5746822917456513</v>
          </cell>
        </row>
        <row r="754">
          <cell r="C754">
            <v>2000</v>
          </cell>
          <cell r="P754">
            <v>3.5746822917456513</v>
          </cell>
        </row>
        <row r="755">
          <cell r="C755">
            <v>2000</v>
          </cell>
          <cell r="P755">
            <v>3.705585295946376</v>
          </cell>
        </row>
        <row r="756">
          <cell r="C756">
            <v>2000</v>
          </cell>
          <cell r="P756">
            <v>3.7030119728241915</v>
          </cell>
        </row>
        <row r="757">
          <cell r="C757">
            <v>2000</v>
          </cell>
          <cell r="P757">
            <v>3.5840884275337044</v>
          </cell>
        </row>
        <row r="758">
          <cell r="C758">
            <v>2000</v>
          </cell>
          <cell r="P758">
            <v>3.6768100461018181</v>
          </cell>
        </row>
        <row r="759">
          <cell r="C759">
            <v>2000</v>
          </cell>
          <cell r="P759">
            <v>3.6651713273987352</v>
          </cell>
        </row>
        <row r="760">
          <cell r="C760">
            <v>2000</v>
          </cell>
          <cell r="P760">
            <v>3.6651713273987352</v>
          </cell>
        </row>
        <row r="761">
          <cell r="C761">
            <v>2000</v>
          </cell>
          <cell r="P761">
            <v>3.6651713273987352</v>
          </cell>
        </row>
        <row r="762">
          <cell r="C762">
            <v>2000</v>
          </cell>
          <cell r="P762">
            <v>3.6725102743361488</v>
          </cell>
        </row>
        <row r="763">
          <cell r="C763">
            <v>2000</v>
          </cell>
          <cell r="P763">
            <v>3.8151169227036288</v>
          </cell>
        </row>
        <row r="764">
          <cell r="C764">
            <v>2000</v>
          </cell>
          <cell r="P764">
            <v>3.932137251482386</v>
          </cell>
        </row>
        <row r="765">
          <cell r="C765">
            <v>2000</v>
          </cell>
          <cell r="P765">
            <v>3.8592003647199769</v>
          </cell>
        </row>
        <row r="766">
          <cell r="C766">
            <v>2000</v>
          </cell>
          <cell r="P766">
            <v>3.8045729326215856</v>
          </cell>
        </row>
        <row r="767">
          <cell r="C767">
            <v>2000</v>
          </cell>
          <cell r="P767">
            <v>3.8045729326215856</v>
          </cell>
        </row>
        <row r="768">
          <cell r="C768">
            <v>2000</v>
          </cell>
          <cell r="P768">
            <v>3.8045729326215856</v>
          </cell>
        </row>
        <row r="769">
          <cell r="C769">
            <v>2000</v>
          </cell>
          <cell r="P769">
            <v>3.8087930877602703</v>
          </cell>
        </row>
        <row r="770">
          <cell r="C770">
            <v>2000</v>
          </cell>
          <cell r="P770">
            <v>3.6425673139624815</v>
          </cell>
        </row>
        <row r="771">
          <cell r="C771">
            <v>2000</v>
          </cell>
          <cell r="P771">
            <v>3.6826822462504358</v>
          </cell>
        </row>
        <row r="772">
          <cell r="C772">
            <v>2000</v>
          </cell>
          <cell r="P772">
            <v>3.7519335466553434</v>
          </cell>
        </row>
        <row r="773">
          <cell r="C773">
            <v>2000</v>
          </cell>
          <cell r="P773">
            <v>3.892585796393746</v>
          </cell>
        </row>
        <row r="774">
          <cell r="C774">
            <v>2000</v>
          </cell>
          <cell r="P774">
            <v>3.892585796393746</v>
          </cell>
        </row>
        <row r="775">
          <cell r="C775">
            <v>2000</v>
          </cell>
          <cell r="P775">
            <v>3.892585796393746</v>
          </cell>
        </row>
        <row r="776">
          <cell r="C776">
            <v>2000</v>
          </cell>
          <cell r="P776">
            <v>3.805197070108127</v>
          </cell>
        </row>
        <row r="777">
          <cell r="C777">
            <v>2000</v>
          </cell>
          <cell r="P777">
            <v>3.8422567143355417</v>
          </cell>
        </row>
        <row r="778">
          <cell r="C778">
            <v>2000</v>
          </cell>
          <cell r="P778">
            <v>3.8661417024309612</v>
          </cell>
        </row>
        <row r="779">
          <cell r="C779">
            <v>2000</v>
          </cell>
          <cell r="P779">
            <v>3.895268118469541</v>
          </cell>
        </row>
        <row r="780">
          <cell r="C780">
            <v>2000</v>
          </cell>
          <cell r="P780">
            <v>3.9121392608544006</v>
          </cell>
        </row>
        <row r="781">
          <cell r="C781">
            <v>2000</v>
          </cell>
          <cell r="P781">
            <v>3.9121392608544006</v>
          </cell>
        </row>
        <row r="782">
          <cell r="C782">
            <v>2000</v>
          </cell>
          <cell r="P782">
            <v>3.9121392608544006</v>
          </cell>
        </row>
        <row r="783">
          <cell r="C783">
            <v>2000</v>
          </cell>
          <cell r="P783">
            <v>3.9188806091809347</v>
          </cell>
        </row>
        <row r="784">
          <cell r="C784">
            <v>2000</v>
          </cell>
          <cell r="P784">
            <v>3.7398806319285427</v>
          </cell>
        </row>
        <row r="785">
          <cell r="C785">
            <v>2000</v>
          </cell>
          <cell r="P785">
            <v>3.6781554723161611</v>
          </cell>
        </row>
        <row r="786">
          <cell r="C786">
            <v>2000</v>
          </cell>
          <cell r="P786">
            <v>3.7032839962997226</v>
          </cell>
        </row>
        <row r="787">
          <cell r="C787">
            <v>2000</v>
          </cell>
          <cell r="P787">
            <v>3.7186007188244035</v>
          </cell>
        </row>
        <row r="788">
          <cell r="C788">
            <v>2000</v>
          </cell>
          <cell r="P788">
            <v>3.7186007188244035</v>
          </cell>
        </row>
        <row r="789">
          <cell r="C789">
            <v>2000</v>
          </cell>
          <cell r="P789">
            <v>3.7186007188244035</v>
          </cell>
        </row>
        <row r="790">
          <cell r="C790">
            <v>2000</v>
          </cell>
          <cell r="P790">
            <v>3.8179338347917073</v>
          </cell>
        </row>
        <row r="791">
          <cell r="C791">
            <v>2000</v>
          </cell>
          <cell r="P791">
            <v>3.8998801959327278</v>
          </cell>
        </row>
        <row r="792">
          <cell r="C792">
            <v>2000</v>
          </cell>
          <cell r="P792">
            <v>3.9781490271606437</v>
          </cell>
        </row>
        <row r="793">
          <cell r="C793">
            <v>2000</v>
          </cell>
          <cell r="P793">
            <v>4.1404138737659419</v>
          </cell>
        </row>
        <row r="794">
          <cell r="C794">
            <v>2000</v>
          </cell>
          <cell r="P794">
            <v>4.0012444837051309</v>
          </cell>
        </row>
        <row r="795">
          <cell r="C795">
            <v>2000</v>
          </cell>
          <cell r="P795">
            <v>4.0012444837051309</v>
          </cell>
        </row>
        <row r="796">
          <cell r="C796">
            <v>2000</v>
          </cell>
          <cell r="P796">
            <v>4.0012444837051309</v>
          </cell>
        </row>
        <row r="797">
          <cell r="C797">
            <v>2000</v>
          </cell>
          <cell r="P797">
            <v>4.0958489407197352</v>
          </cell>
        </row>
        <row r="798">
          <cell r="C798">
            <v>2000</v>
          </cell>
          <cell r="P798">
            <v>4.0824899341835881</v>
          </cell>
        </row>
        <row r="799">
          <cell r="C799">
            <v>2000</v>
          </cell>
          <cell r="P799">
            <v>4.0100335906340518</v>
          </cell>
        </row>
        <row r="800">
          <cell r="C800">
            <v>2000</v>
          </cell>
          <cell r="P800">
            <v>4.0050859859571437</v>
          </cell>
        </row>
        <row r="801">
          <cell r="C801">
            <v>2000</v>
          </cell>
          <cell r="P801">
            <v>4.0611645258640294</v>
          </cell>
        </row>
        <row r="802">
          <cell r="C802">
            <v>2000</v>
          </cell>
          <cell r="P802">
            <v>4.0611645258640294</v>
          </cell>
        </row>
        <row r="803">
          <cell r="C803">
            <v>2000</v>
          </cell>
          <cell r="P803">
            <v>4.0611645258640294</v>
          </cell>
        </row>
        <row r="804">
          <cell r="C804">
            <v>2000</v>
          </cell>
          <cell r="P804">
            <v>4.1130205410897629</v>
          </cell>
        </row>
        <row r="805">
          <cell r="C805">
            <v>2000</v>
          </cell>
          <cell r="P805">
            <v>4.1111547633490542</v>
          </cell>
        </row>
        <row r="806">
          <cell r="C806">
            <v>2000</v>
          </cell>
          <cell r="P806">
            <v>4.0417281168013828</v>
          </cell>
        </row>
        <row r="807">
          <cell r="C807">
            <v>2000</v>
          </cell>
          <cell r="P807">
            <v>4.1788677567825783</v>
          </cell>
        </row>
        <row r="808">
          <cell r="C808">
            <v>2000</v>
          </cell>
          <cell r="P808">
            <v>4.1470822401844076</v>
          </cell>
        </row>
        <row r="809">
          <cell r="C809">
            <v>2000</v>
          </cell>
          <cell r="P809">
            <v>4.1470822401844076</v>
          </cell>
        </row>
        <row r="810">
          <cell r="C810">
            <v>2000</v>
          </cell>
          <cell r="P810">
            <v>4.1470822401844076</v>
          </cell>
        </row>
        <row r="811">
          <cell r="C811">
            <v>2000</v>
          </cell>
          <cell r="P811">
            <v>4.0408186864014795</v>
          </cell>
        </row>
        <row r="812">
          <cell r="C812">
            <v>2000</v>
          </cell>
          <cell r="P812">
            <v>4.0434441394580007</v>
          </cell>
        </row>
        <row r="813">
          <cell r="C813">
            <v>2000</v>
          </cell>
          <cell r="P813">
            <v>4.0943163206502788</v>
          </cell>
        </row>
        <row r="814">
          <cell r="C814">
            <v>2000</v>
          </cell>
          <cell r="P814">
            <v>4.0619237272713482</v>
          </cell>
        </row>
        <row r="815">
          <cell r="C815">
            <v>2000</v>
          </cell>
          <cell r="P815">
            <v>4.1098330325594095</v>
          </cell>
        </row>
        <row r="816">
          <cell r="C816">
            <v>2000</v>
          </cell>
          <cell r="P816">
            <v>4.1098330325594095</v>
          </cell>
        </row>
        <row r="817">
          <cell r="C817">
            <v>2000</v>
          </cell>
          <cell r="P817">
            <v>4.1098330325594095</v>
          </cell>
        </row>
        <row r="818">
          <cell r="C818">
            <v>2000</v>
          </cell>
          <cell r="P818">
            <v>4.1176890136637292</v>
          </cell>
        </row>
        <row r="819">
          <cell r="C819">
            <v>2000</v>
          </cell>
          <cell r="P819">
            <v>4.2377371438103761</v>
          </cell>
        </row>
        <row r="820">
          <cell r="C820">
            <v>2000</v>
          </cell>
          <cell r="P820">
            <v>4.2070420906567989</v>
          </cell>
        </row>
        <row r="821">
          <cell r="C821">
            <v>2000</v>
          </cell>
          <cell r="P821">
            <v>4.1090747789690782</v>
          </cell>
        </row>
        <row r="822">
          <cell r="C822">
            <v>2000</v>
          </cell>
          <cell r="P822">
            <v>4.1467324957158667</v>
          </cell>
        </row>
        <row r="823">
          <cell r="C823">
            <v>2000</v>
          </cell>
          <cell r="P823">
            <v>4.1467324957158667</v>
          </cell>
        </row>
        <row r="824">
          <cell r="C824">
            <v>2000</v>
          </cell>
          <cell r="P824">
            <v>4.1467324957158667</v>
          </cell>
        </row>
        <row r="825">
          <cell r="C825">
            <v>2000</v>
          </cell>
          <cell r="P825">
            <v>4.1915196918457411</v>
          </cell>
        </row>
        <row r="826">
          <cell r="C826">
            <v>2000</v>
          </cell>
          <cell r="P826">
            <v>4.1174790722009069</v>
          </cell>
        </row>
        <row r="827">
          <cell r="C827">
            <v>2000</v>
          </cell>
          <cell r="P827">
            <v>4.1220134286710852</v>
          </cell>
        </row>
        <row r="828">
          <cell r="C828">
            <v>2000</v>
          </cell>
          <cell r="P828">
            <v>4.2313251618871419</v>
          </cell>
        </row>
        <row r="829">
          <cell r="C829">
            <v>2000</v>
          </cell>
          <cell r="P829">
            <v>4.3101029708375673</v>
          </cell>
        </row>
        <row r="830">
          <cell r="C830">
            <v>2000</v>
          </cell>
          <cell r="P830">
            <v>4.3101029708375673</v>
          </cell>
        </row>
        <row r="831">
          <cell r="C831">
            <v>2000</v>
          </cell>
          <cell r="P831">
            <v>4.3101029708375673</v>
          </cell>
        </row>
        <row r="832">
          <cell r="C832">
            <v>2000</v>
          </cell>
          <cell r="P832">
            <v>4.3692187902822219</v>
          </cell>
        </row>
        <row r="833">
          <cell r="C833">
            <v>2000</v>
          </cell>
          <cell r="P833">
            <v>4.3775918055534495</v>
          </cell>
        </row>
        <row r="834">
          <cell r="C834">
            <v>2000</v>
          </cell>
          <cell r="P834">
            <v>4.3725081891387747</v>
          </cell>
        </row>
        <row r="835">
          <cell r="C835">
            <v>2000</v>
          </cell>
          <cell r="P835">
            <v>4.4811365463065469</v>
          </cell>
        </row>
        <row r="836">
          <cell r="C836">
            <v>2000</v>
          </cell>
          <cell r="P836">
            <v>4.4849391880620555</v>
          </cell>
        </row>
        <row r="837">
          <cell r="C837">
            <v>2000</v>
          </cell>
          <cell r="P837">
            <v>4.4849391880620555</v>
          </cell>
        </row>
        <row r="838">
          <cell r="C838">
            <v>2000</v>
          </cell>
          <cell r="P838">
            <v>4.4849391880620555</v>
          </cell>
        </row>
        <row r="839">
          <cell r="C839">
            <v>2000</v>
          </cell>
          <cell r="P839">
            <v>4.6441515900577786</v>
          </cell>
        </row>
        <row r="840">
          <cell r="C840">
            <v>2000</v>
          </cell>
          <cell r="P840">
            <v>4.6835305424546183</v>
          </cell>
        </row>
        <row r="841">
          <cell r="C841">
            <v>2000</v>
          </cell>
          <cell r="P841">
            <v>4.6026372059871701</v>
          </cell>
        </row>
        <row r="842">
          <cell r="C842">
            <v>2000</v>
          </cell>
          <cell r="P842">
            <v>4.5292259368223107</v>
          </cell>
        </row>
        <row r="843">
          <cell r="C843">
            <v>2000</v>
          </cell>
          <cell r="P843">
            <v>4.5292259368223107</v>
          </cell>
        </row>
        <row r="844">
          <cell r="C844">
            <v>2000</v>
          </cell>
          <cell r="P844">
            <v>4.5292259368223107</v>
          </cell>
        </row>
        <row r="845">
          <cell r="C845">
            <v>2000</v>
          </cell>
          <cell r="P845">
            <v>4.5292259368223107</v>
          </cell>
        </row>
        <row r="846">
          <cell r="C846">
            <v>2000</v>
          </cell>
          <cell r="P846">
            <v>4.6166269847287724</v>
          </cell>
        </row>
        <row r="847">
          <cell r="C847">
            <v>2000</v>
          </cell>
          <cell r="P847">
            <v>4.6393433144780936</v>
          </cell>
        </row>
        <row r="848">
          <cell r="C848">
            <v>2000</v>
          </cell>
          <cell r="P848">
            <v>4.5943968850942509</v>
          </cell>
        </row>
        <row r="849">
          <cell r="C849">
            <v>2000</v>
          </cell>
          <cell r="P849">
            <v>4.4928373470223386</v>
          </cell>
        </row>
        <row r="850">
          <cell r="C850">
            <v>2000</v>
          </cell>
          <cell r="P850">
            <v>4.5413309814834477</v>
          </cell>
        </row>
        <row r="851">
          <cell r="C851">
            <v>2000</v>
          </cell>
          <cell r="P851">
            <v>4.5413309814834477</v>
          </cell>
        </row>
        <row r="852">
          <cell r="C852">
            <v>2000</v>
          </cell>
          <cell r="P852">
            <v>4.5413309814834477</v>
          </cell>
        </row>
        <row r="853">
          <cell r="C853">
            <v>2000</v>
          </cell>
          <cell r="P853">
            <v>4.6518440727316843</v>
          </cell>
        </row>
        <row r="854">
          <cell r="C854">
            <v>2000</v>
          </cell>
          <cell r="P854">
            <v>4.6671465780015469</v>
          </cell>
        </row>
        <row r="855">
          <cell r="C855">
            <v>2000</v>
          </cell>
          <cell r="P855">
            <v>4.6808131511502715</v>
          </cell>
        </row>
        <row r="856">
          <cell r="C856">
            <v>2000</v>
          </cell>
          <cell r="P856">
            <v>4.5493395611228227</v>
          </cell>
        </row>
        <row r="857">
          <cell r="C857">
            <v>2000</v>
          </cell>
          <cell r="P857">
            <v>4.563534068333813</v>
          </cell>
        </row>
        <row r="858">
          <cell r="C858">
            <v>2000</v>
          </cell>
          <cell r="P858">
            <v>4.563534068333813</v>
          </cell>
        </row>
        <row r="859">
          <cell r="C859">
            <v>2000</v>
          </cell>
          <cell r="P859">
            <v>4.563534068333813</v>
          </cell>
        </row>
        <row r="860">
          <cell r="C860">
            <v>2000</v>
          </cell>
          <cell r="P860">
            <v>4.5692124399084024</v>
          </cell>
        </row>
        <row r="861">
          <cell r="C861">
            <v>2000</v>
          </cell>
          <cell r="P861">
            <v>4.7665645235892695</v>
          </cell>
        </row>
        <row r="862">
          <cell r="C862">
            <v>2000</v>
          </cell>
          <cell r="P862">
            <v>4.6995093151453577</v>
          </cell>
        </row>
        <row r="863">
          <cell r="C863">
            <v>2000</v>
          </cell>
          <cell r="P863">
            <v>4.9196999969669859</v>
          </cell>
        </row>
        <row r="864">
          <cell r="C864">
            <v>2000</v>
          </cell>
          <cell r="P864">
            <v>4.8835843784595321</v>
          </cell>
        </row>
        <row r="865">
          <cell r="C865">
            <v>2000</v>
          </cell>
          <cell r="P865">
            <v>4.8835843784595321</v>
          </cell>
        </row>
        <row r="866">
          <cell r="C866">
            <v>2000</v>
          </cell>
          <cell r="P866">
            <v>4.8835843784595321</v>
          </cell>
        </row>
        <row r="867">
          <cell r="C867">
            <v>2000</v>
          </cell>
          <cell r="P867">
            <v>4.9113222426108187</v>
          </cell>
        </row>
        <row r="868">
          <cell r="C868">
            <v>2000</v>
          </cell>
          <cell r="P868">
            <v>5.0345526682943849</v>
          </cell>
        </row>
        <row r="869">
          <cell r="C869">
            <v>2000</v>
          </cell>
          <cell r="P869">
            <v>5.1066734846301998</v>
          </cell>
        </row>
        <row r="870">
          <cell r="C870">
            <v>2000</v>
          </cell>
          <cell r="P870">
            <v>5.4256906742390925</v>
          </cell>
        </row>
        <row r="871">
          <cell r="C871">
            <v>2000</v>
          </cell>
          <cell r="P871">
            <v>5.4990104790646184</v>
          </cell>
        </row>
        <row r="872">
          <cell r="C872">
            <v>2000</v>
          </cell>
          <cell r="P872">
            <v>5.4990104790646184</v>
          </cell>
        </row>
        <row r="873">
          <cell r="C873">
            <v>2000</v>
          </cell>
          <cell r="P873">
            <v>5.4990104790646184</v>
          </cell>
        </row>
        <row r="874">
          <cell r="C874">
            <v>2000</v>
          </cell>
          <cell r="P874">
            <v>5.7682919200497427</v>
          </cell>
        </row>
        <row r="875">
          <cell r="C875">
            <v>2000</v>
          </cell>
          <cell r="P875">
            <v>5.6075435806251051</v>
          </cell>
        </row>
        <row r="876">
          <cell r="C876">
            <v>2000</v>
          </cell>
          <cell r="P876">
            <v>5.7747873098679126</v>
          </cell>
        </row>
        <row r="877">
          <cell r="C877">
            <v>2000</v>
          </cell>
          <cell r="P877">
            <v>6.115243645834914</v>
          </cell>
        </row>
        <row r="878">
          <cell r="C878">
            <v>2000</v>
          </cell>
          <cell r="P878">
            <v>6.2651461154668562</v>
          </cell>
        </row>
        <row r="879">
          <cell r="C879">
            <v>2000</v>
          </cell>
          <cell r="P879">
            <v>6.2651461154668562</v>
          </cell>
        </row>
        <row r="880">
          <cell r="C880">
            <v>2000</v>
          </cell>
          <cell r="P880">
            <v>6.2651461154668562</v>
          </cell>
        </row>
        <row r="881">
          <cell r="C881">
            <v>2000</v>
          </cell>
          <cell r="P881">
            <v>6.2418184437603301</v>
          </cell>
        </row>
        <row r="882">
          <cell r="C882">
            <v>2000</v>
          </cell>
          <cell r="P882">
            <v>6.348565858115589</v>
          </cell>
        </row>
        <row r="883">
          <cell r="C883">
            <v>2000</v>
          </cell>
          <cell r="P883">
            <v>6.5658363157974549</v>
          </cell>
        </row>
        <row r="884">
          <cell r="C884">
            <v>2000</v>
          </cell>
          <cell r="P884">
            <v>6.2184756069819995</v>
          </cell>
        </row>
        <row r="885">
          <cell r="C885">
            <v>2000</v>
          </cell>
          <cell r="P885">
            <v>5.9677211446596194</v>
          </cell>
        </row>
        <row r="886">
          <cell r="C886">
            <v>2000</v>
          </cell>
          <cell r="P886">
            <v>5.9677211446596194</v>
          </cell>
        </row>
        <row r="887">
          <cell r="C887">
            <v>2000</v>
          </cell>
          <cell r="P887">
            <v>5.9677211446596194</v>
          </cell>
        </row>
        <row r="888">
          <cell r="C888">
            <v>2000</v>
          </cell>
          <cell r="P888">
            <v>5.9326993069562191</v>
          </cell>
        </row>
        <row r="889">
          <cell r="C889">
            <v>2000</v>
          </cell>
          <cell r="P889">
            <v>6.3866865834609721</v>
          </cell>
        </row>
        <row r="890">
          <cell r="C890">
            <v>2000</v>
          </cell>
          <cell r="P890">
            <v>5.9833487511563357</v>
          </cell>
        </row>
        <row r="891">
          <cell r="C891">
            <v>2000</v>
          </cell>
          <cell r="P891">
            <v>5.597805234982788</v>
          </cell>
        </row>
        <row r="892">
          <cell r="C892">
            <v>2000</v>
          </cell>
          <cell r="P892">
            <v>5.9398681207443023</v>
          </cell>
        </row>
        <row r="893">
          <cell r="C893">
            <v>2000</v>
          </cell>
          <cell r="P893">
            <v>5.9398681207443023</v>
          </cell>
        </row>
        <row r="894">
          <cell r="C894">
            <v>2000</v>
          </cell>
          <cell r="P894">
            <v>5.9398681207443023</v>
          </cell>
        </row>
        <row r="895">
          <cell r="C895">
            <v>2000</v>
          </cell>
          <cell r="P895">
            <v>5.960049513959448</v>
          </cell>
        </row>
        <row r="896">
          <cell r="C896">
            <v>2000</v>
          </cell>
          <cell r="P896">
            <v>6.0431806463353599</v>
          </cell>
        </row>
        <row r="897">
          <cell r="C897">
            <v>2000</v>
          </cell>
          <cell r="P897">
            <v>5.8842516416190227</v>
          </cell>
        </row>
        <row r="898">
          <cell r="C898">
            <v>2000</v>
          </cell>
          <cell r="P898">
            <v>6.2237644257745561</v>
          </cell>
        </row>
        <row r="899">
          <cell r="C899">
            <v>2000</v>
          </cell>
          <cell r="P899">
            <v>6.3342306000818915</v>
          </cell>
        </row>
        <row r="900">
          <cell r="C900">
            <v>2000</v>
          </cell>
          <cell r="P900">
            <v>6.3342306000818915</v>
          </cell>
        </row>
        <row r="901">
          <cell r="C901">
            <v>2000</v>
          </cell>
          <cell r="P901">
            <v>6.3342306000818915</v>
          </cell>
        </row>
        <row r="902">
          <cell r="C902">
            <v>2000</v>
          </cell>
          <cell r="P902">
            <v>6.0622701543804318</v>
          </cell>
        </row>
        <row r="903">
          <cell r="C903">
            <v>2000</v>
          </cell>
          <cell r="P903">
            <v>5.7496711075051934</v>
          </cell>
        </row>
        <row r="904">
          <cell r="C904">
            <v>2000</v>
          </cell>
          <cell r="P904">
            <v>5.8637645774252745</v>
          </cell>
        </row>
        <row r="905">
          <cell r="C905">
            <v>2000</v>
          </cell>
          <cell r="P905">
            <v>6.3454309534280648</v>
          </cell>
        </row>
        <row r="906">
          <cell r="C906">
            <v>2000</v>
          </cell>
          <cell r="P906">
            <v>6.3440992705600472</v>
          </cell>
        </row>
        <row r="907">
          <cell r="C907">
            <v>2000</v>
          </cell>
          <cell r="P907">
            <v>6.3440992705600472</v>
          </cell>
        </row>
        <row r="908">
          <cell r="C908">
            <v>2000</v>
          </cell>
          <cell r="P908">
            <v>6.3440992705600472</v>
          </cell>
        </row>
        <row r="909">
          <cell r="C909">
            <v>2000</v>
          </cell>
          <cell r="P909">
            <v>6.2441562343610197</v>
          </cell>
        </row>
        <row r="910">
          <cell r="C910">
            <v>2000</v>
          </cell>
          <cell r="P910">
            <v>6.5338948833047725</v>
          </cell>
        </row>
        <row r="911">
          <cell r="C911">
            <v>2000</v>
          </cell>
          <cell r="P911">
            <v>6.4047240146494593</v>
          </cell>
        </row>
        <row r="912">
          <cell r="C912">
            <v>2000</v>
          </cell>
          <cell r="P912">
            <v>6.045857755417722</v>
          </cell>
        </row>
        <row r="913">
          <cell r="C913">
            <v>2000</v>
          </cell>
          <cell r="P913">
            <v>6.1622544206184307</v>
          </cell>
        </row>
        <row r="914">
          <cell r="C914">
            <v>2000</v>
          </cell>
          <cell r="P914">
            <v>6.1622544206184307</v>
          </cell>
        </row>
        <row r="915">
          <cell r="C915">
            <v>2000</v>
          </cell>
          <cell r="P915">
            <v>6.1622544206184307</v>
          </cell>
        </row>
        <row r="916">
          <cell r="C916">
            <v>2000</v>
          </cell>
          <cell r="P916">
            <v>6.1622544206184307</v>
          </cell>
        </row>
        <row r="917">
          <cell r="C917">
            <v>2000</v>
          </cell>
          <cell r="P917">
            <v>6.1814164366630768</v>
          </cell>
        </row>
        <row r="918">
          <cell r="C918">
            <v>2000</v>
          </cell>
          <cell r="P918">
            <v>5.9412898462261721</v>
          </cell>
        </row>
        <row r="919">
          <cell r="C919">
            <v>2000</v>
          </cell>
          <cell r="P919">
            <v>5.6945209543379693</v>
          </cell>
        </row>
        <row r="920">
          <cell r="C920">
            <v>2000</v>
          </cell>
          <cell r="P920">
            <v>5.643323198010342</v>
          </cell>
        </row>
        <row r="921">
          <cell r="C921">
            <v>2000</v>
          </cell>
          <cell r="P921">
            <v>5.643323198010342</v>
          </cell>
        </row>
        <row r="922">
          <cell r="C922">
            <v>2000</v>
          </cell>
          <cell r="P922">
            <v>5.643323198010342</v>
          </cell>
        </row>
        <row r="923">
          <cell r="C923">
            <v>2000</v>
          </cell>
          <cell r="P923">
            <v>5.6391319512897891</v>
          </cell>
        </row>
        <row r="924">
          <cell r="C924">
            <v>2000</v>
          </cell>
          <cell r="P924">
            <v>5.8984755311566399</v>
          </cell>
        </row>
        <row r="925">
          <cell r="C925">
            <v>2000</v>
          </cell>
          <cell r="P925">
            <v>6.0500200937201436</v>
          </cell>
        </row>
        <row r="926">
          <cell r="C926">
            <v>2000</v>
          </cell>
          <cell r="P926">
            <v>5.6905349099952982</v>
          </cell>
        </row>
        <row r="927">
          <cell r="C927">
            <v>2000</v>
          </cell>
          <cell r="P927">
            <v>5.9294511381386394</v>
          </cell>
        </row>
        <row r="928">
          <cell r="C928">
            <v>2000</v>
          </cell>
          <cell r="P928">
            <v>5.9294511381386394</v>
          </cell>
        </row>
        <row r="929">
          <cell r="C929">
            <v>2000</v>
          </cell>
          <cell r="P929">
            <v>5.9294511381386394</v>
          </cell>
        </row>
        <row r="930">
          <cell r="C930">
            <v>2000</v>
          </cell>
          <cell r="P930">
            <v>5.7412023627181874</v>
          </cell>
        </row>
        <row r="931">
          <cell r="C931">
            <v>2000</v>
          </cell>
          <cell r="P931">
            <v>5.5684721948408429</v>
          </cell>
        </row>
        <row r="932">
          <cell r="C932">
            <v>2000</v>
          </cell>
          <cell r="P932">
            <v>5.7132758829863057</v>
          </cell>
        </row>
        <row r="933">
          <cell r="C933">
            <v>2000</v>
          </cell>
          <cell r="P933">
            <v>5.4383369224003273</v>
          </cell>
        </row>
        <row r="934">
          <cell r="C934">
            <v>2000</v>
          </cell>
          <cell r="P934">
            <v>5.4672737750413249</v>
          </cell>
        </row>
        <row r="935">
          <cell r="C935">
            <v>2000</v>
          </cell>
          <cell r="P935">
            <v>5.4672737750413249</v>
          </cell>
        </row>
        <row r="936">
          <cell r="C936">
            <v>2000</v>
          </cell>
          <cell r="P936">
            <v>5.4672737750413249</v>
          </cell>
        </row>
        <row r="937">
          <cell r="C937">
            <v>2000</v>
          </cell>
          <cell r="P937">
            <v>5.2385631663153429</v>
          </cell>
        </row>
        <row r="938">
          <cell r="C938">
            <v>2000</v>
          </cell>
          <cell r="P938">
            <v>5.1036248312885766</v>
          </cell>
        </row>
        <row r="939">
          <cell r="C939">
            <v>2000</v>
          </cell>
          <cell r="P939">
            <v>5.1286528866714187</v>
          </cell>
        </row>
        <row r="940">
          <cell r="C940">
            <v>2000</v>
          </cell>
          <cell r="P940">
            <v>5.4089109961935673</v>
          </cell>
        </row>
        <row r="941">
          <cell r="C941">
            <v>2000</v>
          </cell>
          <cell r="P941">
            <v>5.5938390947968646</v>
          </cell>
        </row>
        <row r="942">
          <cell r="C942">
            <v>2000</v>
          </cell>
          <cell r="P942">
            <v>5.5938390947968646</v>
          </cell>
        </row>
        <row r="943">
          <cell r="C943">
            <v>2000</v>
          </cell>
          <cell r="P943">
            <v>5.5938390947968646</v>
          </cell>
        </row>
        <row r="944">
          <cell r="C944">
            <v>2000</v>
          </cell>
          <cell r="P944">
            <v>5.4551265525242272</v>
          </cell>
        </row>
        <row r="945">
          <cell r="C945">
            <v>2000</v>
          </cell>
          <cell r="P945">
            <v>5.4892176339454961</v>
          </cell>
        </row>
        <row r="946">
          <cell r="C946">
            <v>2000</v>
          </cell>
          <cell r="P946">
            <v>5.8464811346506735</v>
          </cell>
        </row>
        <row r="947">
          <cell r="C947">
            <v>2000</v>
          </cell>
          <cell r="P947">
            <v>6.0697171524544675</v>
          </cell>
        </row>
        <row r="948">
          <cell r="C948">
            <v>2000</v>
          </cell>
          <cell r="P948">
            <v>6.1171615535099555</v>
          </cell>
        </row>
        <row r="949">
          <cell r="C949">
            <v>2000</v>
          </cell>
          <cell r="P949">
            <v>6.1171615535099555</v>
          </cell>
        </row>
        <row r="950">
          <cell r="C950">
            <v>2000</v>
          </cell>
          <cell r="P950">
            <v>6.1171615535099555</v>
          </cell>
        </row>
        <row r="951">
          <cell r="C951">
            <v>2000</v>
          </cell>
          <cell r="P951">
            <v>6.3006058446186737</v>
          </cell>
        </row>
        <row r="952">
          <cell r="C952">
            <v>2000</v>
          </cell>
          <cell r="P952">
            <v>6.4205501888051435</v>
          </cell>
        </row>
        <row r="953">
          <cell r="C953">
            <v>2000</v>
          </cell>
          <cell r="P953">
            <v>6.4041624330841209</v>
          </cell>
        </row>
        <row r="954">
          <cell r="C954">
            <v>2000</v>
          </cell>
          <cell r="P954">
            <v>6.3222710453283995</v>
          </cell>
        </row>
        <row r="955">
          <cell r="C955">
            <v>2000</v>
          </cell>
          <cell r="P955">
            <v>6.3638280811634642</v>
          </cell>
        </row>
        <row r="956">
          <cell r="C956">
            <v>2000</v>
          </cell>
          <cell r="P956">
            <v>6.3638280811634642</v>
          </cell>
        </row>
        <row r="957">
          <cell r="C957">
            <v>2000</v>
          </cell>
          <cell r="P957">
            <v>6.3638280811634642</v>
          </cell>
        </row>
        <row r="958">
          <cell r="C958">
            <v>2000</v>
          </cell>
          <cell r="P958">
            <v>6.3399705797606947</v>
          </cell>
        </row>
        <row r="959">
          <cell r="C959">
            <v>2000</v>
          </cell>
          <cell r="P959">
            <v>6.1172241094311577</v>
          </cell>
        </row>
        <row r="960">
          <cell r="C960">
            <v>2000</v>
          </cell>
          <cell r="P960">
            <v>6.0966763849501842</v>
          </cell>
        </row>
        <row r="961">
          <cell r="C961">
            <v>2000</v>
          </cell>
          <cell r="P961">
            <v>6.2521600749154542</v>
          </cell>
        </row>
        <row r="962">
          <cell r="C962">
            <v>2000</v>
          </cell>
          <cell r="P962">
            <v>6.2955634582429747</v>
          </cell>
        </row>
        <row r="963">
          <cell r="C963">
            <v>2000</v>
          </cell>
          <cell r="P963">
            <v>6.2955634582429747</v>
          </cell>
        </row>
        <row r="964">
          <cell r="C964">
            <v>2000</v>
          </cell>
          <cell r="P964">
            <v>6.2955634582429747</v>
          </cell>
        </row>
        <row r="965">
          <cell r="C965">
            <v>2000</v>
          </cell>
          <cell r="P965">
            <v>6.5442095016757404</v>
          </cell>
        </row>
        <row r="966">
          <cell r="C966">
            <v>2000</v>
          </cell>
          <cell r="P966">
            <v>6.7403322667232839</v>
          </cell>
        </row>
        <row r="967">
          <cell r="C967">
            <v>2000</v>
          </cell>
          <cell r="P967">
            <v>6.7180675717687022</v>
          </cell>
        </row>
        <row r="968">
          <cell r="C968">
            <v>2000</v>
          </cell>
          <cell r="P968">
            <v>6.3912166747547063</v>
          </cell>
        </row>
        <row r="969">
          <cell r="C969">
            <v>2000</v>
          </cell>
          <cell r="P969">
            <v>6.5273094508727487</v>
          </cell>
        </row>
        <row r="970">
          <cell r="C970">
            <v>2000</v>
          </cell>
          <cell r="P970">
            <v>6.5273094508727487</v>
          </cell>
        </row>
        <row r="971">
          <cell r="C971">
            <v>2000</v>
          </cell>
          <cell r="P971">
            <v>6.5273094508727487</v>
          </cell>
        </row>
        <row r="972">
          <cell r="C972">
            <v>2000</v>
          </cell>
          <cell r="P972">
            <v>6.6051361254758048</v>
          </cell>
        </row>
        <row r="973">
          <cell r="C973">
            <v>2000</v>
          </cell>
          <cell r="P973">
            <v>6.6876213205744541</v>
          </cell>
        </row>
        <row r="974">
          <cell r="C974">
            <v>2000</v>
          </cell>
          <cell r="P974">
            <v>6.653890883517084</v>
          </cell>
        </row>
        <row r="975">
          <cell r="C975">
            <v>2000</v>
          </cell>
          <cell r="P975">
            <v>6.8931582778544458</v>
          </cell>
        </row>
        <row r="976">
          <cell r="C976">
            <v>2000</v>
          </cell>
          <cell r="P976">
            <v>6.8992451585508263</v>
          </cell>
        </row>
        <row r="977">
          <cell r="C977">
            <v>2000</v>
          </cell>
          <cell r="P977">
            <v>6.8992451585508263</v>
          </cell>
        </row>
        <row r="978">
          <cell r="C978">
            <v>2000</v>
          </cell>
          <cell r="P978">
            <v>6.8992451585508263</v>
          </cell>
        </row>
        <row r="979">
          <cell r="C979">
            <v>2000</v>
          </cell>
          <cell r="P979">
            <v>6.8992451585508263</v>
          </cell>
        </row>
        <row r="980">
          <cell r="C980">
            <v>2000</v>
          </cell>
          <cell r="P980">
            <v>7.0414674671297073</v>
          </cell>
        </row>
        <row r="981">
          <cell r="C981">
            <v>2000</v>
          </cell>
          <cell r="P981">
            <v>7.2840190473301893</v>
          </cell>
        </row>
        <row r="982">
          <cell r="C982">
            <v>2000</v>
          </cell>
          <cell r="P982">
            <v>7.1980539421604153</v>
          </cell>
        </row>
        <row r="983">
          <cell r="C983">
            <v>2000</v>
          </cell>
          <cell r="P983">
            <v>7.0449634900896259</v>
          </cell>
        </row>
        <row r="984">
          <cell r="C984">
            <v>2000</v>
          </cell>
          <cell r="P984">
            <v>7.0449634900896259</v>
          </cell>
        </row>
        <row r="985">
          <cell r="C985">
            <v>2000</v>
          </cell>
          <cell r="P985">
            <v>7.0449634900896259</v>
          </cell>
        </row>
        <row r="986">
          <cell r="C986">
            <v>2000</v>
          </cell>
          <cell r="P986">
            <v>7.307933417752233</v>
          </cell>
        </row>
        <row r="987">
          <cell r="C987">
            <v>2000</v>
          </cell>
          <cell r="P987">
            <v>7.4121259914165707</v>
          </cell>
        </row>
        <row r="988">
          <cell r="C988">
            <v>2000</v>
          </cell>
          <cell r="P988">
            <v>7.5506845134286715</v>
          </cell>
        </row>
        <row r="989">
          <cell r="C989">
            <v>2000</v>
          </cell>
          <cell r="P989">
            <v>7.6082217436799571</v>
          </cell>
        </row>
        <row r="990">
          <cell r="C990">
            <v>2000</v>
          </cell>
          <cell r="P990">
            <v>7.8361252862407316</v>
          </cell>
        </row>
        <row r="991">
          <cell r="C991">
            <v>2000</v>
          </cell>
          <cell r="P991">
            <v>7.8361252862407316</v>
          </cell>
        </row>
        <row r="992">
          <cell r="C992">
            <v>2000</v>
          </cell>
          <cell r="P992">
            <v>7.8361252862407316</v>
          </cell>
        </row>
        <row r="993">
          <cell r="C993">
            <v>2000</v>
          </cell>
          <cell r="P993">
            <v>7.5580163517386767</v>
          </cell>
        </row>
        <row r="994">
          <cell r="C994">
            <v>2000</v>
          </cell>
          <cell r="P994">
            <v>7.7770440621161336</v>
          </cell>
        </row>
        <row r="995">
          <cell r="C995">
            <v>2000</v>
          </cell>
          <cell r="P995">
            <v>7.7870937656389811</v>
          </cell>
        </row>
        <row r="996">
          <cell r="C996">
            <v>2000</v>
          </cell>
          <cell r="P996">
            <v>7.7034280644818862</v>
          </cell>
        </row>
        <row r="997">
          <cell r="C997">
            <v>2000</v>
          </cell>
          <cell r="P997">
            <v>7.7053601894117474</v>
          </cell>
        </row>
        <row r="998">
          <cell r="C998">
            <v>2000</v>
          </cell>
          <cell r="P998">
            <v>7.7053601894117474</v>
          </cell>
        </row>
        <row r="999">
          <cell r="C999">
            <v>2000</v>
          </cell>
          <cell r="P999">
            <v>7.7053601894117474</v>
          </cell>
        </row>
        <row r="1000">
          <cell r="C1000">
            <v>2000</v>
          </cell>
          <cell r="P1000">
            <v>7.6346174989763567</v>
          </cell>
        </row>
        <row r="1001">
          <cell r="C1001">
            <v>2000</v>
          </cell>
          <cell r="P1001">
            <v>7.8415553297644864</v>
          </cell>
        </row>
        <row r="1002">
          <cell r="C1002">
            <v>2000</v>
          </cell>
          <cell r="P1002">
            <v>7.9824360033969768</v>
          </cell>
        </row>
        <row r="1003">
          <cell r="C1003">
            <v>2000</v>
          </cell>
          <cell r="P1003">
            <v>7.9348489558848065</v>
          </cell>
        </row>
        <row r="1004">
          <cell r="C1004">
            <v>2000</v>
          </cell>
          <cell r="P1004">
            <v>7.6702942782184067</v>
          </cell>
        </row>
        <row r="1005">
          <cell r="C1005">
            <v>2000</v>
          </cell>
          <cell r="P1005">
            <v>7.6702942782184067</v>
          </cell>
        </row>
        <row r="1006">
          <cell r="C1006">
            <v>2000</v>
          </cell>
          <cell r="P1006">
            <v>7.6702942782184067</v>
          </cell>
        </row>
        <row r="1007">
          <cell r="C1007">
            <v>2000</v>
          </cell>
          <cell r="P1007">
            <v>7.7647940014558463</v>
          </cell>
        </row>
        <row r="1008">
          <cell r="C1008">
            <v>2000</v>
          </cell>
          <cell r="P1008">
            <v>7.7696799980285416</v>
          </cell>
        </row>
        <row r="1009">
          <cell r="C1009">
            <v>2000</v>
          </cell>
          <cell r="P1009">
            <v>7.7051478784064535</v>
          </cell>
        </row>
        <row r="1010">
          <cell r="C1010">
            <v>2000</v>
          </cell>
          <cell r="P1010">
            <v>7.7033816214494779</v>
          </cell>
        </row>
        <row r="1011">
          <cell r="C1011">
            <v>2000</v>
          </cell>
          <cell r="P1011">
            <v>7.5686219499249328</v>
          </cell>
        </row>
        <row r="1012">
          <cell r="C1012">
            <v>2000</v>
          </cell>
          <cell r="P1012">
            <v>7.5686219499249328</v>
          </cell>
        </row>
        <row r="1013">
          <cell r="C1013">
            <v>2000</v>
          </cell>
          <cell r="P1013">
            <v>7.5686219499249328</v>
          </cell>
        </row>
        <row r="1014">
          <cell r="C1014">
            <v>2000</v>
          </cell>
          <cell r="P1014">
            <v>7.5899620494078039</v>
          </cell>
        </row>
        <row r="1015">
          <cell r="C1015">
            <v>2000</v>
          </cell>
          <cell r="P1015">
            <v>7.6688622310095393</v>
          </cell>
        </row>
        <row r="1016">
          <cell r="C1016">
            <v>2000</v>
          </cell>
          <cell r="P1016">
            <v>7.7843564701778867</v>
          </cell>
        </row>
        <row r="1017">
          <cell r="C1017">
            <v>2000</v>
          </cell>
          <cell r="P1017">
            <v>8.3708182314493271</v>
          </cell>
        </row>
        <row r="1018">
          <cell r="C1018">
            <v>2000</v>
          </cell>
          <cell r="P1018">
            <v>8.1470026235574231</v>
          </cell>
        </row>
        <row r="1019">
          <cell r="C1019">
            <v>2000</v>
          </cell>
          <cell r="P1019">
            <v>8.1470026235574231</v>
          </cell>
        </row>
        <row r="1020">
          <cell r="C1020">
            <v>2000</v>
          </cell>
          <cell r="P1020">
            <v>8.1470026235574231</v>
          </cell>
        </row>
        <row r="1021">
          <cell r="C1021">
            <v>2000</v>
          </cell>
          <cell r="P1021">
            <v>8.0486429156367052</v>
          </cell>
        </row>
        <row r="1022">
          <cell r="C1022">
            <v>2000</v>
          </cell>
          <cell r="P1022">
            <v>7.946285315660969</v>
          </cell>
        </row>
        <row r="1023">
          <cell r="C1023">
            <v>2000</v>
          </cell>
          <cell r="P1023">
            <v>8.1614625195250294</v>
          </cell>
        </row>
        <row r="1024">
          <cell r="C1024">
            <v>2000</v>
          </cell>
          <cell r="P1024">
            <v>7.5684195909980128</v>
          </cell>
        </row>
        <row r="1025">
          <cell r="C1025">
            <v>2000</v>
          </cell>
          <cell r="P1025">
            <v>7.2773080291472674</v>
          </cell>
        </row>
        <row r="1026">
          <cell r="C1026">
            <v>2000</v>
          </cell>
          <cell r="P1026">
            <v>7.2773080291472674</v>
          </cell>
        </row>
        <row r="1027">
          <cell r="C1027">
            <v>2000</v>
          </cell>
          <cell r="P1027">
            <v>7.2773080291472674</v>
          </cell>
        </row>
        <row r="1028">
          <cell r="C1028">
            <v>2000</v>
          </cell>
          <cell r="P1028">
            <v>7.1908495852352861</v>
          </cell>
        </row>
        <row r="1029">
          <cell r="C1029">
            <v>2000</v>
          </cell>
          <cell r="P1029">
            <v>7.2490844087896749</v>
          </cell>
        </row>
        <row r="1030">
          <cell r="C1030">
            <v>2000</v>
          </cell>
          <cell r="P1030">
            <v>6.9877058658497759</v>
          </cell>
        </row>
        <row r="1031">
          <cell r="C1031">
            <v>2000</v>
          </cell>
          <cell r="P1031">
            <v>6.9660188653493265</v>
          </cell>
        </row>
        <row r="1032">
          <cell r="C1032">
            <v>2000</v>
          </cell>
          <cell r="P1032">
            <v>6.9118416463201946</v>
          </cell>
        </row>
        <row r="1033">
          <cell r="C1033">
            <v>2000</v>
          </cell>
          <cell r="P1033">
            <v>6.9118416463201946</v>
          </cell>
        </row>
        <row r="1034">
          <cell r="C1034">
            <v>2000</v>
          </cell>
          <cell r="P1034">
            <v>6.9118416463201946</v>
          </cell>
        </row>
        <row r="1035">
          <cell r="C1035">
            <v>2000</v>
          </cell>
          <cell r="P1035">
            <v>6.9508064026933161</v>
          </cell>
        </row>
        <row r="1036">
          <cell r="C1036">
            <v>2000</v>
          </cell>
          <cell r="P1036">
            <v>6.7738849880954177</v>
          </cell>
        </row>
        <row r="1037">
          <cell r="C1037">
            <v>2000</v>
          </cell>
          <cell r="P1037">
            <v>6.7205840258716121</v>
          </cell>
        </row>
        <row r="1038">
          <cell r="C1038">
            <v>2000</v>
          </cell>
          <cell r="P1038">
            <v>6.9458095115330369</v>
          </cell>
        </row>
        <row r="1039">
          <cell r="C1039">
            <v>2000</v>
          </cell>
          <cell r="P1039">
            <v>7.1539065224973841</v>
          </cell>
        </row>
        <row r="1040">
          <cell r="C1040">
            <v>2000</v>
          </cell>
          <cell r="P1040">
            <v>7.1539065224973841</v>
          </cell>
        </row>
        <row r="1041">
          <cell r="C1041">
            <v>2000</v>
          </cell>
          <cell r="P1041">
            <v>7.1539065224973841</v>
          </cell>
        </row>
        <row r="1042">
          <cell r="C1042">
            <v>2000</v>
          </cell>
          <cell r="P1042">
            <v>7.0396064284739399</v>
          </cell>
        </row>
        <row r="1043">
          <cell r="C1043">
            <v>2000</v>
          </cell>
          <cell r="P1043">
            <v>7.0478894011313153</v>
          </cell>
        </row>
        <row r="1044">
          <cell r="C1044">
            <v>2000</v>
          </cell>
          <cell r="P1044">
            <v>7.4645170493319792</v>
          </cell>
        </row>
        <row r="1045">
          <cell r="C1045">
            <v>2000</v>
          </cell>
          <cell r="P1045">
            <v>8.1001027433614912</v>
          </cell>
        </row>
        <row r="1046">
          <cell r="C1046">
            <v>2000</v>
          </cell>
          <cell r="P1046">
            <v>7.9394932591255829</v>
          </cell>
        </row>
        <row r="1047">
          <cell r="C1047">
            <v>2000</v>
          </cell>
          <cell r="P1047">
            <v>7.9394932591255829</v>
          </cell>
        </row>
        <row r="1048">
          <cell r="C1048">
            <v>2000</v>
          </cell>
          <cell r="P1048">
            <v>7.9394932591255829</v>
          </cell>
        </row>
        <row r="1049">
          <cell r="C1049">
            <v>2000</v>
          </cell>
          <cell r="P1049">
            <v>8.4595154190867596</v>
          </cell>
        </row>
        <row r="1050">
          <cell r="C1050">
            <v>2000</v>
          </cell>
          <cell r="P1050">
            <v>8.7181088018076771</v>
          </cell>
        </row>
        <row r="1051">
          <cell r="C1051">
            <v>2000</v>
          </cell>
          <cell r="P1051">
            <v>8.9583079002441561</v>
          </cell>
        </row>
        <row r="1052">
          <cell r="C1052">
            <v>2000</v>
          </cell>
          <cell r="P1052">
            <v>8.8792732328900073</v>
          </cell>
        </row>
        <row r="1053">
          <cell r="C1053">
            <v>2000</v>
          </cell>
          <cell r="P1053">
            <v>8.4537654873295818</v>
          </cell>
        </row>
        <row r="1054">
          <cell r="C1054">
            <v>2000</v>
          </cell>
          <cell r="P1054">
            <v>8.4537654873295818</v>
          </cell>
        </row>
        <row r="1055">
          <cell r="C1055">
            <v>2000</v>
          </cell>
          <cell r="P1055">
            <v>8.4537654873295818</v>
          </cell>
        </row>
        <row r="1056">
          <cell r="C1056">
            <v>2000</v>
          </cell>
          <cell r="P1056">
            <v>9.4120056186591032</v>
          </cell>
        </row>
        <row r="1057">
          <cell r="C1057">
            <v>2000</v>
          </cell>
          <cell r="P1057">
            <v>9.5855798175641862</v>
          </cell>
        </row>
        <row r="1058">
          <cell r="C1058">
            <v>2000</v>
          </cell>
          <cell r="P1058">
            <v>9.4097886747243749</v>
          </cell>
        </row>
        <row r="1059">
          <cell r="C1059">
            <v>2000</v>
          </cell>
          <cell r="P1059">
            <v>9.3830355924235302</v>
          </cell>
        </row>
        <row r="1060">
          <cell r="C1060">
            <v>2000</v>
          </cell>
          <cell r="P1060">
            <v>9.3587146085136705</v>
          </cell>
        </row>
        <row r="1061">
          <cell r="C1061">
            <v>2000</v>
          </cell>
          <cell r="P1061">
            <v>9.3587146085136705</v>
          </cell>
        </row>
        <row r="1062">
          <cell r="C1062">
            <v>2000</v>
          </cell>
          <cell r="P1062">
            <v>9.3587146085136705</v>
          </cell>
        </row>
        <row r="1063">
          <cell r="C1063">
            <v>2000</v>
          </cell>
          <cell r="P1063">
            <v>9.3743810755068928</v>
          </cell>
        </row>
        <row r="1064">
          <cell r="C1064">
            <v>2000</v>
          </cell>
          <cell r="P1064">
            <v>8.9222870634354958</v>
          </cell>
        </row>
        <row r="1065">
          <cell r="C1065">
            <v>2000</v>
          </cell>
          <cell r="P1065">
            <v>9.1032077918138956</v>
          </cell>
        </row>
        <row r="1066">
          <cell r="C1066">
            <v>2000</v>
          </cell>
          <cell r="P1066">
            <v>9.5260365326579812</v>
          </cell>
        </row>
        <row r="1067">
          <cell r="C1067">
            <v>2000</v>
          </cell>
          <cell r="P1067">
            <v>9.851532525287757</v>
          </cell>
        </row>
        <row r="1068">
          <cell r="C1068">
            <v>2000</v>
          </cell>
          <cell r="P1068">
            <v>9.851532525287757</v>
          </cell>
        </row>
        <row r="1069">
          <cell r="C1069">
            <v>2000</v>
          </cell>
          <cell r="P1069">
            <v>9.851532525287757</v>
          </cell>
        </row>
        <row r="1070">
          <cell r="C1070">
            <v>2000</v>
          </cell>
          <cell r="P1070">
            <v>10.710140504390287</v>
          </cell>
        </row>
        <row r="1071">
          <cell r="C1071">
            <v>2000</v>
          </cell>
          <cell r="P1071">
            <v>11.776791942797351</v>
          </cell>
        </row>
        <row r="1072">
          <cell r="C1072">
            <v>2000</v>
          </cell>
          <cell r="P1072">
            <v>12.699055310808145</v>
          </cell>
        </row>
        <row r="1073">
          <cell r="C1073">
            <v>2000</v>
          </cell>
          <cell r="P1073">
            <v>12.900031846650794</v>
          </cell>
        </row>
        <row r="1074">
          <cell r="C1074">
            <v>2000</v>
          </cell>
          <cell r="P1074">
            <v>11.880151385329311</v>
          </cell>
        </row>
        <row r="1075">
          <cell r="C1075">
            <v>2000</v>
          </cell>
          <cell r="P1075">
            <v>11.880151385329311</v>
          </cell>
        </row>
        <row r="1076">
          <cell r="C1076">
            <v>2000</v>
          </cell>
          <cell r="P1076">
            <v>11.880151385329311</v>
          </cell>
        </row>
        <row r="1077">
          <cell r="C1077">
            <v>2000</v>
          </cell>
          <cell r="P1077">
            <v>14.680154418343673</v>
          </cell>
        </row>
        <row r="1078">
          <cell r="C1078">
            <v>2000</v>
          </cell>
          <cell r="P1078">
            <v>12.666621961298736</v>
          </cell>
        </row>
        <row r="1079">
          <cell r="C1079">
            <v>2000</v>
          </cell>
          <cell r="P1079">
            <v>11.529465137395551</v>
          </cell>
        </row>
        <row r="1080">
          <cell r="C1080">
            <v>2000</v>
          </cell>
          <cell r="P1080">
            <v>11.286287173382265</v>
          </cell>
        </row>
        <row r="1081">
          <cell r="C1081">
            <v>2000</v>
          </cell>
          <cell r="P1081">
            <v>11.859666216769536</v>
          </cell>
        </row>
        <row r="1082">
          <cell r="C1082">
            <v>2000</v>
          </cell>
          <cell r="P1082">
            <v>11.859666216769536</v>
          </cell>
        </row>
        <row r="1083">
          <cell r="C1083">
            <v>2000</v>
          </cell>
          <cell r="P1083">
            <v>11.859666216769536</v>
          </cell>
        </row>
        <row r="1084">
          <cell r="C1084">
            <v>2000</v>
          </cell>
          <cell r="P1084">
            <v>13.359192308275581</v>
          </cell>
        </row>
        <row r="1085">
          <cell r="C1085">
            <v>2000</v>
          </cell>
          <cell r="P1085">
            <v>13.240250754462322</v>
          </cell>
        </row>
        <row r="1086">
          <cell r="C1086">
            <v>2000</v>
          </cell>
          <cell r="P1086">
            <v>14.403189498946027</v>
          </cell>
        </row>
        <row r="1087">
          <cell r="C1087">
            <v>2000</v>
          </cell>
          <cell r="P1087">
            <v>15.241764418192021</v>
          </cell>
        </row>
        <row r="1088">
          <cell r="C1088">
            <v>2000</v>
          </cell>
          <cell r="P1088">
            <v>14.641487750413248</v>
          </cell>
        </row>
        <row r="1089">
          <cell r="C1089">
            <v>2000</v>
          </cell>
          <cell r="P1089">
            <v>14.641487750413248</v>
          </cell>
        </row>
        <row r="1090">
          <cell r="C1090">
            <v>2000</v>
          </cell>
          <cell r="P1090">
            <v>14.641487750413248</v>
          </cell>
        </row>
        <row r="1091">
          <cell r="C1091">
            <v>2000</v>
          </cell>
          <cell r="P1091">
            <v>14.641487750413248</v>
          </cell>
        </row>
        <row r="1092">
          <cell r="C1092">
            <v>2000</v>
          </cell>
          <cell r="P1092">
            <v>14.641487750413248</v>
          </cell>
        </row>
        <row r="1093">
          <cell r="C1093">
            <v>2000</v>
          </cell>
          <cell r="P1093">
            <v>14.034155532976449</v>
          </cell>
        </row>
        <row r="1094">
          <cell r="C1094">
            <v>2000</v>
          </cell>
          <cell r="P1094">
            <v>13.3560540862286</v>
          </cell>
        </row>
        <row r="1095">
          <cell r="C1095">
            <v>2000</v>
          </cell>
          <cell r="P1095">
            <v>14.78791647078449</v>
          </cell>
        </row>
        <row r="1096">
          <cell r="C1096">
            <v>2000</v>
          </cell>
          <cell r="P1096">
            <v>14.78791647078449</v>
          </cell>
        </row>
        <row r="1097">
          <cell r="C1097">
            <v>2001</v>
          </cell>
          <cell r="P1097">
            <v>14.78791647078449</v>
          </cell>
        </row>
        <row r="1098">
          <cell r="C1098">
            <v>2001</v>
          </cell>
          <cell r="P1098">
            <v>14.78791647078449</v>
          </cell>
        </row>
        <row r="1099">
          <cell r="C1099">
            <v>2001</v>
          </cell>
          <cell r="P1099">
            <v>13.146886042067909</v>
          </cell>
        </row>
        <row r="1100">
          <cell r="C1100">
            <v>2001</v>
          </cell>
          <cell r="P1100">
            <v>12.954217596032818</v>
          </cell>
        </row>
        <row r="1101">
          <cell r="C1101">
            <v>2001</v>
          </cell>
          <cell r="P1101">
            <v>12.852033446565871</v>
          </cell>
        </row>
        <row r="1102">
          <cell r="C1102">
            <v>2001</v>
          </cell>
          <cell r="P1102">
            <v>13.913438717944828</v>
          </cell>
        </row>
        <row r="1103">
          <cell r="C1103">
            <v>2001</v>
          </cell>
          <cell r="P1103">
            <v>13.913438717944828</v>
          </cell>
        </row>
        <row r="1104">
          <cell r="C1104">
            <v>2001</v>
          </cell>
          <cell r="P1104">
            <v>13.913438717944828</v>
          </cell>
        </row>
        <row r="1105">
          <cell r="C1105">
            <v>2001</v>
          </cell>
          <cell r="P1105">
            <v>14.543419496216314</v>
          </cell>
        </row>
        <row r="1106">
          <cell r="C1106">
            <v>2001</v>
          </cell>
          <cell r="P1106">
            <v>14.341633998574483</v>
          </cell>
        </row>
        <row r="1107">
          <cell r="C1107">
            <v>2001</v>
          </cell>
          <cell r="P1107">
            <v>14.538112194992493</v>
          </cell>
        </row>
        <row r="1108">
          <cell r="C1108">
            <v>2001</v>
          </cell>
          <cell r="P1108">
            <v>13.172502691800245</v>
          </cell>
        </row>
        <row r="1109">
          <cell r="C1109">
            <v>2001</v>
          </cell>
          <cell r="P1109">
            <v>12.894191398371271</v>
          </cell>
        </row>
        <row r="1110">
          <cell r="C1110">
            <v>2001</v>
          </cell>
          <cell r="P1110">
            <v>12.894191398371271</v>
          </cell>
        </row>
        <row r="1111">
          <cell r="C1111">
            <v>2001</v>
          </cell>
          <cell r="P1111">
            <v>12.894191398371271</v>
          </cell>
        </row>
        <row r="1112">
          <cell r="C1112">
            <v>2001</v>
          </cell>
          <cell r="P1112">
            <v>12.962255084090323</v>
          </cell>
        </row>
        <row r="1113">
          <cell r="C1113">
            <v>2001</v>
          </cell>
          <cell r="P1113">
            <v>12.170021306925889</v>
          </cell>
        </row>
        <row r="1114">
          <cell r="C1114">
            <v>2001</v>
          </cell>
          <cell r="P1114">
            <v>11.515714331751111</v>
          </cell>
        </row>
        <row r="1115">
          <cell r="C1115">
            <v>2001</v>
          </cell>
          <cell r="P1115">
            <v>10.618621191671341</v>
          </cell>
        </row>
        <row r="1116">
          <cell r="C1116">
            <v>2001</v>
          </cell>
          <cell r="P1116">
            <v>11.217448173367101</v>
          </cell>
        </row>
        <row r="1117">
          <cell r="C1117">
            <v>2001</v>
          </cell>
          <cell r="P1117">
            <v>11.217448173367101</v>
          </cell>
        </row>
        <row r="1118">
          <cell r="C1118">
            <v>2001</v>
          </cell>
          <cell r="P1118">
            <v>11.217448173367101</v>
          </cell>
        </row>
        <row r="1119">
          <cell r="C1119">
            <v>2001</v>
          </cell>
          <cell r="P1119">
            <v>11.281050484524044</v>
          </cell>
        </row>
        <row r="1120">
          <cell r="C1120">
            <v>2001</v>
          </cell>
          <cell r="P1120">
            <v>10.352862786430293</v>
          </cell>
        </row>
        <row r="1121">
          <cell r="C1121">
            <v>2001</v>
          </cell>
          <cell r="P1121">
            <v>10.213533689207019</v>
          </cell>
        </row>
        <row r="1122">
          <cell r="C1122">
            <v>2001</v>
          </cell>
          <cell r="P1122">
            <v>10.788413126886155</v>
          </cell>
        </row>
        <row r="1123">
          <cell r="C1123">
            <v>2001</v>
          </cell>
          <cell r="P1123">
            <v>10.400770669992873</v>
          </cell>
        </row>
        <row r="1124">
          <cell r="C1124">
            <v>2001</v>
          </cell>
          <cell r="P1124">
            <v>10.400770669992873</v>
          </cell>
        </row>
        <row r="1125">
          <cell r="C1125">
            <v>2001</v>
          </cell>
          <cell r="P1125">
            <v>10.400770669992873</v>
          </cell>
        </row>
        <row r="1126">
          <cell r="C1126">
            <v>2001</v>
          </cell>
          <cell r="P1126">
            <v>9.7802273054700404</v>
          </cell>
        </row>
        <row r="1127">
          <cell r="C1127">
            <v>2001</v>
          </cell>
          <cell r="P1127">
            <v>8.6283453200588411</v>
          </cell>
        </row>
        <row r="1128">
          <cell r="C1128">
            <v>2001</v>
          </cell>
          <cell r="P1128">
            <v>8.736503086092112</v>
          </cell>
        </row>
        <row r="1129">
          <cell r="C1129">
            <v>2001</v>
          </cell>
          <cell r="P1129">
            <v>8.664292227142445</v>
          </cell>
        </row>
        <row r="1130">
          <cell r="C1130">
            <v>2001</v>
          </cell>
          <cell r="P1130">
            <v>9.8175983075779847</v>
          </cell>
        </row>
        <row r="1131">
          <cell r="C1131">
            <v>2001</v>
          </cell>
          <cell r="P1131">
            <v>9.8175983075779847</v>
          </cell>
        </row>
        <row r="1132">
          <cell r="C1132">
            <v>2001</v>
          </cell>
          <cell r="P1132">
            <v>9.8175983075779847</v>
          </cell>
        </row>
        <row r="1133">
          <cell r="C1133">
            <v>2001</v>
          </cell>
          <cell r="P1133">
            <v>8.6705994752885154</v>
          </cell>
        </row>
        <row r="1134">
          <cell r="C1134">
            <v>2001</v>
          </cell>
          <cell r="P1134">
            <v>8.4752344899228085</v>
          </cell>
        </row>
        <row r="1135">
          <cell r="C1135">
            <v>2001</v>
          </cell>
          <cell r="P1135">
            <v>8.7280296022201664</v>
          </cell>
        </row>
        <row r="1136">
          <cell r="C1136">
            <v>2001</v>
          </cell>
          <cell r="P1136">
            <v>9.5895232101424011</v>
          </cell>
        </row>
        <row r="1137">
          <cell r="C1137">
            <v>2001</v>
          </cell>
          <cell r="P1137">
            <v>9.2351666641391539</v>
          </cell>
        </row>
        <row r="1138">
          <cell r="C1138">
            <v>2001</v>
          </cell>
          <cell r="P1138">
            <v>9.2351666641391539</v>
          </cell>
        </row>
        <row r="1139">
          <cell r="C1139">
            <v>2001</v>
          </cell>
          <cell r="P1139">
            <v>9.2351666641391539</v>
          </cell>
        </row>
        <row r="1140">
          <cell r="C1140">
            <v>2001</v>
          </cell>
          <cell r="P1140">
            <v>8.6329100066726312</v>
          </cell>
        </row>
        <row r="1141">
          <cell r="C1141">
            <v>2001</v>
          </cell>
          <cell r="P1141">
            <v>8.5427787719324861</v>
          </cell>
        </row>
        <row r="1142">
          <cell r="C1142">
            <v>2001</v>
          </cell>
          <cell r="P1142">
            <v>9.0651662091870016</v>
          </cell>
        </row>
        <row r="1143">
          <cell r="C1143">
            <v>2001</v>
          </cell>
          <cell r="P1143">
            <v>8.3253400767352623</v>
          </cell>
        </row>
        <row r="1144">
          <cell r="C1144">
            <v>2001</v>
          </cell>
          <cell r="P1144">
            <v>8.5502722130389284</v>
          </cell>
        </row>
        <row r="1145">
          <cell r="C1145">
            <v>2001</v>
          </cell>
          <cell r="P1145">
            <v>8.5502722130389284</v>
          </cell>
        </row>
        <row r="1146">
          <cell r="C1146">
            <v>2001</v>
          </cell>
          <cell r="P1146">
            <v>8.5502722130389284</v>
          </cell>
        </row>
        <row r="1147">
          <cell r="C1147">
            <v>2001</v>
          </cell>
          <cell r="P1147">
            <v>8.5452648958917834</v>
          </cell>
        </row>
        <row r="1148">
          <cell r="C1148">
            <v>2001</v>
          </cell>
          <cell r="P1148">
            <v>8.1113722873477787</v>
          </cell>
        </row>
        <row r="1149">
          <cell r="C1149">
            <v>2001</v>
          </cell>
          <cell r="P1149">
            <v>8.1559272683156134</v>
          </cell>
        </row>
        <row r="1150">
          <cell r="C1150">
            <v>2001</v>
          </cell>
          <cell r="P1150">
            <v>7.9811403375744989</v>
          </cell>
        </row>
        <row r="1151">
          <cell r="C1151">
            <v>2001</v>
          </cell>
          <cell r="P1151">
            <v>7.8905963285361169</v>
          </cell>
        </row>
        <row r="1152">
          <cell r="C1152">
            <v>2001</v>
          </cell>
          <cell r="P1152">
            <v>7.8905963285361169</v>
          </cell>
        </row>
        <row r="1153">
          <cell r="C1153">
            <v>2001</v>
          </cell>
          <cell r="P1153">
            <v>7.8905963285361169</v>
          </cell>
        </row>
        <row r="1154">
          <cell r="C1154">
            <v>2001</v>
          </cell>
          <cell r="P1154">
            <v>7.8665454724678128</v>
          </cell>
        </row>
        <row r="1155">
          <cell r="C1155">
            <v>2001</v>
          </cell>
          <cell r="P1155">
            <v>7.8749616134119895</v>
          </cell>
        </row>
        <row r="1156">
          <cell r="C1156">
            <v>2001</v>
          </cell>
          <cell r="P1156">
            <v>8.1511635401343643</v>
          </cell>
        </row>
        <row r="1157">
          <cell r="C1157">
            <v>2001</v>
          </cell>
          <cell r="P1157">
            <v>8.0435938945420915</v>
          </cell>
        </row>
        <row r="1158">
          <cell r="C1158">
            <v>2001</v>
          </cell>
          <cell r="P1158">
            <v>8.0571230342275673</v>
          </cell>
        </row>
        <row r="1159">
          <cell r="C1159">
            <v>2001</v>
          </cell>
          <cell r="P1159">
            <v>8.0571230342275673</v>
          </cell>
        </row>
        <row r="1160">
          <cell r="C1160">
            <v>2001</v>
          </cell>
          <cell r="P1160">
            <v>8.0571230342275673</v>
          </cell>
        </row>
        <row r="1161">
          <cell r="C1161">
            <v>2001</v>
          </cell>
          <cell r="P1161">
            <v>8.3373778263902576</v>
          </cell>
        </row>
        <row r="1162">
          <cell r="C1162">
            <v>2001</v>
          </cell>
          <cell r="P1162">
            <v>8.2654001304196161</v>
          </cell>
        </row>
        <row r="1163">
          <cell r="C1163">
            <v>2001</v>
          </cell>
          <cell r="P1163">
            <v>8.2511070502418828</v>
          </cell>
        </row>
        <row r="1164">
          <cell r="C1164">
            <v>2001</v>
          </cell>
          <cell r="P1164">
            <v>8.2668559773130514</v>
          </cell>
        </row>
        <row r="1165">
          <cell r="C1165">
            <v>2001</v>
          </cell>
          <cell r="P1165">
            <v>8.0639402079131361</v>
          </cell>
        </row>
        <row r="1166">
          <cell r="C1166">
            <v>2001</v>
          </cell>
          <cell r="P1166">
            <v>8.0639402079131361</v>
          </cell>
        </row>
        <row r="1167">
          <cell r="C1167">
            <v>2001</v>
          </cell>
          <cell r="P1167">
            <v>8.0639402079131361</v>
          </cell>
        </row>
        <row r="1168">
          <cell r="C1168">
            <v>2001</v>
          </cell>
          <cell r="P1168">
            <v>7.8270821643590489</v>
          </cell>
        </row>
        <row r="1169">
          <cell r="C1169">
            <v>2001</v>
          </cell>
          <cell r="P1169">
            <v>7.9550445663547711</v>
          </cell>
        </row>
        <row r="1170">
          <cell r="C1170">
            <v>2001</v>
          </cell>
          <cell r="P1170">
            <v>7.8544224192839049</v>
          </cell>
        </row>
        <row r="1171">
          <cell r="C1171">
            <v>2001</v>
          </cell>
          <cell r="P1171">
            <v>7.7532396384646898</v>
          </cell>
        </row>
        <row r="1172">
          <cell r="C1172">
            <v>2001</v>
          </cell>
          <cell r="P1172">
            <v>7.9162717429217029</v>
          </cell>
        </row>
        <row r="1173">
          <cell r="C1173">
            <v>2001</v>
          </cell>
          <cell r="P1173">
            <v>7.9162717429217029</v>
          </cell>
        </row>
        <row r="1174">
          <cell r="C1174">
            <v>2001</v>
          </cell>
          <cell r="P1174">
            <v>7.9162717429217029</v>
          </cell>
        </row>
        <row r="1175">
          <cell r="C1175">
            <v>2001</v>
          </cell>
          <cell r="P1175">
            <v>8.0340569600097069</v>
          </cell>
        </row>
        <row r="1176">
          <cell r="C1176">
            <v>2001</v>
          </cell>
          <cell r="P1176">
            <v>7.9732004746667471</v>
          </cell>
        </row>
        <row r="1177">
          <cell r="C1177">
            <v>2001</v>
          </cell>
          <cell r="P1177">
            <v>8.2203115284875867</v>
          </cell>
        </row>
        <row r="1178">
          <cell r="C1178">
            <v>2001</v>
          </cell>
          <cell r="P1178">
            <v>7.9699598883850715</v>
          </cell>
        </row>
        <row r="1179">
          <cell r="C1179">
            <v>2001</v>
          </cell>
          <cell r="P1179">
            <v>8.3363688752066256</v>
          </cell>
        </row>
        <row r="1180">
          <cell r="C1180">
            <v>2001</v>
          </cell>
          <cell r="P1180">
            <v>8.3363688752066256</v>
          </cell>
        </row>
        <row r="1181">
          <cell r="C1181">
            <v>2001</v>
          </cell>
          <cell r="P1181">
            <v>8.3363688752066256</v>
          </cell>
        </row>
        <row r="1182">
          <cell r="C1182">
            <v>2001</v>
          </cell>
          <cell r="P1182">
            <v>8.2225265767883418</v>
          </cell>
        </row>
        <row r="1183">
          <cell r="C1183">
            <v>2001</v>
          </cell>
          <cell r="P1183">
            <v>8.6567215389514871</v>
          </cell>
        </row>
        <row r="1184">
          <cell r="C1184">
            <v>2001</v>
          </cell>
          <cell r="P1184">
            <v>8.9410799047633489</v>
          </cell>
        </row>
        <row r="1185">
          <cell r="C1185">
            <v>2001</v>
          </cell>
          <cell r="P1185">
            <v>8.5833093219696384</v>
          </cell>
        </row>
        <row r="1186">
          <cell r="C1186">
            <v>2001</v>
          </cell>
          <cell r="P1186">
            <v>8.4547142521344831</v>
          </cell>
        </row>
        <row r="1187">
          <cell r="C1187">
            <v>2001</v>
          </cell>
          <cell r="P1187">
            <v>8.4547142521344831</v>
          </cell>
        </row>
        <row r="1188">
          <cell r="C1188">
            <v>2001</v>
          </cell>
          <cell r="P1188">
            <v>8.4547142521344831</v>
          </cell>
        </row>
        <row r="1189">
          <cell r="C1189">
            <v>2001</v>
          </cell>
          <cell r="P1189">
            <v>7.9636450577030971</v>
          </cell>
        </row>
        <row r="1190">
          <cell r="C1190">
            <v>2001</v>
          </cell>
          <cell r="P1190">
            <v>8.2532429558241454</v>
          </cell>
        </row>
        <row r="1191">
          <cell r="C1191">
            <v>2001</v>
          </cell>
          <cell r="P1191">
            <v>8.1515218149557942</v>
          </cell>
        </row>
        <row r="1192">
          <cell r="C1192">
            <v>2001</v>
          </cell>
          <cell r="P1192">
            <v>8.2821238872628573</v>
          </cell>
        </row>
        <row r="1193">
          <cell r="C1193">
            <v>2001</v>
          </cell>
          <cell r="P1193">
            <v>8.4128145804582868</v>
          </cell>
        </row>
        <row r="1194">
          <cell r="C1194">
            <v>2001</v>
          </cell>
          <cell r="P1194">
            <v>8.4128145804582868</v>
          </cell>
        </row>
        <row r="1195">
          <cell r="C1195">
            <v>2001</v>
          </cell>
          <cell r="P1195">
            <v>8.4128145804582868</v>
          </cell>
        </row>
        <row r="1196">
          <cell r="C1196">
            <v>2001</v>
          </cell>
          <cell r="P1196">
            <v>8.6063498051288274</v>
          </cell>
        </row>
        <row r="1197">
          <cell r="C1197">
            <v>2001</v>
          </cell>
          <cell r="P1197">
            <v>8.6508327520055825</v>
          </cell>
        </row>
        <row r="1198">
          <cell r="C1198">
            <v>2001</v>
          </cell>
          <cell r="P1198">
            <v>8.549830530322561</v>
          </cell>
        </row>
        <row r="1199">
          <cell r="C1199">
            <v>2001</v>
          </cell>
          <cell r="P1199">
            <v>8.3535234148708692</v>
          </cell>
        </row>
        <row r="1200">
          <cell r="C1200">
            <v>2001</v>
          </cell>
          <cell r="P1200">
            <v>8.3535234148708692</v>
          </cell>
        </row>
        <row r="1201">
          <cell r="C1201">
            <v>2001</v>
          </cell>
          <cell r="P1201">
            <v>8.3535234148708692</v>
          </cell>
        </row>
        <row r="1202">
          <cell r="C1202">
            <v>2001</v>
          </cell>
          <cell r="P1202">
            <v>8.3535234148708692</v>
          </cell>
        </row>
        <row r="1203">
          <cell r="C1203">
            <v>2001</v>
          </cell>
          <cell r="P1203">
            <v>8.5429749700489825</v>
          </cell>
        </row>
        <row r="1204">
          <cell r="C1204">
            <v>2001</v>
          </cell>
          <cell r="P1204">
            <v>8.4018772463262614</v>
          </cell>
        </row>
        <row r="1205">
          <cell r="C1205">
            <v>2001</v>
          </cell>
          <cell r="P1205">
            <v>8.1138171812681037</v>
          </cell>
        </row>
        <row r="1206">
          <cell r="C1206">
            <v>2001</v>
          </cell>
          <cell r="P1206">
            <v>7.9042325715412254</v>
          </cell>
        </row>
        <row r="1207">
          <cell r="C1207">
            <v>2001</v>
          </cell>
          <cell r="P1207">
            <v>7.7677905248631349</v>
          </cell>
        </row>
        <row r="1208">
          <cell r="C1208">
            <v>2001</v>
          </cell>
          <cell r="P1208">
            <v>7.7677905248631349</v>
          </cell>
        </row>
        <row r="1209">
          <cell r="C1209">
            <v>2001</v>
          </cell>
          <cell r="P1209">
            <v>7.7677905248631349</v>
          </cell>
        </row>
        <row r="1210">
          <cell r="C1210">
            <v>2001</v>
          </cell>
          <cell r="P1210">
            <v>7.8854885427882504</v>
          </cell>
        </row>
        <row r="1211">
          <cell r="C1211">
            <v>2001</v>
          </cell>
          <cell r="P1211">
            <v>7.916678356409518</v>
          </cell>
        </row>
        <row r="1212">
          <cell r="C1212">
            <v>2001</v>
          </cell>
          <cell r="P1212">
            <v>7.7800860807388421</v>
          </cell>
        </row>
        <row r="1213">
          <cell r="C1213">
            <v>2001</v>
          </cell>
          <cell r="P1213">
            <v>7.6372216261506489</v>
          </cell>
        </row>
        <row r="1214">
          <cell r="C1214">
            <v>2001</v>
          </cell>
          <cell r="P1214">
            <v>7.4596784436086816</v>
          </cell>
        </row>
        <row r="1215">
          <cell r="C1215">
            <v>2001</v>
          </cell>
          <cell r="P1215">
            <v>7.4596784436086816</v>
          </cell>
        </row>
        <row r="1216">
          <cell r="C1216">
            <v>2001</v>
          </cell>
          <cell r="P1216">
            <v>7.4596784436086816</v>
          </cell>
        </row>
        <row r="1217">
          <cell r="C1217">
            <v>2001</v>
          </cell>
          <cell r="P1217">
            <v>7.2409521390333786</v>
          </cell>
        </row>
        <row r="1218">
          <cell r="C1218">
            <v>2001</v>
          </cell>
          <cell r="P1218">
            <v>6.9199056732533624</v>
          </cell>
        </row>
        <row r="1219">
          <cell r="C1219">
            <v>2001</v>
          </cell>
          <cell r="P1219">
            <v>6.9068220075522051</v>
          </cell>
        </row>
        <row r="1220">
          <cell r="C1220">
            <v>2001</v>
          </cell>
          <cell r="P1220">
            <v>6.7850834458076159</v>
          </cell>
        </row>
        <row r="1221">
          <cell r="C1221">
            <v>2001</v>
          </cell>
          <cell r="P1221">
            <v>6.895772357107111</v>
          </cell>
        </row>
        <row r="1222">
          <cell r="C1222">
            <v>2001</v>
          </cell>
          <cell r="P1222">
            <v>6.895772357107111</v>
          </cell>
        </row>
        <row r="1223">
          <cell r="C1223">
            <v>2001</v>
          </cell>
          <cell r="P1223">
            <v>6.895772357107111</v>
          </cell>
        </row>
        <row r="1224">
          <cell r="C1224">
            <v>2001</v>
          </cell>
          <cell r="P1224">
            <v>6.679145467160037</v>
          </cell>
        </row>
        <row r="1225">
          <cell r="C1225">
            <v>2001</v>
          </cell>
          <cell r="P1225">
            <v>6.5578623314781401</v>
          </cell>
        </row>
        <row r="1226">
          <cell r="C1226">
            <v>2001</v>
          </cell>
          <cell r="P1226">
            <v>6.4313761544410921</v>
          </cell>
        </row>
        <row r="1227">
          <cell r="C1227">
            <v>2001</v>
          </cell>
          <cell r="P1227">
            <v>6.454704773964604</v>
          </cell>
        </row>
        <row r="1228">
          <cell r="C1228">
            <v>2001</v>
          </cell>
          <cell r="P1228">
            <v>6.6857730774480215</v>
          </cell>
        </row>
        <row r="1229">
          <cell r="C1229">
            <v>2001</v>
          </cell>
          <cell r="P1229">
            <v>6.6857730774480215</v>
          </cell>
        </row>
        <row r="1230">
          <cell r="C1230">
            <v>2001</v>
          </cell>
          <cell r="P1230">
            <v>6.6857730774480215</v>
          </cell>
        </row>
        <row r="1231">
          <cell r="C1231">
            <v>2001</v>
          </cell>
          <cell r="P1231">
            <v>6.6796359624512824</v>
          </cell>
        </row>
        <row r="1232">
          <cell r="C1232">
            <v>2001</v>
          </cell>
          <cell r="P1232">
            <v>6.8861548581307535</v>
          </cell>
        </row>
        <row r="1233">
          <cell r="C1233">
            <v>2001</v>
          </cell>
          <cell r="P1233">
            <v>6.8671516014315834</v>
          </cell>
        </row>
        <row r="1234">
          <cell r="C1234">
            <v>2001</v>
          </cell>
          <cell r="P1234">
            <v>6.4194488254651887</v>
          </cell>
        </row>
        <row r="1235">
          <cell r="C1235">
            <v>2001</v>
          </cell>
          <cell r="P1235">
            <v>6.3350950091748688</v>
          </cell>
        </row>
        <row r="1236">
          <cell r="C1236">
            <v>2001</v>
          </cell>
          <cell r="P1236">
            <v>6.3350950091748688</v>
          </cell>
        </row>
        <row r="1237">
          <cell r="C1237">
            <v>2001</v>
          </cell>
          <cell r="P1237">
            <v>6.3350950091748688</v>
          </cell>
        </row>
        <row r="1238">
          <cell r="C1238">
            <v>2001</v>
          </cell>
          <cell r="P1238">
            <v>6.3350950091748688</v>
          </cell>
        </row>
        <row r="1239">
          <cell r="C1239">
            <v>2001</v>
          </cell>
          <cell r="P1239">
            <v>6.2354879740980573</v>
          </cell>
        </row>
        <row r="1240">
          <cell r="C1240">
            <v>2001</v>
          </cell>
          <cell r="P1240">
            <v>6.3660137471375924</v>
          </cell>
        </row>
        <row r="1241">
          <cell r="C1241">
            <v>2001</v>
          </cell>
          <cell r="P1241">
            <v>6.4015222888642871</v>
          </cell>
        </row>
        <row r="1242">
          <cell r="C1242">
            <v>2001</v>
          </cell>
          <cell r="P1242">
            <v>6.0559837582080949</v>
          </cell>
        </row>
        <row r="1243">
          <cell r="C1243">
            <v>2001</v>
          </cell>
          <cell r="P1243">
            <v>6.0559837582080949</v>
          </cell>
        </row>
        <row r="1244">
          <cell r="C1244">
            <v>2001</v>
          </cell>
          <cell r="P1244">
            <v>6.0559837582080949</v>
          </cell>
        </row>
        <row r="1245">
          <cell r="C1245">
            <v>2001</v>
          </cell>
          <cell r="P1245">
            <v>6.0563756805325966</v>
          </cell>
        </row>
        <row r="1246">
          <cell r="C1246">
            <v>2001</v>
          </cell>
          <cell r="P1246">
            <v>5.908455570130875</v>
          </cell>
        </row>
        <row r="1247">
          <cell r="C1247">
            <v>2001</v>
          </cell>
          <cell r="P1247">
            <v>5.6488281190761445</v>
          </cell>
        </row>
        <row r="1248">
          <cell r="C1248">
            <v>2001</v>
          </cell>
          <cell r="P1248">
            <v>5.7649352261870463</v>
          </cell>
        </row>
        <row r="1249">
          <cell r="C1249">
            <v>2001</v>
          </cell>
          <cell r="P1249">
            <v>5.6630169393852086</v>
          </cell>
        </row>
        <row r="1250">
          <cell r="C1250">
            <v>2001</v>
          </cell>
          <cell r="P1250">
            <v>5.6630169393852086</v>
          </cell>
        </row>
        <row r="1251">
          <cell r="C1251">
            <v>2001</v>
          </cell>
          <cell r="P1251">
            <v>5.6630169393852086</v>
          </cell>
        </row>
        <row r="1252">
          <cell r="C1252">
            <v>2001</v>
          </cell>
          <cell r="P1252">
            <v>6.0114733246386924</v>
          </cell>
        </row>
        <row r="1253">
          <cell r="C1253">
            <v>2001</v>
          </cell>
          <cell r="P1253">
            <v>6.0433114450796932</v>
          </cell>
        </row>
        <row r="1254">
          <cell r="C1254">
            <v>2001</v>
          </cell>
          <cell r="P1254">
            <v>5.6212125233162977</v>
          </cell>
        </row>
        <row r="1255">
          <cell r="C1255">
            <v>2001</v>
          </cell>
          <cell r="P1255">
            <v>5.4634171077175049</v>
          </cell>
        </row>
        <row r="1256">
          <cell r="C1256">
            <v>2001</v>
          </cell>
          <cell r="P1256">
            <v>5.4061111448112698</v>
          </cell>
        </row>
        <row r="1257">
          <cell r="C1257">
            <v>2001</v>
          </cell>
          <cell r="P1257">
            <v>5.4061111448112698</v>
          </cell>
        </row>
        <row r="1258">
          <cell r="C1258">
            <v>2001</v>
          </cell>
          <cell r="P1258">
            <v>5.4061111448112698</v>
          </cell>
        </row>
        <row r="1259">
          <cell r="C1259">
            <v>2001</v>
          </cell>
          <cell r="P1259">
            <v>5.7623111948560073</v>
          </cell>
        </row>
        <row r="1260">
          <cell r="C1260">
            <v>2001</v>
          </cell>
          <cell r="P1260">
            <v>5.9889124368753874</v>
          </cell>
        </row>
        <row r="1261">
          <cell r="C1261">
            <v>2001</v>
          </cell>
          <cell r="P1261">
            <v>6.2087713827512481</v>
          </cell>
        </row>
        <row r="1262">
          <cell r="C1262">
            <v>2001</v>
          </cell>
          <cell r="P1262">
            <v>5.9410761134953978</v>
          </cell>
        </row>
        <row r="1263">
          <cell r="C1263">
            <v>2001</v>
          </cell>
          <cell r="P1263">
            <v>5.8059927624694803</v>
          </cell>
        </row>
        <row r="1264">
          <cell r="C1264">
            <v>2001</v>
          </cell>
          <cell r="P1264">
            <v>5.8059927624694803</v>
          </cell>
        </row>
        <row r="1265">
          <cell r="C1265">
            <v>2001</v>
          </cell>
          <cell r="P1265">
            <v>5.8059927624694803</v>
          </cell>
        </row>
        <row r="1266">
          <cell r="C1266">
            <v>2001</v>
          </cell>
          <cell r="P1266">
            <v>5.8720484978996383</v>
          </cell>
        </row>
        <row r="1267">
          <cell r="C1267">
            <v>2001</v>
          </cell>
          <cell r="P1267">
            <v>5.9351318792556977</v>
          </cell>
        </row>
        <row r="1268">
          <cell r="C1268">
            <v>2001</v>
          </cell>
          <cell r="P1268">
            <v>5.7528908418131355</v>
          </cell>
        </row>
        <row r="1269">
          <cell r="C1269">
            <v>2001</v>
          </cell>
          <cell r="P1269">
            <v>5.555511745348114</v>
          </cell>
        </row>
        <row r="1270">
          <cell r="C1270">
            <v>2001</v>
          </cell>
          <cell r="P1270">
            <v>5.5791019623602915</v>
          </cell>
        </row>
        <row r="1271">
          <cell r="C1271">
            <v>2001</v>
          </cell>
          <cell r="P1271">
            <v>5.5791019623602915</v>
          </cell>
        </row>
        <row r="1272">
          <cell r="C1272">
            <v>2001</v>
          </cell>
          <cell r="P1272">
            <v>5.5791019623602915</v>
          </cell>
        </row>
        <row r="1273">
          <cell r="C1273">
            <v>2001</v>
          </cell>
          <cell r="P1273">
            <v>5.2899774988247064</v>
          </cell>
        </row>
        <row r="1274">
          <cell r="C1274">
            <v>2001</v>
          </cell>
          <cell r="P1274">
            <v>5.1102690283738488</v>
          </cell>
        </row>
        <row r="1275">
          <cell r="C1275">
            <v>2001</v>
          </cell>
          <cell r="P1275">
            <v>5.00334768960131</v>
          </cell>
        </row>
        <row r="1276">
          <cell r="C1276">
            <v>2001</v>
          </cell>
          <cell r="P1276">
            <v>4.7498218104062726</v>
          </cell>
        </row>
        <row r="1277">
          <cell r="C1277">
            <v>2001</v>
          </cell>
          <cell r="P1277">
            <v>4.5240882948393262</v>
          </cell>
        </row>
        <row r="1278">
          <cell r="C1278">
            <v>2001</v>
          </cell>
          <cell r="P1278">
            <v>4.5240882948393262</v>
          </cell>
        </row>
        <row r="1279">
          <cell r="C1279">
            <v>2001</v>
          </cell>
          <cell r="P1279">
            <v>4.5240882948393262</v>
          </cell>
        </row>
        <row r="1280">
          <cell r="C1280">
            <v>2001</v>
          </cell>
          <cell r="P1280">
            <v>4.2867354908175486</v>
          </cell>
        </row>
        <row r="1281">
          <cell r="C1281">
            <v>2001</v>
          </cell>
          <cell r="P1281">
            <v>4.4366156867502768</v>
          </cell>
        </row>
        <row r="1282">
          <cell r="C1282">
            <v>2001</v>
          </cell>
          <cell r="P1282">
            <v>4.6473315160522288</v>
          </cell>
        </row>
        <row r="1283">
          <cell r="C1283">
            <v>2001</v>
          </cell>
          <cell r="P1283">
            <v>4.6439482833138719</v>
          </cell>
        </row>
        <row r="1284">
          <cell r="C1284">
            <v>2001</v>
          </cell>
          <cell r="P1284">
            <v>5.0849376715548749</v>
          </cell>
        </row>
        <row r="1285">
          <cell r="C1285">
            <v>2001</v>
          </cell>
          <cell r="P1285">
            <v>5.0849376715548749</v>
          </cell>
        </row>
        <row r="1286">
          <cell r="C1286">
            <v>2001</v>
          </cell>
          <cell r="P1286">
            <v>5.0849376715548749</v>
          </cell>
        </row>
        <row r="1287">
          <cell r="C1287">
            <v>2001</v>
          </cell>
          <cell r="P1287">
            <v>4.4909715692816299</v>
          </cell>
        </row>
        <row r="1288">
          <cell r="C1288">
            <v>2001</v>
          </cell>
          <cell r="P1288">
            <v>4.6423526334147187</v>
          </cell>
        </row>
        <row r="1289">
          <cell r="C1289">
            <v>2001</v>
          </cell>
          <cell r="P1289">
            <v>4.6897757085879803</v>
          </cell>
        </row>
        <row r="1290">
          <cell r="C1290">
            <v>2001</v>
          </cell>
          <cell r="P1290">
            <v>4.9240988156078922</v>
          </cell>
        </row>
        <row r="1291">
          <cell r="C1291">
            <v>2001</v>
          </cell>
          <cell r="P1291">
            <v>4.7270779939643015</v>
          </cell>
        </row>
        <row r="1292">
          <cell r="C1292">
            <v>2001</v>
          </cell>
          <cell r="P1292">
            <v>4.7270779939643015</v>
          </cell>
        </row>
        <row r="1293">
          <cell r="C1293">
            <v>2001</v>
          </cell>
          <cell r="P1293">
            <v>4.7270779939643015</v>
          </cell>
        </row>
        <row r="1294">
          <cell r="C1294">
            <v>2001</v>
          </cell>
          <cell r="P1294">
            <v>4.4948097541741863</v>
          </cell>
        </row>
        <row r="1295">
          <cell r="C1295">
            <v>2001</v>
          </cell>
          <cell r="P1295">
            <v>4.5549582202271734</v>
          </cell>
        </row>
        <row r="1296">
          <cell r="C1296">
            <v>2001</v>
          </cell>
          <cell r="P1296">
            <v>4.5538341092795074</v>
          </cell>
        </row>
        <row r="1297">
          <cell r="C1297">
            <v>2001</v>
          </cell>
          <cell r="P1297">
            <v>4.3983608453011023</v>
          </cell>
        </row>
        <row r="1298">
          <cell r="C1298">
            <v>2001</v>
          </cell>
          <cell r="P1298">
            <v>4.3047117878103149</v>
          </cell>
        </row>
        <row r="1299">
          <cell r="C1299">
            <v>2001</v>
          </cell>
          <cell r="P1299">
            <v>4.3047117878103149</v>
          </cell>
        </row>
        <row r="1300">
          <cell r="C1300">
            <v>2001</v>
          </cell>
          <cell r="P1300">
            <v>4.3047117878103149</v>
          </cell>
        </row>
        <row r="1301">
          <cell r="C1301">
            <v>2001</v>
          </cell>
          <cell r="P1301">
            <v>4.3993143491909432</v>
          </cell>
        </row>
        <row r="1302">
          <cell r="C1302">
            <v>2001</v>
          </cell>
          <cell r="P1302">
            <v>4.35893355423788</v>
          </cell>
        </row>
        <row r="1303">
          <cell r="C1303">
            <v>2001</v>
          </cell>
          <cell r="P1303">
            <v>4.4373829446019926</v>
          </cell>
        </row>
        <row r="1304">
          <cell r="C1304">
            <v>2001</v>
          </cell>
          <cell r="P1304">
            <v>4.83281219195948</v>
          </cell>
        </row>
        <row r="1305">
          <cell r="C1305">
            <v>2001</v>
          </cell>
          <cell r="P1305">
            <v>4.4871940446763015</v>
          </cell>
        </row>
        <row r="1306">
          <cell r="C1306">
            <v>2001</v>
          </cell>
          <cell r="P1306">
            <v>4.4871940446763015</v>
          </cell>
        </row>
        <row r="1307">
          <cell r="C1307">
            <v>2001</v>
          </cell>
          <cell r="P1307">
            <v>4.4871940446763015</v>
          </cell>
        </row>
        <row r="1308">
          <cell r="C1308">
            <v>2001</v>
          </cell>
          <cell r="P1308">
            <v>4.8514192611577016</v>
          </cell>
        </row>
        <row r="1309">
          <cell r="C1309">
            <v>2001</v>
          </cell>
          <cell r="P1309">
            <v>4.9460151878194143</v>
          </cell>
        </row>
        <row r="1310">
          <cell r="C1310">
            <v>2001</v>
          </cell>
          <cell r="P1310">
            <v>4.8910086289258583</v>
          </cell>
        </row>
        <row r="1311">
          <cell r="C1311">
            <v>2001</v>
          </cell>
          <cell r="P1311">
            <v>4.6744817336710094</v>
          </cell>
        </row>
        <row r="1312">
          <cell r="C1312">
            <v>2001</v>
          </cell>
          <cell r="P1312">
            <v>4.5241465855840826</v>
          </cell>
        </row>
        <row r="1313">
          <cell r="C1313">
            <v>2001</v>
          </cell>
          <cell r="P1313">
            <v>4.5241465855840826</v>
          </cell>
        </row>
        <row r="1314">
          <cell r="C1314">
            <v>2001</v>
          </cell>
          <cell r="P1314">
            <v>4.5241465855840826</v>
          </cell>
        </row>
        <row r="1315">
          <cell r="C1315">
            <v>2001</v>
          </cell>
          <cell r="P1315">
            <v>4.5241465855840826</v>
          </cell>
        </row>
        <row r="1316">
          <cell r="C1316">
            <v>2001</v>
          </cell>
          <cell r="P1316">
            <v>4.6090254924857073</v>
          </cell>
        </row>
        <row r="1317">
          <cell r="C1317">
            <v>2001</v>
          </cell>
          <cell r="P1317">
            <v>4.5418205289577047</v>
          </cell>
        </row>
        <row r="1318">
          <cell r="C1318">
            <v>2001</v>
          </cell>
          <cell r="P1318">
            <v>4.5216462443699674</v>
          </cell>
        </row>
        <row r="1319">
          <cell r="C1319">
            <v>2001</v>
          </cell>
          <cell r="P1319">
            <v>4.4159788674724378</v>
          </cell>
        </row>
        <row r="1320">
          <cell r="C1320">
            <v>2001</v>
          </cell>
          <cell r="P1320">
            <v>4.4159788674724378</v>
          </cell>
        </row>
        <row r="1321">
          <cell r="C1321">
            <v>2001</v>
          </cell>
          <cell r="P1321">
            <v>4.4159788674724378</v>
          </cell>
        </row>
        <row r="1322">
          <cell r="C1322">
            <v>2001</v>
          </cell>
          <cell r="P1322">
            <v>4.484306994131118</v>
          </cell>
        </row>
        <row r="1323">
          <cell r="C1323">
            <v>2001</v>
          </cell>
          <cell r="P1323">
            <v>4.5716341123125215</v>
          </cell>
        </row>
        <row r="1324">
          <cell r="C1324">
            <v>2001</v>
          </cell>
          <cell r="P1324">
            <v>4.6809553236984582</v>
          </cell>
        </row>
        <row r="1325">
          <cell r="C1325">
            <v>2001</v>
          </cell>
          <cell r="P1325">
            <v>5.3114014801110079</v>
          </cell>
        </row>
        <row r="1326">
          <cell r="C1326">
            <v>2001</v>
          </cell>
          <cell r="P1326">
            <v>4.9031278908418132</v>
          </cell>
        </row>
        <row r="1327">
          <cell r="C1327">
            <v>2001</v>
          </cell>
          <cell r="P1327">
            <v>4.9031278908418132</v>
          </cell>
        </row>
        <row r="1328">
          <cell r="C1328">
            <v>2001</v>
          </cell>
          <cell r="P1328">
            <v>4.9031278908418132</v>
          </cell>
        </row>
        <row r="1329">
          <cell r="C1329">
            <v>2001</v>
          </cell>
          <cell r="P1329">
            <v>4.7760327413900301</v>
          </cell>
        </row>
        <row r="1330">
          <cell r="C1330">
            <v>2001</v>
          </cell>
          <cell r="P1330">
            <v>4.7856113798698834</v>
          </cell>
        </row>
        <row r="1331">
          <cell r="C1331">
            <v>2001</v>
          </cell>
          <cell r="P1331">
            <v>4.8426965014179348</v>
          </cell>
        </row>
        <row r="1332">
          <cell r="C1332">
            <v>2001</v>
          </cell>
          <cell r="P1332">
            <v>4.3050544236514456</v>
          </cell>
        </row>
        <row r="1333">
          <cell r="C1333">
            <v>2001</v>
          </cell>
          <cell r="P1333">
            <v>4.2210934775026168</v>
          </cell>
        </row>
        <row r="1334">
          <cell r="C1334">
            <v>2001</v>
          </cell>
          <cell r="P1334">
            <v>4.2210934775026168</v>
          </cell>
        </row>
        <row r="1335">
          <cell r="C1335">
            <v>2001</v>
          </cell>
          <cell r="P1335">
            <v>4.2210934775026168</v>
          </cell>
        </row>
        <row r="1336">
          <cell r="C1336">
            <v>2001</v>
          </cell>
          <cell r="P1336">
            <v>3.9758875358274826</v>
          </cell>
        </row>
        <row r="1337">
          <cell r="C1337">
            <v>2001</v>
          </cell>
          <cell r="P1337">
            <v>3.8682922991765367</v>
          </cell>
        </row>
        <row r="1338">
          <cell r="C1338">
            <v>2001</v>
          </cell>
          <cell r="P1338">
            <v>3.809845164616855</v>
          </cell>
        </row>
        <row r="1339">
          <cell r="C1339">
            <v>2001</v>
          </cell>
          <cell r="P1339">
            <v>3.8543034682519219</v>
          </cell>
        </row>
        <row r="1340">
          <cell r="C1340">
            <v>2001</v>
          </cell>
          <cell r="P1340">
            <v>3.4179617006111527</v>
          </cell>
        </row>
        <row r="1341">
          <cell r="C1341">
            <v>2001</v>
          </cell>
          <cell r="P1341">
            <v>3.4179617006111527</v>
          </cell>
        </row>
        <row r="1342">
          <cell r="C1342">
            <v>2001</v>
          </cell>
          <cell r="P1342">
            <v>3.4179617006111527</v>
          </cell>
        </row>
        <row r="1343">
          <cell r="C1343">
            <v>2001</v>
          </cell>
          <cell r="P1343">
            <v>3.4179617006111527</v>
          </cell>
        </row>
        <row r="1344">
          <cell r="C1344">
            <v>2001</v>
          </cell>
          <cell r="P1344">
            <v>3.3335595456544485</v>
          </cell>
        </row>
        <row r="1345">
          <cell r="C1345">
            <v>2001</v>
          </cell>
          <cell r="P1345">
            <v>3.6006084037245421</v>
          </cell>
        </row>
        <row r="1346">
          <cell r="C1346">
            <v>2001</v>
          </cell>
          <cell r="P1346">
            <v>3.7296219347598609</v>
          </cell>
        </row>
        <row r="1347">
          <cell r="C1347">
            <v>2001</v>
          </cell>
          <cell r="P1347">
            <v>3.677584412580944</v>
          </cell>
        </row>
        <row r="1348">
          <cell r="C1348">
            <v>2001</v>
          </cell>
          <cell r="P1348">
            <v>3.677584412580944</v>
          </cell>
        </row>
        <row r="1349">
          <cell r="C1349">
            <v>2001</v>
          </cell>
          <cell r="P1349">
            <v>3.677584412580944</v>
          </cell>
        </row>
        <row r="1350">
          <cell r="C1350">
            <v>2001</v>
          </cell>
          <cell r="P1350">
            <v>3.7908859814076221</v>
          </cell>
        </row>
        <row r="1351">
          <cell r="C1351">
            <v>2001</v>
          </cell>
          <cell r="P1351">
            <v>3.9259243111266136</v>
          </cell>
        </row>
        <row r="1352">
          <cell r="C1352">
            <v>2001</v>
          </cell>
          <cell r="P1352">
            <v>4.0344929558241462</v>
          </cell>
        </row>
        <row r="1353">
          <cell r="C1353">
            <v>2001</v>
          </cell>
          <cell r="P1353">
            <v>3.8581051621904434</v>
          </cell>
        </row>
        <row r="1354">
          <cell r="C1354">
            <v>2001</v>
          </cell>
          <cell r="P1354">
            <v>3.7733954406211612</v>
          </cell>
        </row>
        <row r="1355">
          <cell r="C1355">
            <v>2001</v>
          </cell>
          <cell r="P1355">
            <v>3.7733954406211612</v>
          </cell>
        </row>
        <row r="1356">
          <cell r="C1356">
            <v>2001</v>
          </cell>
          <cell r="P1356">
            <v>3.7733954406211612</v>
          </cell>
        </row>
        <row r="1357">
          <cell r="C1357">
            <v>2001</v>
          </cell>
          <cell r="P1357">
            <v>3.7621860830136029</v>
          </cell>
        </row>
        <row r="1358">
          <cell r="C1358">
            <v>2001</v>
          </cell>
          <cell r="P1358">
            <v>3.4913085182208339</v>
          </cell>
        </row>
        <row r="1359">
          <cell r="C1359">
            <v>2001</v>
          </cell>
          <cell r="P1359">
            <v>3.3956150194871171</v>
          </cell>
        </row>
        <row r="1360">
          <cell r="C1360">
            <v>2001</v>
          </cell>
          <cell r="P1360">
            <v>3.319036145948651</v>
          </cell>
        </row>
        <row r="1361">
          <cell r="C1361">
            <v>2001</v>
          </cell>
          <cell r="P1361">
            <v>3.2599170091445382</v>
          </cell>
        </row>
        <row r="1362">
          <cell r="C1362">
            <v>2001</v>
          </cell>
          <cell r="P1362">
            <v>3.2599170091445382</v>
          </cell>
        </row>
        <row r="1363">
          <cell r="C1363">
            <v>2001</v>
          </cell>
          <cell r="P1363">
            <v>3.2599170091445382</v>
          </cell>
        </row>
        <row r="1364">
          <cell r="C1364">
            <v>2001</v>
          </cell>
          <cell r="P1364">
            <v>3.1828528533082605</v>
          </cell>
        </row>
        <row r="1365">
          <cell r="C1365">
            <v>2001</v>
          </cell>
          <cell r="P1365">
            <v>3.2166937110447216</v>
          </cell>
        </row>
        <row r="1366">
          <cell r="C1366">
            <v>2001</v>
          </cell>
          <cell r="P1366">
            <v>3.2276282017257851</v>
          </cell>
        </row>
        <row r="1367">
          <cell r="C1367">
            <v>2001</v>
          </cell>
          <cell r="P1367">
            <v>3.2557300276004302</v>
          </cell>
        </row>
        <row r="1368">
          <cell r="C1368">
            <v>2001</v>
          </cell>
          <cell r="P1368">
            <v>2.8659947907978345</v>
          </cell>
        </row>
        <row r="1369">
          <cell r="C1369">
            <v>2001</v>
          </cell>
          <cell r="P1369">
            <v>2.8659947907978345</v>
          </cell>
        </row>
        <row r="1370">
          <cell r="C1370">
            <v>2001</v>
          </cell>
          <cell r="P1370">
            <v>2.8659947907978345</v>
          </cell>
        </row>
        <row r="1371">
          <cell r="C1371">
            <v>2001</v>
          </cell>
          <cell r="P1371">
            <v>2.7760227893116571</v>
          </cell>
        </row>
        <row r="1372">
          <cell r="C1372">
            <v>2001</v>
          </cell>
          <cell r="P1372">
            <v>2.8920891402920792</v>
          </cell>
        </row>
        <row r="1373">
          <cell r="C1373">
            <v>2001</v>
          </cell>
          <cell r="P1373">
            <v>3.1880530512124476</v>
          </cell>
        </row>
        <row r="1374">
          <cell r="C1374">
            <v>2001</v>
          </cell>
          <cell r="P1374">
            <v>3.3476957621206838</v>
          </cell>
        </row>
        <row r="1375">
          <cell r="C1375">
            <v>2001</v>
          </cell>
          <cell r="P1375">
            <v>3.23404255319149</v>
          </cell>
        </row>
        <row r="1376">
          <cell r="C1376">
            <v>2001</v>
          </cell>
          <cell r="P1376">
            <v>3.23404255319149</v>
          </cell>
        </row>
        <row r="1377">
          <cell r="C1377">
            <v>2001</v>
          </cell>
          <cell r="P1377">
            <v>3.23404255319149</v>
          </cell>
        </row>
        <row r="1378">
          <cell r="C1378">
            <v>2001</v>
          </cell>
          <cell r="P1378">
            <v>3.1082331174838118</v>
          </cell>
        </row>
        <row r="1379">
          <cell r="C1379">
            <v>2001</v>
          </cell>
          <cell r="P1379">
            <v>3.2606231328005344</v>
          </cell>
        </row>
        <row r="1380">
          <cell r="C1380">
            <v>2001</v>
          </cell>
          <cell r="P1380">
            <v>3.7077752270969504</v>
          </cell>
        </row>
        <row r="1381">
          <cell r="C1381">
            <v>2001</v>
          </cell>
          <cell r="P1381">
            <v>3.619764258958766</v>
          </cell>
        </row>
        <row r="1382">
          <cell r="C1382">
            <v>2001</v>
          </cell>
          <cell r="P1382">
            <v>3.6135328361717294</v>
          </cell>
        </row>
        <row r="1383">
          <cell r="C1383">
            <v>2001</v>
          </cell>
          <cell r="P1383">
            <v>3.6135328361717294</v>
          </cell>
        </row>
        <row r="1384">
          <cell r="C1384">
            <v>2001</v>
          </cell>
          <cell r="P1384">
            <v>3.6135328361717294</v>
          </cell>
        </row>
        <row r="1385">
          <cell r="C1385">
            <v>2001</v>
          </cell>
          <cell r="P1385">
            <v>3.4774026212826619</v>
          </cell>
        </row>
        <row r="1386">
          <cell r="C1386">
            <v>2001</v>
          </cell>
          <cell r="P1386">
            <v>3.9156457098011863</v>
          </cell>
        </row>
        <row r="1387">
          <cell r="C1387">
            <v>2001</v>
          </cell>
          <cell r="P1387">
            <v>4.2443884495230586</v>
          </cell>
        </row>
        <row r="1388">
          <cell r="C1388">
            <v>2001</v>
          </cell>
          <cell r="P1388">
            <v>3.8090869110265233</v>
          </cell>
        </row>
        <row r="1389">
          <cell r="C1389">
            <v>2001</v>
          </cell>
          <cell r="P1389">
            <v>3.7712642741238382</v>
          </cell>
        </row>
        <row r="1390">
          <cell r="C1390">
            <v>2001</v>
          </cell>
          <cell r="P1390">
            <v>3.7712642741238382</v>
          </cell>
        </row>
        <row r="1391">
          <cell r="C1391">
            <v>2001</v>
          </cell>
          <cell r="P1391">
            <v>3.7712642741238382</v>
          </cell>
        </row>
        <row r="1392">
          <cell r="C1392">
            <v>2001</v>
          </cell>
          <cell r="P1392">
            <v>4.1811510479064617</v>
          </cell>
        </row>
        <row r="1393">
          <cell r="C1393">
            <v>2001</v>
          </cell>
          <cell r="P1393">
            <v>4.4103061827997756</v>
          </cell>
        </row>
        <row r="1394">
          <cell r="C1394">
            <v>2001</v>
          </cell>
          <cell r="P1394">
            <v>4.2680862437633644</v>
          </cell>
        </row>
        <row r="1395">
          <cell r="C1395">
            <v>2001</v>
          </cell>
          <cell r="P1395">
            <v>5.0738880211097799</v>
          </cell>
        </row>
        <row r="1396">
          <cell r="C1396">
            <v>2001</v>
          </cell>
          <cell r="P1396">
            <v>4.8223942615368278</v>
          </cell>
        </row>
        <row r="1397">
          <cell r="C1397">
            <v>2001</v>
          </cell>
          <cell r="P1397">
            <v>4.8223942615368278</v>
          </cell>
        </row>
        <row r="1398">
          <cell r="C1398">
            <v>2001</v>
          </cell>
          <cell r="P1398">
            <v>4.8223942615368278</v>
          </cell>
        </row>
        <row r="1399">
          <cell r="C1399">
            <v>2001</v>
          </cell>
          <cell r="P1399">
            <v>5.0145736340061564</v>
          </cell>
        </row>
        <row r="1400">
          <cell r="C1400">
            <v>2001</v>
          </cell>
          <cell r="P1400">
            <v>4.9366005216784696</v>
          </cell>
        </row>
        <row r="1401">
          <cell r="C1401">
            <v>2001</v>
          </cell>
          <cell r="P1401">
            <v>5.0606275875403774</v>
          </cell>
        </row>
        <row r="1402">
          <cell r="C1402">
            <v>2001</v>
          </cell>
          <cell r="P1402">
            <v>4.7727466598929347</v>
          </cell>
        </row>
        <row r="1403">
          <cell r="C1403">
            <v>2001</v>
          </cell>
          <cell r="P1403">
            <v>4.6707084742421259</v>
          </cell>
        </row>
        <row r="1404">
          <cell r="C1404">
            <v>2001</v>
          </cell>
          <cell r="P1404">
            <v>4.6707084742421259</v>
          </cell>
        </row>
        <row r="1405">
          <cell r="C1405">
            <v>2001</v>
          </cell>
          <cell r="P1405">
            <v>4.6707084742421259</v>
          </cell>
        </row>
        <row r="1406">
          <cell r="C1406">
            <v>2001</v>
          </cell>
          <cell r="P1406">
            <v>4.5143253059553237</v>
          </cell>
        </row>
        <row r="1407">
          <cell r="C1407">
            <v>2001</v>
          </cell>
          <cell r="P1407">
            <v>4.3802793406226774</v>
          </cell>
        </row>
        <row r="1408">
          <cell r="C1408">
            <v>2001</v>
          </cell>
          <cell r="P1408">
            <v>4.3953837521420658</v>
          </cell>
        </row>
        <row r="1409">
          <cell r="C1409">
            <v>2001</v>
          </cell>
          <cell r="P1409">
            <v>4.3699277573891804</v>
          </cell>
        </row>
        <row r="1410">
          <cell r="C1410">
            <v>2001</v>
          </cell>
          <cell r="P1410">
            <v>4.2517932697411318</v>
          </cell>
        </row>
        <row r="1411">
          <cell r="C1411">
            <v>2001</v>
          </cell>
          <cell r="P1411">
            <v>4.2517932697411318</v>
          </cell>
        </row>
        <row r="1412">
          <cell r="C1412">
            <v>2001</v>
          </cell>
          <cell r="P1412">
            <v>4.2517932697411318</v>
          </cell>
        </row>
        <row r="1413">
          <cell r="C1413">
            <v>2001</v>
          </cell>
          <cell r="P1413">
            <v>4.1151284860708817</v>
          </cell>
        </row>
        <row r="1414">
          <cell r="C1414">
            <v>2001</v>
          </cell>
          <cell r="P1414">
            <v>4.0063982385769092</v>
          </cell>
        </row>
        <row r="1415">
          <cell r="C1415">
            <v>2001</v>
          </cell>
          <cell r="P1415">
            <v>3.7110219741890478</v>
          </cell>
        </row>
        <row r="1416">
          <cell r="C1416">
            <v>2001</v>
          </cell>
          <cell r="P1416">
            <v>3.3163111721083998</v>
          </cell>
        </row>
        <row r="1417">
          <cell r="C1417">
            <v>2001</v>
          </cell>
          <cell r="P1417">
            <v>2.8212365030860922</v>
          </cell>
        </row>
        <row r="1418">
          <cell r="C1418">
            <v>2001</v>
          </cell>
          <cell r="P1418">
            <v>2.8212365030860922</v>
          </cell>
        </row>
        <row r="1419">
          <cell r="C1419">
            <v>2001</v>
          </cell>
          <cell r="P1419">
            <v>2.8212365030860922</v>
          </cell>
        </row>
        <row r="1420">
          <cell r="C1420">
            <v>2001</v>
          </cell>
          <cell r="P1420">
            <v>3.6268856818974538</v>
          </cell>
        </row>
        <row r="1421">
          <cell r="C1421">
            <v>2001</v>
          </cell>
          <cell r="P1421">
            <v>3.9717124019957235</v>
          </cell>
        </row>
        <row r="1422">
          <cell r="C1422">
            <v>2001</v>
          </cell>
          <cell r="P1422">
            <v>3.2405758556891762</v>
          </cell>
        </row>
        <row r="1423">
          <cell r="C1423">
            <v>2001</v>
          </cell>
          <cell r="P1423">
            <v>3.2367310360777055</v>
          </cell>
        </row>
        <row r="1424">
          <cell r="C1424">
            <v>2001</v>
          </cell>
          <cell r="P1424">
            <v>3.2338980111008326</v>
          </cell>
        </row>
        <row r="1425">
          <cell r="C1425">
            <v>2001</v>
          </cell>
          <cell r="P1425">
            <v>3.2338980111008326</v>
          </cell>
        </row>
        <row r="1426">
          <cell r="C1426">
            <v>2001</v>
          </cell>
          <cell r="P1426">
            <v>3.2338980111008326</v>
          </cell>
        </row>
        <row r="1427">
          <cell r="C1427">
            <v>2001</v>
          </cell>
          <cell r="P1427">
            <v>3.1619174716792289</v>
          </cell>
        </row>
        <row r="1428">
          <cell r="C1428">
            <v>2001</v>
          </cell>
          <cell r="P1428">
            <v>3.7184831895179022</v>
          </cell>
        </row>
        <row r="1429">
          <cell r="C1429">
            <v>2001</v>
          </cell>
          <cell r="P1429">
            <v>3.987824816881758</v>
          </cell>
        </row>
        <row r="1430">
          <cell r="C1430">
            <v>2001</v>
          </cell>
          <cell r="P1430">
            <v>3.5850362445216182</v>
          </cell>
        </row>
        <row r="1431">
          <cell r="C1431">
            <v>2001</v>
          </cell>
          <cell r="P1431">
            <v>3.1359842510729292</v>
          </cell>
        </row>
        <row r="1432">
          <cell r="C1432">
            <v>2001</v>
          </cell>
          <cell r="P1432">
            <v>3.1359842510729292</v>
          </cell>
        </row>
        <row r="1433">
          <cell r="C1433">
            <v>2001</v>
          </cell>
          <cell r="P1433">
            <v>3.1359842510729292</v>
          </cell>
        </row>
        <row r="1434">
          <cell r="C1434">
            <v>2001</v>
          </cell>
          <cell r="P1434">
            <v>3.7045237409199134</v>
          </cell>
        </row>
        <row r="1435">
          <cell r="C1435">
            <v>2001</v>
          </cell>
          <cell r="P1435">
            <v>3.4499348849729303</v>
          </cell>
        </row>
        <row r="1436">
          <cell r="C1436">
            <v>2001</v>
          </cell>
          <cell r="P1436">
            <v>3.1202921930210343</v>
          </cell>
        </row>
        <row r="1437">
          <cell r="C1437">
            <v>2001</v>
          </cell>
          <cell r="P1437">
            <v>3.0411508962557439</v>
          </cell>
        </row>
        <row r="1438">
          <cell r="C1438">
            <v>2001</v>
          </cell>
          <cell r="P1438">
            <v>3.4948647275594853</v>
          </cell>
        </row>
        <row r="1439">
          <cell r="C1439">
            <v>2001</v>
          </cell>
          <cell r="P1439">
            <v>3.4948647275594853</v>
          </cell>
        </row>
        <row r="1440">
          <cell r="C1440">
            <v>2001</v>
          </cell>
          <cell r="P1440">
            <v>3.4948647275594853</v>
          </cell>
        </row>
        <row r="1441">
          <cell r="C1441">
            <v>2001</v>
          </cell>
          <cell r="P1441">
            <v>3.911881928542182</v>
          </cell>
        </row>
        <row r="1442">
          <cell r="C1442">
            <v>2001</v>
          </cell>
          <cell r="P1442">
            <v>4.0751438786187659</v>
          </cell>
        </row>
        <row r="1443">
          <cell r="C1443">
            <v>2001</v>
          </cell>
          <cell r="P1443">
            <v>3.9392572526955907</v>
          </cell>
        </row>
        <row r="1444">
          <cell r="C1444">
            <v>2001</v>
          </cell>
          <cell r="P1444">
            <v>3.818744218316374</v>
          </cell>
        </row>
        <row r="1445">
          <cell r="C1445">
            <v>2001</v>
          </cell>
          <cell r="P1445">
            <v>3.9561985335375556</v>
          </cell>
        </row>
        <row r="1446">
          <cell r="C1446">
            <v>2001</v>
          </cell>
          <cell r="P1446">
            <v>3.9561985335375556</v>
          </cell>
        </row>
        <row r="1447">
          <cell r="C1447">
            <v>2001</v>
          </cell>
          <cell r="P1447">
            <v>3.9561985335375556</v>
          </cell>
        </row>
        <row r="1448">
          <cell r="C1448">
            <v>2001</v>
          </cell>
          <cell r="P1448">
            <v>4.1374429414173273</v>
          </cell>
        </row>
        <row r="1449">
          <cell r="C1449">
            <v>2001</v>
          </cell>
          <cell r="P1449">
            <v>4.1447468191261887</v>
          </cell>
        </row>
        <row r="1450">
          <cell r="C1450">
            <v>2001</v>
          </cell>
          <cell r="P1450">
            <v>4.1628292716216011</v>
          </cell>
        </row>
        <row r="1451">
          <cell r="C1451">
            <v>2001</v>
          </cell>
          <cell r="P1451">
            <v>4.0668931317389792</v>
          </cell>
        </row>
        <row r="1452">
          <cell r="C1452">
            <v>2001</v>
          </cell>
          <cell r="P1452">
            <v>4.1452738053714677</v>
          </cell>
        </row>
        <row r="1453">
          <cell r="C1453">
            <v>2001</v>
          </cell>
          <cell r="P1453">
            <v>4.1452738053714677</v>
          </cell>
        </row>
        <row r="1454">
          <cell r="C1454">
            <v>2001</v>
          </cell>
          <cell r="P1454">
            <v>4.1452738053714677</v>
          </cell>
        </row>
        <row r="1455">
          <cell r="C1455">
            <v>2001</v>
          </cell>
          <cell r="P1455">
            <v>4.168555981862573</v>
          </cell>
        </row>
        <row r="1456">
          <cell r="C1456">
            <v>2001</v>
          </cell>
          <cell r="P1456">
            <v>4.168555981862573</v>
          </cell>
        </row>
        <row r="1457">
          <cell r="C1457">
            <v>2001</v>
          </cell>
          <cell r="P1457">
            <v>4.8708670440242035</v>
          </cell>
        </row>
        <row r="1458">
          <cell r="C1458">
            <v>2001</v>
          </cell>
          <cell r="P1458">
            <v>4.3009802323289001</v>
          </cell>
        </row>
        <row r="1459">
          <cell r="C1459">
            <v>2001</v>
          </cell>
          <cell r="P1459">
            <v>4.2496663684202538</v>
          </cell>
        </row>
        <row r="1460">
          <cell r="C1460">
            <v>2001</v>
          </cell>
          <cell r="P1460">
            <v>4.2496663684202538</v>
          </cell>
        </row>
        <row r="1461">
          <cell r="C1461">
            <v>2001</v>
          </cell>
          <cell r="P1461">
            <v>4.2496663684202538</v>
          </cell>
        </row>
        <row r="1462">
          <cell r="C1462">
            <v>2002</v>
          </cell>
          <cell r="P1462">
            <v>4.2492237378868989</v>
          </cell>
        </row>
        <row r="1463">
          <cell r="C1463">
            <v>2002</v>
          </cell>
          <cell r="P1463">
            <v>4.2492237378868989</v>
          </cell>
        </row>
        <row r="1464">
          <cell r="C1464">
            <v>2002</v>
          </cell>
          <cell r="P1464">
            <v>3.8923080860162873</v>
          </cell>
        </row>
        <row r="1465">
          <cell r="C1465">
            <v>2002</v>
          </cell>
          <cell r="P1465">
            <v>3.8139548990764469</v>
          </cell>
        </row>
        <row r="1466">
          <cell r="C1466">
            <v>2002</v>
          </cell>
          <cell r="P1466">
            <v>3.702066525378747</v>
          </cell>
        </row>
        <row r="1467">
          <cell r="C1467">
            <v>2002</v>
          </cell>
          <cell r="P1467">
            <v>3.702066525378747</v>
          </cell>
        </row>
        <row r="1468">
          <cell r="C1468">
            <v>2002</v>
          </cell>
          <cell r="P1468">
            <v>3.702066525378747</v>
          </cell>
        </row>
        <row r="1469">
          <cell r="C1469">
            <v>2002</v>
          </cell>
          <cell r="P1469">
            <v>3.4682433918199607</v>
          </cell>
        </row>
        <row r="1470">
          <cell r="C1470">
            <v>2002</v>
          </cell>
          <cell r="P1470">
            <v>3.5450961844679338</v>
          </cell>
        </row>
        <row r="1471">
          <cell r="C1471">
            <v>2002</v>
          </cell>
          <cell r="P1471">
            <v>3.441859958144402</v>
          </cell>
        </row>
        <row r="1472">
          <cell r="C1472">
            <v>2002</v>
          </cell>
          <cell r="P1472">
            <v>3.4676012458106493</v>
          </cell>
        </row>
        <row r="1473">
          <cell r="C1473">
            <v>2002</v>
          </cell>
          <cell r="P1473">
            <v>3.4515855082573812</v>
          </cell>
        </row>
        <row r="1474">
          <cell r="C1474">
            <v>2002</v>
          </cell>
          <cell r="P1474">
            <v>3.4515855082573812</v>
          </cell>
        </row>
        <row r="1475">
          <cell r="C1475">
            <v>2002</v>
          </cell>
          <cell r="P1475">
            <v>3.4515855082573812</v>
          </cell>
        </row>
        <row r="1476">
          <cell r="C1476">
            <v>2002</v>
          </cell>
          <cell r="P1476">
            <v>3.7541211082634471</v>
          </cell>
        </row>
        <row r="1477">
          <cell r="C1477">
            <v>2002</v>
          </cell>
          <cell r="P1477">
            <v>3.548383687690511</v>
          </cell>
        </row>
        <row r="1478">
          <cell r="C1478">
            <v>2002</v>
          </cell>
          <cell r="P1478">
            <v>3.6124461639950867</v>
          </cell>
        </row>
        <row r="1479">
          <cell r="C1479">
            <v>2002</v>
          </cell>
          <cell r="P1479">
            <v>3.7250231267345053</v>
          </cell>
        </row>
        <row r="1480">
          <cell r="C1480">
            <v>2002</v>
          </cell>
          <cell r="P1480">
            <v>3.4938069638009734</v>
          </cell>
        </row>
        <row r="1481">
          <cell r="C1481">
            <v>2002</v>
          </cell>
          <cell r="P1481">
            <v>3.4938069638009734</v>
          </cell>
        </row>
        <row r="1482">
          <cell r="C1482">
            <v>2002</v>
          </cell>
          <cell r="P1482">
            <v>3.4938069638009734</v>
          </cell>
        </row>
        <row r="1483">
          <cell r="C1483">
            <v>2002</v>
          </cell>
          <cell r="P1483">
            <v>3.4929406590740206</v>
          </cell>
        </row>
        <row r="1484">
          <cell r="C1484">
            <v>2002</v>
          </cell>
          <cell r="P1484">
            <v>3.3612448059629063</v>
          </cell>
        </row>
        <row r="1485">
          <cell r="C1485">
            <v>2002</v>
          </cell>
          <cell r="P1485">
            <v>3.291240938869596</v>
          </cell>
        </row>
        <row r="1486">
          <cell r="C1486">
            <v>2002</v>
          </cell>
          <cell r="P1486">
            <v>3.3328941781289334</v>
          </cell>
        </row>
        <row r="1487">
          <cell r="C1487">
            <v>2002</v>
          </cell>
          <cell r="P1487">
            <v>3.215629312567295</v>
          </cell>
        </row>
        <row r="1488">
          <cell r="C1488">
            <v>2002</v>
          </cell>
          <cell r="P1488">
            <v>3.215629312567295</v>
          </cell>
        </row>
        <row r="1489">
          <cell r="C1489">
            <v>2002</v>
          </cell>
          <cell r="P1489">
            <v>3.215629312567295</v>
          </cell>
        </row>
        <row r="1490">
          <cell r="C1490">
            <v>2002</v>
          </cell>
          <cell r="P1490">
            <v>3.2783212455073474</v>
          </cell>
        </row>
        <row r="1491">
          <cell r="C1491">
            <v>2002</v>
          </cell>
          <cell r="P1491">
            <v>3.1957052516643669</v>
          </cell>
        </row>
        <row r="1492">
          <cell r="C1492">
            <v>2002</v>
          </cell>
          <cell r="P1492">
            <v>3.3405885564368143</v>
          </cell>
        </row>
        <row r="1493">
          <cell r="C1493">
            <v>2002</v>
          </cell>
          <cell r="P1493">
            <v>3.3881741822235028</v>
          </cell>
        </row>
        <row r="1494">
          <cell r="C1494">
            <v>2002</v>
          </cell>
          <cell r="P1494">
            <v>3.4375388604965043</v>
          </cell>
        </row>
        <row r="1495">
          <cell r="C1495">
            <v>2002</v>
          </cell>
          <cell r="P1495">
            <v>3.4375388604965043</v>
          </cell>
        </row>
        <row r="1496">
          <cell r="C1496">
            <v>2002</v>
          </cell>
          <cell r="P1496">
            <v>3.4375388604965043</v>
          </cell>
        </row>
        <row r="1497">
          <cell r="C1497">
            <v>2002</v>
          </cell>
          <cell r="P1497">
            <v>3.4392676786824579</v>
          </cell>
        </row>
        <row r="1498">
          <cell r="C1498">
            <v>2002</v>
          </cell>
          <cell r="P1498">
            <v>3.460454231813288</v>
          </cell>
        </row>
        <row r="1499">
          <cell r="C1499">
            <v>2002</v>
          </cell>
          <cell r="P1499">
            <v>3.3218521102197425</v>
          </cell>
        </row>
        <row r="1500">
          <cell r="C1500">
            <v>2002</v>
          </cell>
          <cell r="P1500">
            <v>3.3868515036168696</v>
          </cell>
        </row>
        <row r="1501">
          <cell r="C1501">
            <v>2002</v>
          </cell>
          <cell r="P1501">
            <v>3.4747283556512638</v>
          </cell>
        </row>
        <row r="1502">
          <cell r="C1502">
            <v>2002</v>
          </cell>
          <cell r="P1502">
            <v>3.4747283556512638</v>
          </cell>
        </row>
        <row r="1503">
          <cell r="C1503">
            <v>2002</v>
          </cell>
          <cell r="P1503">
            <v>3.4747283556512638</v>
          </cell>
        </row>
        <row r="1504">
          <cell r="C1504">
            <v>2002</v>
          </cell>
          <cell r="P1504">
            <v>3.4657307289850019</v>
          </cell>
        </row>
        <row r="1505">
          <cell r="C1505">
            <v>2002</v>
          </cell>
          <cell r="P1505">
            <v>3.75675035258792</v>
          </cell>
        </row>
        <row r="1506">
          <cell r="C1506">
            <v>2002</v>
          </cell>
          <cell r="P1506">
            <v>3.6483864363597762</v>
          </cell>
        </row>
        <row r="1507">
          <cell r="C1507">
            <v>2002</v>
          </cell>
          <cell r="P1507">
            <v>3.5007051758390073</v>
          </cell>
        </row>
        <row r="1508">
          <cell r="C1508">
            <v>2002</v>
          </cell>
          <cell r="P1508">
            <v>3.446160203818565</v>
          </cell>
        </row>
        <row r="1509">
          <cell r="C1509">
            <v>2002</v>
          </cell>
          <cell r="P1509">
            <v>3.446160203818565</v>
          </cell>
        </row>
        <row r="1510">
          <cell r="C1510">
            <v>2002</v>
          </cell>
          <cell r="P1510">
            <v>3.446160203818565</v>
          </cell>
        </row>
        <row r="1511">
          <cell r="C1511">
            <v>2002</v>
          </cell>
          <cell r="P1511">
            <v>3.4459436276368272</v>
          </cell>
        </row>
        <row r="1512">
          <cell r="C1512">
            <v>2002</v>
          </cell>
          <cell r="P1512">
            <v>3.6059294482946878</v>
          </cell>
        </row>
        <row r="1513">
          <cell r="C1513">
            <v>2002</v>
          </cell>
          <cell r="P1513">
            <v>3.844132444154623</v>
          </cell>
        </row>
        <row r="1514">
          <cell r="C1514">
            <v>2002</v>
          </cell>
          <cell r="P1514">
            <v>3.7555703204379673</v>
          </cell>
        </row>
        <row r="1515">
          <cell r="C1515">
            <v>2002</v>
          </cell>
          <cell r="P1515">
            <v>3.7626505133376811</v>
          </cell>
        </row>
        <row r="1516">
          <cell r="C1516">
            <v>2002</v>
          </cell>
          <cell r="P1516">
            <v>3.7626505133376811</v>
          </cell>
        </row>
        <row r="1517">
          <cell r="C1517">
            <v>2002</v>
          </cell>
          <cell r="P1517">
            <v>3.7626505133376811</v>
          </cell>
        </row>
        <row r="1518">
          <cell r="C1518">
            <v>2002</v>
          </cell>
          <cell r="P1518">
            <v>3.7722888642877721</v>
          </cell>
        </row>
        <row r="1519">
          <cell r="C1519">
            <v>2002</v>
          </cell>
          <cell r="P1519">
            <v>3.8478715821719418</v>
          </cell>
        </row>
        <row r="1520">
          <cell r="C1520">
            <v>2002</v>
          </cell>
          <cell r="P1520">
            <v>3.8414226353861793</v>
          </cell>
        </row>
        <row r="1521">
          <cell r="C1521">
            <v>2002</v>
          </cell>
          <cell r="P1521">
            <v>3.8784528972869681</v>
          </cell>
        </row>
        <row r="1522">
          <cell r="C1522">
            <v>2002</v>
          </cell>
          <cell r="P1522">
            <v>3.8176930892767773</v>
          </cell>
        </row>
        <row r="1523">
          <cell r="C1523">
            <v>2002</v>
          </cell>
          <cell r="P1523">
            <v>3.8176930892767773</v>
          </cell>
        </row>
        <row r="1524">
          <cell r="C1524">
            <v>2002</v>
          </cell>
          <cell r="P1524">
            <v>3.8176930892767773</v>
          </cell>
        </row>
        <row r="1525">
          <cell r="C1525">
            <v>2002</v>
          </cell>
          <cell r="P1525">
            <v>4.0225021231100522</v>
          </cell>
        </row>
        <row r="1526">
          <cell r="C1526">
            <v>2002</v>
          </cell>
          <cell r="P1526">
            <v>3.941376571480566</v>
          </cell>
        </row>
        <row r="1527">
          <cell r="C1527">
            <v>2002</v>
          </cell>
          <cell r="P1527">
            <v>3.9165238622404872</v>
          </cell>
        </row>
        <row r="1528">
          <cell r="C1528">
            <v>2002</v>
          </cell>
          <cell r="P1528">
            <v>4.1767503336315803</v>
          </cell>
        </row>
        <row r="1529">
          <cell r="C1529">
            <v>2002</v>
          </cell>
          <cell r="P1529">
            <v>4.4033757449841522</v>
          </cell>
        </row>
        <row r="1530">
          <cell r="C1530">
            <v>2002</v>
          </cell>
          <cell r="P1530">
            <v>4.4033757449841522</v>
          </cell>
        </row>
        <row r="1531">
          <cell r="C1531">
            <v>2002</v>
          </cell>
          <cell r="P1531">
            <v>4.4033757449841522</v>
          </cell>
        </row>
        <row r="1532">
          <cell r="C1532">
            <v>2002</v>
          </cell>
          <cell r="P1532">
            <v>4.4520414082285678</v>
          </cell>
        </row>
        <row r="1533">
          <cell r="C1533">
            <v>2002</v>
          </cell>
          <cell r="P1533">
            <v>4.5608882372120529</v>
          </cell>
        </row>
        <row r="1534">
          <cell r="C1534">
            <v>2002</v>
          </cell>
          <cell r="P1534">
            <v>4.6132394868139706</v>
          </cell>
        </row>
        <row r="1535">
          <cell r="C1535">
            <v>2002</v>
          </cell>
          <cell r="P1535">
            <v>4.5083839151665881</v>
          </cell>
        </row>
        <row r="1536">
          <cell r="C1536">
            <v>2002</v>
          </cell>
          <cell r="P1536">
            <v>4.7571474879058551</v>
          </cell>
        </row>
        <row r="1537">
          <cell r="C1537">
            <v>2002</v>
          </cell>
          <cell r="P1537">
            <v>4.7571474879058551</v>
          </cell>
        </row>
        <row r="1538">
          <cell r="C1538">
            <v>2002</v>
          </cell>
          <cell r="P1538">
            <v>4.7571474879058551</v>
          </cell>
        </row>
        <row r="1539">
          <cell r="C1539">
            <v>2002</v>
          </cell>
          <cell r="P1539">
            <v>4.973839303316602</v>
          </cell>
        </row>
        <row r="1540">
          <cell r="C1540">
            <v>2002</v>
          </cell>
          <cell r="P1540">
            <v>5.141772095509622</v>
          </cell>
        </row>
        <row r="1541">
          <cell r="C1541">
            <v>2002</v>
          </cell>
          <cell r="P1541">
            <v>5.0663220720037598</v>
          </cell>
        </row>
        <row r="1542">
          <cell r="C1542">
            <v>2002</v>
          </cell>
          <cell r="P1542">
            <v>4.9441072322227448</v>
          </cell>
        </row>
        <row r="1543">
          <cell r="C1543">
            <v>2002</v>
          </cell>
          <cell r="P1543">
            <v>5.4172835375563002</v>
          </cell>
        </row>
        <row r="1544">
          <cell r="C1544">
            <v>2002</v>
          </cell>
          <cell r="P1544">
            <v>5.4172835375563002</v>
          </cell>
        </row>
        <row r="1545">
          <cell r="C1545">
            <v>2002</v>
          </cell>
          <cell r="P1545">
            <v>5.4172835375563002</v>
          </cell>
        </row>
        <row r="1546">
          <cell r="C1546">
            <v>2002</v>
          </cell>
          <cell r="P1546">
            <v>5.3488269816957583</v>
          </cell>
        </row>
        <row r="1547">
          <cell r="C1547">
            <v>2002</v>
          </cell>
          <cell r="P1547">
            <v>5.5154660037002774</v>
          </cell>
        </row>
        <row r="1548">
          <cell r="C1548">
            <v>2002</v>
          </cell>
          <cell r="P1548">
            <v>5.1647362794012821</v>
          </cell>
        </row>
        <row r="1549">
          <cell r="C1549">
            <v>2002</v>
          </cell>
          <cell r="P1549">
            <v>4.9388326306850061</v>
          </cell>
        </row>
        <row r="1550">
          <cell r="C1550">
            <v>2002</v>
          </cell>
          <cell r="P1550">
            <v>4.9388326306850061</v>
          </cell>
        </row>
        <row r="1551">
          <cell r="C1551">
            <v>2002</v>
          </cell>
          <cell r="P1551">
            <v>4.9388326306850061</v>
          </cell>
        </row>
        <row r="1552">
          <cell r="C1552">
            <v>2002</v>
          </cell>
          <cell r="P1552">
            <v>4.9388326306850061</v>
          </cell>
        </row>
        <row r="1553">
          <cell r="C1553">
            <v>2002</v>
          </cell>
          <cell r="P1553">
            <v>5.260306561926571</v>
          </cell>
        </row>
        <row r="1554">
          <cell r="C1554">
            <v>2002</v>
          </cell>
          <cell r="P1554">
            <v>5.6764076977904487</v>
          </cell>
        </row>
        <row r="1555">
          <cell r="C1555">
            <v>2002</v>
          </cell>
          <cell r="P1555">
            <v>5.5570898606329902</v>
          </cell>
        </row>
        <row r="1556">
          <cell r="C1556">
            <v>2002</v>
          </cell>
          <cell r="P1556">
            <v>5.4794608058719154</v>
          </cell>
        </row>
        <row r="1557">
          <cell r="C1557">
            <v>2002</v>
          </cell>
          <cell r="P1557">
            <v>5.0790071806615016</v>
          </cell>
        </row>
        <row r="1558">
          <cell r="C1558">
            <v>2002</v>
          </cell>
          <cell r="P1558">
            <v>5.0790071806615016</v>
          </cell>
        </row>
        <row r="1559">
          <cell r="C1559">
            <v>2002</v>
          </cell>
          <cell r="P1559">
            <v>5.0790071806615016</v>
          </cell>
        </row>
        <row r="1560">
          <cell r="C1560">
            <v>2002</v>
          </cell>
          <cell r="P1560">
            <v>5.1824386572845427</v>
          </cell>
        </row>
        <row r="1561">
          <cell r="C1561">
            <v>2002</v>
          </cell>
          <cell r="P1561">
            <v>5.0247342321165887</v>
          </cell>
        </row>
        <row r="1562">
          <cell r="C1562">
            <v>2002</v>
          </cell>
          <cell r="P1562">
            <v>5.0137205987170343</v>
          </cell>
        </row>
        <row r="1563">
          <cell r="C1563">
            <v>2002</v>
          </cell>
          <cell r="P1563">
            <v>4.8073870012587001</v>
          </cell>
        </row>
        <row r="1564">
          <cell r="C1564">
            <v>2002</v>
          </cell>
          <cell r="P1564">
            <v>4.7179988550370782</v>
          </cell>
        </row>
        <row r="1565">
          <cell r="C1565">
            <v>2002</v>
          </cell>
          <cell r="P1565">
            <v>4.7179988550370782</v>
          </cell>
        </row>
        <row r="1566">
          <cell r="C1566">
            <v>2002</v>
          </cell>
          <cell r="P1566">
            <v>4.7179988550370782</v>
          </cell>
        </row>
        <row r="1567">
          <cell r="C1567">
            <v>2002</v>
          </cell>
          <cell r="P1567">
            <v>5.0911951593090787</v>
          </cell>
        </row>
        <row r="1568">
          <cell r="C1568">
            <v>2002</v>
          </cell>
          <cell r="P1568">
            <v>5.2407644712697712</v>
          </cell>
        </row>
        <row r="1569">
          <cell r="C1569">
            <v>2002</v>
          </cell>
          <cell r="P1569">
            <v>5.1628330628895531</v>
          </cell>
        </row>
        <row r="1570">
          <cell r="C1570">
            <v>2002</v>
          </cell>
          <cell r="P1570">
            <v>5.3503709755690698</v>
          </cell>
        </row>
        <row r="1571">
          <cell r="C1571">
            <v>2002</v>
          </cell>
          <cell r="P1571">
            <v>5.1773104934714373</v>
          </cell>
        </row>
        <row r="1572">
          <cell r="C1572">
            <v>2002</v>
          </cell>
          <cell r="P1572">
            <v>5.1773104934714373</v>
          </cell>
        </row>
        <row r="1573">
          <cell r="C1573">
            <v>2002</v>
          </cell>
          <cell r="P1573">
            <v>5.1773104934714373</v>
          </cell>
        </row>
        <row r="1574">
          <cell r="C1574">
            <v>2002</v>
          </cell>
          <cell r="P1574">
            <v>5.4486055716473807</v>
          </cell>
        </row>
        <row r="1575">
          <cell r="C1575">
            <v>2002</v>
          </cell>
          <cell r="P1575">
            <v>5.5315698882334203</v>
          </cell>
        </row>
        <row r="1576">
          <cell r="C1576">
            <v>2002</v>
          </cell>
          <cell r="P1576">
            <v>5.3360560956006129</v>
          </cell>
        </row>
        <row r="1577">
          <cell r="C1577">
            <v>2002</v>
          </cell>
          <cell r="P1577">
            <v>5.2530415447142138</v>
          </cell>
        </row>
        <row r="1578">
          <cell r="C1578">
            <v>2002</v>
          </cell>
          <cell r="P1578">
            <v>5.0301254151438402</v>
          </cell>
        </row>
        <row r="1579">
          <cell r="C1579">
            <v>2002</v>
          </cell>
          <cell r="P1579">
            <v>5.0301254151438402</v>
          </cell>
        </row>
        <row r="1580">
          <cell r="C1580">
            <v>2002</v>
          </cell>
          <cell r="P1580">
            <v>5.0301254151438402</v>
          </cell>
        </row>
        <row r="1581">
          <cell r="C1581">
            <v>2002</v>
          </cell>
          <cell r="P1581">
            <v>5.1808036729803915</v>
          </cell>
        </row>
        <row r="1582">
          <cell r="C1582">
            <v>2002</v>
          </cell>
          <cell r="P1582">
            <v>5.4832937777710375</v>
          </cell>
        </row>
        <row r="1583">
          <cell r="C1583">
            <v>2002</v>
          </cell>
          <cell r="P1583">
            <v>5.6480106269240693</v>
          </cell>
        </row>
        <row r="1584">
          <cell r="C1584">
            <v>2002</v>
          </cell>
          <cell r="P1584">
            <v>5.4475061039414028</v>
          </cell>
        </row>
        <row r="1585">
          <cell r="C1585">
            <v>2002</v>
          </cell>
          <cell r="P1585">
            <v>5.5024643241685744</v>
          </cell>
        </row>
        <row r="1586">
          <cell r="C1586">
            <v>2002</v>
          </cell>
          <cell r="P1586">
            <v>5.5024643241685744</v>
          </cell>
        </row>
        <row r="1587">
          <cell r="C1587">
            <v>2002</v>
          </cell>
          <cell r="P1587">
            <v>5.5024643241685744</v>
          </cell>
        </row>
        <row r="1588">
          <cell r="C1588">
            <v>2002</v>
          </cell>
          <cell r="P1588">
            <v>5.3140994411671043</v>
          </cell>
        </row>
        <row r="1589">
          <cell r="C1589">
            <v>2002</v>
          </cell>
          <cell r="P1589">
            <v>5.1933736218741</v>
          </cell>
        </row>
        <row r="1590">
          <cell r="C1590">
            <v>2002</v>
          </cell>
          <cell r="P1590">
            <v>5.5746069402951122</v>
          </cell>
        </row>
        <row r="1591">
          <cell r="C1591">
            <v>2002</v>
          </cell>
          <cell r="P1591">
            <v>5.5675077910556405</v>
          </cell>
        </row>
        <row r="1592">
          <cell r="C1592">
            <v>2002</v>
          </cell>
          <cell r="P1592">
            <v>5.5361990264023904</v>
          </cell>
        </row>
        <row r="1593">
          <cell r="C1593">
            <v>2002</v>
          </cell>
          <cell r="P1593">
            <v>5.5361990264023904</v>
          </cell>
        </row>
        <row r="1594">
          <cell r="C1594">
            <v>2002</v>
          </cell>
          <cell r="P1594">
            <v>5.5361990264023904</v>
          </cell>
        </row>
        <row r="1595">
          <cell r="C1595">
            <v>2002</v>
          </cell>
          <cell r="P1595">
            <v>5.4057585568917679</v>
          </cell>
        </row>
        <row r="1596">
          <cell r="C1596">
            <v>2002</v>
          </cell>
          <cell r="P1596">
            <v>5.672707420269635</v>
          </cell>
        </row>
        <row r="1597">
          <cell r="C1597">
            <v>2002</v>
          </cell>
          <cell r="P1597">
            <v>5.5080360663320249</v>
          </cell>
        </row>
        <row r="1598">
          <cell r="C1598">
            <v>2002</v>
          </cell>
          <cell r="P1598">
            <v>5.297147260429778</v>
          </cell>
        </row>
        <row r="1599">
          <cell r="C1599">
            <v>2002</v>
          </cell>
          <cell r="P1599">
            <v>5.2336482613245181</v>
          </cell>
        </row>
        <row r="1600">
          <cell r="C1600">
            <v>2002</v>
          </cell>
          <cell r="P1600">
            <v>5.2336482613245181</v>
          </cell>
        </row>
        <row r="1601">
          <cell r="C1601">
            <v>2002</v>
          </cell>
          <cell r="P1601">
            <v>5.2336482613245181</v>
          </cell>
        </row>
        <row r="1602">
          <cell r="C1602">
            <v>2002</v>
          </cell>
          <cell r="P1602">
            <v>5.2263386967137286</v>
          </cell>
        </row>
        <row r="1603">
          <cell r="C1603">
            <v>2002</v>
          </cell>
          <cell r="P1603">
            <v>5.0590243551053211</v>
          </cell>
        </row>
        <row r="1604">
          <cell r="C1604">
            <v>2002</v>
          </cell>
          <cell r="P1604">
            <v>5.110022595956992</v>
          </cell>
        </row>
        <row r="1605">
          <cell r="C1605">
            <v>2002</v>
          </cell>
          <cell r="P1605">
            <v>5.0799033416235728</v>
          </cell>
        </row>
        <row r="1606">
          <cell r="C1606">
            <v>2002</v>
          </cell>
          <cell r="P1606">
            <v>4.8660033211507265</v>
          </cell>
        </row>
        <row r="1607">
          <cell r="C1607">
            <v>2002</v>
          </cell>
          <cell r="P1607">
            <v>4.8660033211507265</v>
          </cell>
        </row>
        <row r="1608">
          <cell r="C1608">
            <v>2002</v>
          </cell>
          <cell r="P1608">
            <v>4.8660033211507265</v>
          </cell>
        </row>
        <row r="1609">
          <cell r="C1609">
            <v>2002</v>
          </cell>
          <cell r="P1609">
            <v>4.8650521868033545</v>
          </cell>
        </row>
        <row r="1610">
          <cell r="C1610">
            <v>2002</v>
          </cell>
          <cell r="P1610">
            <v>4.8369157656086497</v>
          </cell>
        </row>
        <row r="1611">
          <cell r="C1611">
            <v>2002</v>
          </cell>
          <cell r="P1611">
            <v>4.9453678288166687</v>
          </cell>
        </row>
        <row r="1612">
          <cell r="C1612">
            <v>2002</v>
          </cell>
          <cell r="P1612">
            <v>5.1103055193278841</v>
          </cell>
        </row>
        <row r="1613">
          <cell r="C1613">
            <v>2002</v>
          </cell>
          <cell r="P1613">
            <v>4.6763631503920173</v>
          </cell>
        </row>
        <row r="1614">
          <cell r="C1614">
            <v>2002</v>
          </cell>
          <cell r="P1614">
            <v>4.6763631503920173</v>
          </cell>
        </row>
        <row r="1615">
          <cell r="C1615">
            <v>2002</v>
          </cell>
          <cell r="P1615">
            <v>4.6763631503920173</v>
          </cell>
        </row>
        <row r="1616">
          <cell r="C1616">
            <v>2002</v>
          </cell>
          <cell r="P1616">
            <v>4.6706525530398393</v>
          </cell>
        </row>
        <row r="1617">
          <cell r="C1617">
            <v>2002</v>
          </cell>
          <cell r="P1617">
            <v>4.8006821438862017</v>
          </cell>
        </row>
        <row r="1618">
          <cell r="C1618">
            <v>2002</v>
          </cell>
          <cell r="P1618">
            <v>4.7360050082649634</v>
          </cell>
        </row>
        <row r="1619">
          <cell r="C1619">
            <v>2002</v>
          </cell>
          <cell r="P1619">
            <v>4.6698824517371591</v>
          </cell>
        </row>
        <row r="1620">
          <cell r="C1620">
            <v>2002</v>
          </cell>
          <cell r="P1620">
            <v>4.5240390083559543</v>
          </cell>
        </row>
        <row r="1621">
          <cell r="C1621">
            <v>2002</v>
          </cell>
          <cell r="P1621">
            <v>4.5240390083559543</v>
          </cell>
        </row>
        <row r="1622">
          <cell r="C1622">
            <v>2002</v>
          </cell>
          <cell r="P1622">
            <v>4.5240390083559543</v>
          </cell>
        </row>
        <row r="1623">
          <cell r="C1623">
            <v>2002</v>
          </cell>
          <cell r="P1623">
            <v>4.5773115360701233</v>
          </cell>
        </row>
        <row r="1624">
          <cell r="C1624">
            <v>2002</v>
          </cell>
          <cell r="P1624">
            <v>4.4831411792359841</v>
          </cell>
        </row>
        <row r="1625">
          <cell r="C1625">
            <v>2002</v>
          </cell>
          <cell r="P1625">
            <v>4.5865148390227626</v>
          </cell>
        </row>
        <row r="1626">
          <cell r="C1626">
            <v>2002</v>
          </cell>
          <cell r="P1626">
            <v>4.4282758450736264</v>
          </cell>
        </row>
        <row r="1627">
          <cell r="C1627">
            <v>2002</v>
          </cell>
          <cell r="P1627">
            <v>4.6350620251436894</v>
          </cell>
        </row>
        <row r="1628">
          <cell r="C1628">
            <v>2002</v>
          </cell>
          <cell r="P1628">
            <v>4.6350620251436894</v>
          </cell>
        </row>
        <row r="1629">
          <cell r="C1629">
            <v>2002</v>
          </cell>
          <cell r="P1629">
            <v>4.6350620251436894</v>
          </cell>
        </row>
        <row r="1630">
          <cell r="C1630">
            <v>2002</v>
          </cell>
          <cell r="P1630">
            <v>4.8909683467038709</v>
          </cell>
        </row>
        <row r="1631">
          <cell r="C1631">
            <v>2002</v>
          </cell>
          <cell r="P1631">
            <v>4.72718320164996</v>
          </cell>
        </row>
        <row r="1632">
          <cell r="C1632">
            <v>2002</v>
          </cell>
          <cell r="P1632">
            <v>4.6604786854915758</v>
          </cell>
        </row>
        <row r="1633">
          <cell r="C1633">
            <v>2002</v>
          </cell>
          <cell r="P1633">
            <v>4.6665304969594033</v>
          </cell>
        </row>
        <row r="1634">
          <cell r="C1634">
            <v>2002</v>
          </cell>
          <cell r="P1634">
            <v>4.5471046086653217</v>
          </cell>
        </row>
        <row r="1635">
          <cell r="C1635">
            <v>2002</v>
          </cell>
          <cell r="P1635">
            <v>4.5471046086653217</v>
          </cell>
        </row>
        <row r="1636">
          <cell r="C1636">
            <v>2002</v>
          </cell>
          <cell r="P1636">
            <v>4.5471046086653217</v>
          </cell>
        </row>
        <row r="1637">
          <cell r="C1637">
            <v>2002</v>
          </cell>
          <cell r="P1637">
            <v>4.7586175520541092</v>
          </cell>
        </row>
        <row r="1638">
          <cell r="C1638">
            <v>2002</v>
          </cell>
          <cell r="P1638">
            <v>4.9975456279097985</v>
          </cell>
        </row>
        <row r="1639">
          <cell r="C1639">
            <v>2002</v>
          </cell>
          <cell r="P1639">
            <v>4.7996798274214827</v>
          </cell>
        </row>
        <row r="1640">
          <cell r="C1640">
            <v>2002</v>
          </cell>
          <cell r="P1640">
            <v>4.4754733398037638</v>
          </cell>
        </row>
        <row r="1641">
          <cell r="C1641">
            <v>2002</v>
          </cell>
          <cell r="P1641">
            <v>4.4982801860754309</v>
          </cell>
        </row>
        <row r="1642">
          <cell r="C1642">
            <v>2002</v>
          </cell>
          <cell r="P1642">
            <v>4.4982801860754309</v>
          </cell>
        </row>
        <row r="1643">
          <cell r="C1643">
            <v>2002</v>
          </cell>
          <cell r="P1643">
            <v>4.4982801860754309</v>
          </cell>
        </row>
        <row r="1644">
          <cell r="C1644">
            <v>2002</v>
          </cell>
          <cell r="P1644">
            <v>4.5414636758617544</v>
          </cell>
        </row>
        <row r="1645">
          <cell r="C1645">
            <v>2002</v>
          </cell>
          <cell r="P1645">
            <v>4.4692793557877488</v>
          </cell>
        </row>
        <row r="1646">
          <cell r="C1646">
            <v>2002</v>
          </cell>
          <cell r="P1646">
            <v>4.3983589496671263</v>
          </cell>
        </row>
        <row r="1647">
          <cell r="C1647">
            <v>2002</v>
          </cell>
          <cell r="P1647">
            <v>4.4072764857979099</v>
          </cell>
        </row>
        <row r="1648">
          <cell r="C1648">
            <v>2002</v>
          </cell>
          <cell r="P1648">
            <v>4.3836881644197083</v>
          </cell>
        </row>
        <row r="1649">
          <cell r="C1649">
            <v>2002</v>
          </cell>
          <cell r="P1649">
            <v>4.3836881644197083</v>
          </cell>
        </row>
        <row r="1650">
          <cell r="C1650">
            <v>2002</v>
          </cell>
          <cell r="P1650">
            <v>4.3836881644197083</v>
          </cell>
        </row>
        <row r="1651">
          <cell r="C1651">
            <v>2002</v>
          </cell>
          <cell r="P1651">
            <v>4.237833821143143</v>
          </cell>
        </row>
        <row r="1652">
          <cell r="C1652">
            <v>2002</v>
          </cell>
          <cell r="P1652">
            <v>4.0764622920489524</v>
          </cell>
        </row>
        <row r="1653">
          <cell r="C1653">
            <v>2002</v>
          </cell>
          <cell r="P1653">
            <v>4.2065141565945314</v>
          </cell>
        </row>
        <row r="1654">
          <cell r="C1654">
            <v>2002</v>
          </cell>
          <cell r="P1654">
            <v>3.9093849046875238</v>
          </cell>
        </row>
        <row r="1655">
          <cell r="C1655">
            <v>2002</v>
          </cell>
          <cell r="P1655">
            <v>3.9812095282146163</v>
          </cell>
        </row>
        <row r="1656">
          <cell r="C1656">
            <v>2002</v>
          </cell>
          <cell r="P1656">
            <v>3.9812095282146163</v>
          </cell>
        </row>
        <row r="1657">
          <cell r="C1657">
            <v>2002</v>
          </cell>
          <cell r="P1657">
            <v>3.9812095282146163</v>
          </cell>
        </row>
        <row r="1658">
          <cell r="C1658">
            <v>2002</v>
          </cell>
          <cell r="P1658">
            <v>3.9323220757950295</v>
          </cell>
        </row>
        <row r="1659">
          <cell r="C1659">
            <v>2002</v>
          </cell>
          <cell r="P1659">
            <v>4.0440924462777321</v>
          </cell>
        </row>
        <row r="1660">
          <cell r="C1660">
            <v>2002</v>
          </cell>
          <cell r="P1660">
            <v>4.1721254606390561</v>
          </cell>
        </row>
        <row r="1661">
          <cell r="C1661">
            <v>2002</v>
          </cell>
          <cell r="P1661">
            <v>3.9515153698002763</v>
          </cell>
        </row>
        <row r="1662">
          <cell r="C1662">
            <v>2002</v>
          </cell>
          <cell r="P1662">
            <v>4.1121703492516035</v>
          </cell>
        </row>
        <row r="1663">
          <cell r="C1663">
            <v>2002</v>
          </cell>
          <cell r="P1663">
            <v>4.1121703492516035</v>
          </cell>
        </row>
        <row r="1664">
          <cell r="C1664">
            <v>2002</v>
          </cell>
          <cell r="P1664">
            <v>4.1121703492516035</v>
          </cell>
        </row>
        <row r="1665">
          <cell r="C1665">
            <v>2002</v>
          </cell>
          <cell r="P1665">
            <v>4.2400592954307648</v>
          </cell>
        </row>
        <row r="1666">
          <cell r="C1666">
            <v>2002</v>
          </cell>
          <cell r="P1666">
            <v>4.2490066877966672</v>
          </cell>
        </row>
        <row r="1667">
          <cell r="C1667">
            <v>2002</v>
          </cell>
          <cell r="P1667">
            <v>4.1825268042644179</v>
          </cell>
        </row>
        <row r="1668">
          <cell r="C1668">
            <v>2002</v>
          </cell>
          <cell r="P1668">
            <v>4.3821787658664562</v>
          </cell>
        </row>
        <row r="1669">
          <cell r="C1669">
            <v>2002</v>
          </cell>
          <cell r="P1669">
            <v>4.2705410897620597</v>
          </cell>
        </row>
        <row r="1670">
          <cell r="C1670">
            <v>2002</v>
          </cell>
          <cell r="P1670">
            <v>4.2705410897620597</v>
          </cell>
        </row>
        <row r="1671">
          <cell r="C1671">
            <v>2002</v>
          </cell>
          <cell r="P1671">
            <v>4.2705410897620597</v>
          </cell>
        </row>
        <row r="1672">
          <cell r="C1672">
            <v>2002</v>
          </cell>
          <cell r="P1672">
            <v>4.3438101863787333</v>
          </cell>
        </row>
        <row r="1673">
          <cell r="C1673">
            <v>2002</v>
          </cell>
          <cell r="P1673">
            <v>4.2121058029147269</v>
          </cell>
        </row>
        <row r="1674">
          <cell r="C1674">
            <v>2002</v>
          </cell>
          <cell r="P1674">
            <v>4.3847492455376775</v>
          </cell>
        </row>
        <row r="1675">
          <cell r="C1675">
            <v>2002</v>
          </cell>
          <cell r="P1675">
            <v>4.3994655260005153</v>
          </cell>
        </row>
        <row r="1676">
          <cell r="C1676">
            <v>2002</v>
          </cell>
          <cell r="P1676">
            <v>4.2525373060766443</v>
          </cell>
        </row>
        <row r="1677">
          <cell r="C1677">
            <v>2002</v>
          </cell>
          <cell r="P1677">
            <v>4.2525373060766443</v>
          </cell>
        </row>
        <row r="1678">
          <cell r="C1678">
            <v>2002</v>
          </cell>
          <cell r="P1678">
            <v>4.2525373060766443</v>
          </cell>
        </row>
        <row r="1679">
          <cell r="C1679">
            <v>2002</v>
          </cell>
          <cell r="P1679">
            <v>4.1170582414582739</v>
          </cell>
        </row>
        <row r="1680">
          <cell r="C1680">
            <v>2002</v>
          </cell>
          <cell r="P1680">
            <v>4.1529312188168213</v>
          </cell>
        </row>
        <row r="1681">
          <cell r="C1681">
            <v>2002</v>
          </cell>
          <cell r="P1681">
            <v>4.0154683732427472</v>
          </cell>
        </row>
        <row r="1682">
          <cell r="C1682">
            <v>2002</v>
          </cell>
          <cell r="P1682">
            <v>4.0544644075764698</v>
          </cell>
        </row>
        <row r="1683">
          <cell r="C1683">
            <v>2002</v>
          </cell>
          <cell r="P1683">
            <v>4.157804893768672</v>
          </cell>
        </row>
        <row r="1684">
          <cell r="C1684">
            <v>2002</v>
          </cell>
          <cell r="P1684">
            <v>4.157804893768672</v>
          </cell>
        </row>
        <row r="1685">
          <cell r="C1685">
            <v>2002</v>
          </cell>
          <cell r="P1685">
            <v>4.157804893768672</v>
          </cell>
        </row>
        <row r="1686">
          <cell r="C1686">
            <v>2002</v>
          </cell>
          <cell r="P1686">
            <v>4.2667308654706479</v>
          </cell>
        </row>
        <row r="1687">
          <cell r="C1687">
            <v>2002</v>
          </cell>
          <cell r="P1687">
            <v>4.4077527638343375</v>
          </cell>
        </row>
        <row r="1688">
          <cell r="C1688">
            <v>2002</v>
          </cell>
          <cell r="P1688">
            <v>4.5016297713107178</v>
          </cell>
        </row>
        <row r="1689">
          <cell r="C1689">
            <v>2002</v>
          </cell>
          <cell r="P1689">
            <v>4.3568208701718207</v>
          </cell>
        </row>
        <row r="1690">
          <cell r="C1690">
            <v>2002</v>
          </cell>
          <cell r="P1690">
            <v>4.6135105624725137</v>
          </cell>
        </row>
        <row r="1691">
          <cell r="C1691">
            <v>2002</v>
          </cell>
          <cell r="P1691">
            <v>4.6135105624725137</v>
          </cell>
        </row>
        <row r="1692">
          <cell r="C1692">
            <v>2002</v>
          </cell>
          <cell r="P1692">
            <v>4.6135105624725137</v>
          </cell>
        </row>
        <row r="1693">
          <cell r="C1693">
            <v>2002</v>
          </cell>
          <cell r="P1693">
            <v>4.6010733079571127</v>
          </cell>
        </row>
        <row r="1694">
          <cell r="C1694">
            <v>2002</v>
          </cell>
          <cell r="P1694">
            <v>4.8483042606269233</v>
          </cell>
        </row>
        <row r="1695">
          <cell r="C1695">
            <v>2002</v>
          </cell>
          <cell r="P1695">
            <v>4.7127858616035549</v>
          </cell>
        </row>
        <row r="1696">
          <cell r="C1696">
            <v>2002</v>
          </cell>
          <cell r="P1696">
            <v>4.9277422241094309</v>
          </cell>
        </row>
        <row r="1697">
          <cell r="C1697">
            <v>2002</v>
          </cell>
          <cell r="P1697">
            <v>5.1021632974932141</v>
          </cell>
        </row>
        <row r="1698">
          <cell r="C1698">
            <v>2002</v>
          </cell>
          <cell r="P1698">
            <v>5.1021632974932141</v>
          </cell>
        </row>
        <row r="1699">
          <cell r="C1699">
            <v>2002</v>
          </cell>
          <cell r="P1699">
            <v>5.1021632974932141</v>
          </cell>
        </row>
        <row r="1700">
          <cell r="C1700">
            <v>2002</v>
          </cell>
          <cell r="P1700">
            <v>5.1507019532612484</v>
          </cell>
        </row>
        <row r="1701">
          <cell r="C1701">
            <v>2002</v>
          </cell>
          <cell r="P1701">
            <v>5.0897013997361285</v>
          </cell>
        </row>
        <row r="1702">
          <cell r="C1702">
            <v>2002</v>
          </cell>
          <cell r="P1702">
            <v>4.8784235149603434</v>
          </cell>
        </row>
        <row r="1703">
          <cell r="C1703">
            <v>2002</v>
          </cell>
          <cell r="P1703">
            <v>4.8408449409320449</v>
          </cell>
        </row>
        <row r="1704">
          <cell r="C1704">
            <v>2002</v>
          </cell>
          <cell r="P1704">
            <v>4.6838395307926781</v>
          </cell>
        </row>
        <row r="1705">
          <cell r="C1705">
            <v>2002</v>
          </cell>
          <cell r="P1705">
            <v>4.6838395307926781</v>
          </cell>
        </row>
        <row r="1706">
          <cell r="C1706">
            <v>2002</v>
          </cell>
          <cell r="P1706">
            <v>4.6838395307926781</v>
          </cell>
        </row>
        <row r="1707">
          <cell r="C1707">
            <v>2002</v>
          </cell>
          <cell r="P1707">
            <v>4.6838395307926781</v>
          </cell>
        </row>
        <row r="1708">
          <cell r="C1708">
            <v>2002</v>
          </cell>
          <cell r="P1708">
            <v>4.5742609870945241</v>
          </cell>
        </row>
        <row r="1709">
          <cell r="C1709">
            <v>2002</v>
          </cell>
          <cell r="P1709">
            <v>4.6392679630275548</v>
          </cell>
        </row>
        <row r="1710">
          <cell r="C1710">
            <v>2002</v>
          </cell>
          <cell r="P1710">
            <v>4.708777543561669</v>
          </cell>
        </row>
        <row r="1711">
          <cell r="C1711">
            <v>2002</v>
          </cell>
          <cell r="P1711">
            <v>5.0455871536676717</v>
          </cell>
        </row>
        <row r="1712">
          <cell r="C1712">
            <v>2002</v>
          </cell>
          <cell r="P1712">
            <v>5.0455871536676717</v>
          </cell>
        </row>
        <row r="1713">
          <cell r="C1713">
            <v>2002</v>
          </cell>
          <cell r="P1713">
            <v>5.0455871536676717</v>
          </cell>
        </row>
        <row r="1714">
          <cell r="C1714">
            <v>2002</v>
          </cell>
          <cell r="P1714">
            <v>4.8523604434266998</v>
          </cell>
        </row>
        <row r="1715">
          <cell r="C1715">
            <v>2002</v>
          </cell>
          <cell r="P1715">
            <v>5.0956916030997412</v>
          </cell>
        </row>
        <row r="1716">
          <cell r="C1716">
            <v>2002</v>
          </cell>
          <cell r="P1716">
            <v>5.0771712591559117</v>
          </cell>
        </row>
        <row r="1717">
          <cell r="C1717">
            <v>2002</v>
          </cell>
          <cell r="P1717">
            <v>4.9497329999545041</v>
          </cell>
        </row>
        <row r="1718">
          <cell r="C1718">
            <v>2002</v>
          </cell>
          <cell r="P1718">
            <v>5.1776744551947953</v>
          </cell>
        </row>
        <row r="1719">
          <cell r="C1719">
            <v>2002</v>
          </cell>
          <cell r="P1719">
            <v>5.1776744551947953</v>
          </cell>
        </row>
        <row r="1720">
          <cell r="C1720">
            <v>2002</v>
          </cell>
          <cell r="P1720">
            <v>5.1776744551947953</v>
          </cell>
        </row>
        <row r="1721">
          <cell r="C1721">
            <v>2002</v>
          </cell>
          <cell r="P1721">
            <v>5.2797197494730144</v>
          </cell>
        </row>
        <row r="1722">
          <cell r="C1722">
            <v>2002</v>
          </cell>
          <cell r="P1722">
            <v>5.2687099073414112</v>
          </cell>
        </row>
        <row r="1723">
          <cell r="C1723">
            <v>2002</v>
          </cell>
          <cell r="P1723">
            <v>5.8151297182329653</v>
          </cell>
        </row>
        <row r="1724">
          <cell r="C1724">
            <v>2002</v>
          </cell>
          <cell r="P1724">
            <v>5.9096033765032381</v>
          </cell>
        </row>
        <row r="1725">
          <cell r="C1725">
            <v>2002</v>
          </cell>
          <cell r="P1725">
            <v>5.8742095206320801</v>
          </cell>
        </row>
        <row r="1726">
          <cell r="C1726">
            <v>2002</v>
          </cell>
          <cell r="P1726">
            <v>5.8742095206320801</v>
          </cell>
        </row>
        <row r="1727">
          <cell r="C1727">
            <v>2002</v>
          </cell>
          <cell r="P1727">
            <v>5.8742095206320801</v>
          </cell>
        </row>
        <row r="1728">
          <cell r="C1728">
            <v>2002</v>
          </cell>
          <cell r="P1728">
            <v>5.8420643074869965</v>
          </cell>
        </row>
        <row r="1729">
          <cell r="C1729">
            <v>2002</v>
          </cell>
          <cell r="P1729">
            <v>5.9058618689434494</v>
          </cell>
        </row>
        <row r="1730">
          <cell r="C1730">
            <v>2002</v>
          </cell>
          <cell r="P1730">
            <v>5.3945951684081228</v>
          </cell>
        </row>
        <row r="1731">
          <cell r="C1731">
            <v>2002</v>
          </cell>
          <cell r="P1731">
            <v>5.2538964756373119</v>
          </cell>
        </row>
        <row r="1732">
          <cell r="C1732">
            <v>2002</v>
          </cell>
          <cell r="P1732">
            <v>5.4132425198283318</v>
          </cell>
        </row>
        <row r="1733">
          <cell r="C1733">
            <v>2002</v>
          </cell>
          <cell r="P1733">
            <v>5.4132425198283318</v>
          </cell>
        </row>
        <row r="1734">
          <cell r="C1734">
            <v>2002</v>
          </cell>
          <cell r="P1734">
            <v>5.4132425198283318</v>
          </cell>
        </row>
        <row r="1735">
          <cell r="C1735">
            <v>2002</v>
          </cell>
          <cell r="P1735">
            <v>5.9896469950410216</v>
          </cell>
        </row>
        <row r="1736">
          <cell r="C1736">
            <v>2002</v>
          </cell>
          <cell r="P1736">
            <v>6.3135985198889921</v>
          </cell>
        </row>
        <row r="1737">
          <cell r="C1737">
            <v>2002</v>
          </cell>
          <cell r="P1737">
            <v>5.9208895072868168</v>
          </cell>
        </row>
        <row r="1738">
          <cell r="C1738">
            <v>2002</v>
          </cell>
          <cell r="P1738">
            <v>5.9007607179144994</v>
          </cell>
        </row>
        <row r="1739">
          <cell r="C1739">
            <v>2002</v>
          </cell>
          <cell r="P1739">
            <v>5.5454061206229808</v>
          </cell>
        </row>
        <row r="1740">
          <cell r="C1740">
            <v>2002</v>
          </cell>
          <cell r="P1740">
            <v>5.5454061206229808</v>
          </cell>
        </row>
        <row r="1741">
          <cell r="C1741">
            <v>2002</v>
          </cell>
          <cell r="P1741">
            <v>5.5454061206229808</v>
          </cell>
        </row>
        <row r="1742">
          <cell r="C1742">
            <v>2002</v>
          </cell>
          <cell r="P1742">
            <v>5.6131996785004779</v>
          </cell>
        </row>
        <row r="1743">
          <cell r="C1743">
            <v>2002</v>
          </cell>
          <cell r="P1743">
            <v>5.8503885101833459</v>
          </cell>
        </row>
        <row r="1744">
          <cell r="C1744">
            <v>2002</v>
          </cell>
          <cell r="P1744">
            <v>5.9719204478245702</v>
          </cell>
        </row>
        <row r="1745">
          <cell r="C1745">
            <v>2002</v>
          </cell>
          <cell r="P1745">
            <v>5.9131268861558057</v>
          </cell>
        </row>
        <row r="1746">
          <cell r="C1746">
            <v>2002</v>
          </cell>
          <cell r="P1746">
            <v>5.7148587373561215</v>
          </cell>
        </row>
        <row r="1747">
          <cell r="C1747">
            <v>2002</v>
          </cell>
          <cell r="P1747">
            <v>5.7148587373561215</v>
          </cell>
        </row>
        <row r="1748">
          <cell r="C1748">
            <v>2002</v>
          </cell>
          <cell r="P1748">
            <v>5.7148587373561215</v>
          </cell>
        </row>
        <row r="1749">
          <cell r="C1749">
            <v>2002</v>
          </cell>
          <cell r="P1749">
            <v>6.3473332221228063</v>
          </cell>
        </row>
        <row r="1750">
          <cell r="C1750">
            <v>2002</v>
          </cell>
          <cell r="P1750">
            <v>6.3867462959312107</v>
          </cell>
        </row>
        <row r="1751">
          <cell r="C1751">
            <v>2002</v>
          </cell>
          <cell r="P1751">
            <v>6.3206502782790679</v>
          </cell>
        </row>
        <row r="1752">
          <cell r="C1752">
            <v>2002</v>
          </cell>
          <cell r="P1752">
            <v>6.2665123936549341</v>
          </cell>
        </row>
        <row r="1753">
          <cell r="C1753">
            <v>2002</v>
          </cell>
          <cell r="P1753">
            <v>6.3849203265039964</v>
          </cell>
        </row>
        <row r="1754">
          <cell r="C1754">
            <v>2002</v>
          </cell>
          <cell r="P1754">
            <v>6.3849203265039964</v>
          </cell>
        </row>
        <row r="1755">
          <cell r="C1755">
            <v>2002</v>
          </cell>
          <cell r="P1755">
            <v>6.3849203265039964</v>
          </cell>
        </row>
        <row r="1756">
          <cell r="C1756">
            <v>2002</v>
          </cell>
          <cell r="P1756">
            <v>6.4623963088215213</v>
          </cell>
        </row>
        <row r="1757">
          <cell r="C1757">
            <v>2002</v>
          </cell>
          <cell r="P1757">
            <v>6.4644578107702335</v>
          </cell>
        </row>
        <row r="1758">
          <cell r="C1758">
            <v>2002</v>
          </cell>
          <cell r="P1758">
            <v>6.5644008469692601</v>
          </cell>
        </row>
        <row r="1759">
          <cell r="C1759">
            <v>2002</v>
          </cell>
          <cell r="P1759">
            <v>6.6431450084166146</v>
          </cell>
        </row>
        <row r="1760">
          <cell r="C1760">
            <v>2002</v>
          </cell>
          <cell r="P1760">
            <v>6.3877083301739424</v>
          </cell>
        </row>
        <row r="1761">
          <cell r="C1761">
            <v>2002</v>
          </cell>
          <cell r="P1761">
            <v>6.3877083301739424</v>
          </cell>
        </row>
        <row r="1762">
          <cell r="C1762">
            <v>2002</v>
          </cell>
          <cell r="P1762">
            <v>6.3877083301739424</v>
          </cell>
        </row>
        <row r="1763">
          <cell r="C1763">
            <v>2002</v>
          </cell>
          <cell r="P1763">
            <v>6.5374823706040246</v>
          </cell>
        </row>
        <row r="1764">
          <cell r="C1764">
            <v>2002</v>
          </cell>
          <cell r="P1764">
            <v>6.6002283291123884</v>
          </cell>
        </row>
        <row r="1765">
          <cell r="C1765">
            <v>2002</v>
          </cell>
          <cell r="P1765">
            <v>6.8198124080617522</v>
          </cell>
        </row>
        <row r="1766">
          <cell r="C1766">
            <v>2002</v>
          </cell>
          <cell r="P1766">
            <v>6.6771379907796362</v>
          </cell>
        </row>
        <row r="1767">
          <cell r="C1767">
            <v>2002</v>
          </cell>
          <cell r="P1767">
            <v>6.2743588965893755</v>
          </cell>
        </row>
        <row r="1768">
          <cell r="C1768">
            <v>2002</v>
          </cell>
          <cell r="P1768">
            <v>6.2743588965893755</v>
          </cell>
        </row>
        <row r="1769">
          <cell r="C1769">
            <v>2002</v>
          </cell>
          <cell r="P1769">
            <v>6.2743588965893755</v>
          </cell>
        </row>
        <row r="1770">
          <cell r="C1770">
            <v>2002</v>
          </cell>
          <cell r="P1770">
            <v>6.0206993751990412</v>
          </cell>
        </row>
        <row r="1771">
          <cell r="C1771">
            <v>2002</v>
          </cell>
          <cell r="P1771">
            <v>6.0253455740737936</v>
          </cell>
        </row>
        <row r="1772">
          <cell r="C1772">
            <v>2002</v>
          </cell>
          <cell r="P1772">
            <v>6.0626270074763813</v>
          </cell>
        </row>
        <row r="1773">
          <cell r="C1773">
            <v>2002</v>
          </cell>
          <cell r="P1773">
            <v>5.954077319118606</v>
          </cell>
        </row>
        <row r="1774">
          <cell r="C1774">
            <v>2002</v>
          </cell>
          <cell r="P1774">
            <v>5.7605416205395734</v>
          </cell>
        </row>
        <row r="1775">
          <cell r="C1775">
            <v>2002</v>
          </cell>
          <cell r="P1775">
            <v>5.7605416205395734</v>
          </cell>
        </row>
        <row r="1776">
          <cell r="C1776">
            <v>2002</v>
          </cell>
          <cell r="P1776">
            <v>5.7605416205395734</v>
          </cell>
        </row>
        <row r="1777">
          <cell r="C1777">
            <v>2002</v>
          </cell>
          <cell r="P1777">
            <v>5.8420936898136215</v>
          </cell>
        </row>
        <row r="1778">
          <cell r="C1778">
            <v>2002</v>
          </cell>
          <cell r="P1778">
            <v>5.9532934744696027</v>
          </cell>
        </row>
        <row r="1779">
          <cell r="C1779">
            <v>2002</v>
          </cell>
          <cell r="P1779">
            <v>5.90931855749837</v>
          </cell>
        </row>
        <row r="1780">
          <cell r="C1780">
            <v>2002</v>
          </cell>
          <cell r="P1780">
            <v>6.037273376958189</v>
          </cell>
        </row>
        <row r="1781">
          <cell r="C1781">
            <v>2002</v>
          </cell>
          <cell r="P1781">
            <v>6.0550833320695778</v>
          </cell>
        </row>
        <row r="1782">
          <cell r="C1782">
            <v>2002</v>
          </cell>
          <cell r="P1782">
            <v>6.0550833320695778</v>
          </cell>
        </row>
        <row r="1783">
          <cell r="C1783">
            <v>2002</v>
          </cell>
          <cell r="P1783">
            <v>6.0550833320695778</v>
          </cell>
        </row>
        <row r="1784">
          <cell r="C1784">
            <v>2002</v>
          </cell>
          <cell r="P1784">
            <v>6.4508954974901815</v>
          </cell>
        </row>
        <row r="1785">
          <cell r="C1785">
            <v>2002</v>
          </cell>
          <cell r="P1785">
            <v>6.5357857781956588</v>
          </cell>
        </row>
        <row r="1786">
          <cell r="C1786">
            <v>2002</v>
          </cell>
          <cell r="P1786">
            <v>6.5754632929436925</v>
          </cell>
        </row>
        <row r="1787">
          <cell r="C1787">
            <v>2002</v>
          </cell>
          <cell r="P1787">
            <v>6.4337627576166572</v>
          </cell>
        </row>
        <row r="1788">
          <cell r="C1788">
            <v>2002</v>
          </cell>
          <cell r="P1788">
            <v>6.6050351829665912</v>
          </cell>
        </row>
        <row r="1789">
          <cell r="C1789">
            <v>2002</v>
          </cell>
          <cell r="P1789">
            <v>6.6050351829665912</v>
          </cell>
        </row>
        <row r="1790">
          <cell r="C1790">
            <v>2002</v>
          </cell>
          <cell r="P1790">
            <v>6.6050351829665912</v>
          </cell>
        </row>
        <row r="1791">
          <cell r="C1791">
            <v>2002</v>
          </cell>
          <cell r="P1791">
            <v>6.6880340948726893</v>
          </cell>
        </row>
        <row r="1792">
          <cell r="C1792">
            <v>2002</v>
          </cell>
          <cell r="P1792">
            <v>6.4805375259701856</v>
          </cell>
        </row>
        <row r="1793">
          <cell r="C1793">
            <v>2002</v>
          </cell>
          <cell r="P1793">
            <v>6.3208535850229755</v>
          </cell>
        </row>
        <row r="1794">
          <cell r="C1794">
            <v>2002</v>
          </cell>
          <cell r="P1794">
            <v>6.317642381067925</v>
          </cell>
        </row>
        <row r="1795">
          <cell r="C1795">
            <v>2002</v>
          </cell>
          <cell r="P1795">
            <v>6.2835233390455105</v>
          </cell>
        </row>
        <row r="1796">
          <cell r="C1796">
            <v>2002</v>
          </cell>
          <cell r="P1796">
            <v>6.2835233390455105</v>
          </cell>
        </row>
        <row r="1797">
          <cell r="C1797">
            <v>2002</v>
          </cell>
          <cell r="P1797">
            <v>6.2835233390455105</v>
          </cell>
        </row>
        <row r="1798">
          <cell r="C1798">
            <v>2002</v>
          </cell>
          <cell r="P1798">
            <v>6.3259504708754797</v>
          </cell>
        </row>
        <row r="1799">
          <cell r="C1799">
            <v>2002</v>
          </cell>
          <cell r="P1799">
            <v>6.4047595577865053</v>
          </cell>
        </row>
        <row r="1800">
          <cell r="C1800">
            <v>2002</v>
          </cell>
          <cell r="P1800">
            <v>6.3990243171926409</v>
          </cell>
        </row>
        <row r="1801">
          <cell r="C1801">
            <v>2002</v>
          </cell>
          <cell r="P1801">
            <v>6.5030050537601785</v>
          </cell>
        </row>
        <row r="1802">
          <cell r="C1802">
            <v>2002</v>
          </cell>
          <cell r="P1802">
            <v>6.5444270256744677</v>
          </cell>
        </row>
        <row r="1803">
          <cell r="C1803">
            <v>2002</v>
          </cell>
          <cell r="P1803">
            <v>6.5444270256744677</v>
          </cell>
        </row>
        <row r="1804">
          <cell r="C1804">
            <v>2002</v>
          </cell>
          <cell r="P1804">
            <v>6.5444270256744677</v>
          </cell>
        </row>
        <row r="1805">
          <cell r="C1805">
            <v>2002</v>
          </cell>
          <cell r="P1805">
            <v>6.3862700178947858</v>
          </cell>
        </row>
        <row r="1806">
          <cell r="C1806">
            <v>2002</v>
          </cell>
          <cell r="P1806">
            <v>6.49560686826102</v>
          </cell>
        </row>
        <row r="1807">
          <cell r="C1807">
            <v>2002</v>
          </cell>
          <cell r="P1807">
            <v>6.7611036760134056</v>
          </cell>
        </row>
        <row r="1808">
          <cell r="C1808">
            <v>2002</v>
          </cell>
          <cell r="P1808">
            <v>7.1104377397976988</v>
          </cell>
        </row>
        <row r="1809">
          <cell r="C1809">
            <v>2002</v>
          </cell>
          <cell r="P1809">
            <v>7.3125871991628886</v>
          </cell>
        </row>
        <row r="1810">
          <cell r="C1810">
            <v>2002</v>
          </cell>
          <cell r="P1810">
            <v>7.3125871991628886</v>
          </cell>
        </row>
        <row r="1811">
          <cell r="C1811">
            <v>2002</v>
          </cell>
          <cell r="P1811">
            <v>7.3125871991628886</v>
          </cell>
        </row>
        <row r="1812">
          <cell r="C1812">
            <v>2002</v>
          </cell>
          <cell r="P1812">
            <v>7.7158226672328292</v>
          </cell>
        </row>
        <row r="1813">
          <cell r="C1813">
            <v>2002</v>
          </cell>
          <cell r="P1813">
            <v>7.4233453011024997</v>
          </cell>
        </row>
        <row r="1814">
          <cell r="C1814">
            <v>2002</v>
          </cell>
          <cell r="P1814">
            <v>7.4072949682291753</v>
          </cell>
        </row>
        <row r="1815">
          <cell r="C1815">
            <v>2002</v>
          </cell>
          <cell r="P1815">
            <v>7.6050820999074924</v>
          </cell>
        </row>
        <row r="1816">
          <cell r="C1816">
            <v>2002</v>
          </cell>
          <cell r="P1816">
            <v>7.4673097920868665</v>
          </cell>
        </row>
        <row r="1817">
          <cell r="C1817">
            <v>2002</v>
          </cell>
          <cell r="P1817">
            <v>7.4673097920868665</v>
          </cell>
        </row>
        <row r="1818">
          <cell r="C1818">
            <v>2002</v>
          </cell>
          <cell r="P1818">
            <v>7.4673097920868665</v>
          </cell>
        </row>
        <row r="1819">
          <cell r="C1819">
            <v>2002</v>
          </cell>
          <cell r="P1819">
            <v>7.4723844042401542</v>
          </cell>
        </row>
        <row r="1820">
          <cell r="C1820">
            <v>2002</v>
          </cell>
          <cell r="P1820">
            <v>7.4608172457196584</v>
          </cell>
        </row>
        <row r="1821">
          <cell r="C1821">
            <v>2002</v>
          </cell>
          <cell r="P1821">
            <v>7.4608172457196584</v>
          </cell>
        </row>
        <row r="1822">
          <cell r="C1822">
            <v>2002</v>
          </cell>
          <cell r="P1822">
            <v>7.3361034864500088</v>
          </cell>
        </row>
        <row r="1823">
          <cell r="C1823">
            <v>2002</v>
          </cell>
          <cell r="P1823">
            <v>7.2172301754598811</v>
          </cell>
        </row>
        <row r="1824">
          <cell r="C1824">
            <v>2002</v>
          </cell>
          <cell r="P1824">
            <v>7.2172301754598811</v>
          </cell>
        </row>
        <row r="1825">
          <cell r="C1825">
            <v>2002</v>
          </cell>
          <cell r="P1825">
            <v>7.2172301754598811</v>
          </cell>
        </row>
        <row r="1826">
          <cell r="C1826">
            <v>2002</v>
          </cell>
          <cell r="P1826">
            <v>7.2430998923279901</v>
          </cell>
        </row>
        <row r="1827">
          <cell r="C1827">
            <v>2003</v>
          </cell>
          <cell r="P1827">
            <v>7.029221197737372</v>
          </cell>
        </row>
        <row r="1828">
          <cell r="C1828">
            <v>2003</v>
          </cell>
          <cell r="P1828">
            <v>7.029221197737372</v>
          </cell>
        </row>
        <row r="1829">
          <cell r="C1829">
            <v>2003</v>
          </cell>
          <cell r="P1829">
            <v>7.3506974985214057</v>
          </cell>
        </row>
        <row r="1830">
          <cell r="C1830">
            <v>2003</v>
          </cell>
          <cell r="P1830">
            <v>7.6167947483356331</v>
          </cell>
        </row>
        <row r="1831">
          <cell r="C1831">
            <v>2003</v>
          </cell>
          <cell r="P1831">
            <v>7.6167947483356331</v>
          </cell>
        </row>
        <row r="1832">
          <cell r="C1832">
            <v>2003</v>
          </cell>
          <cell r="P1832">
            <v>7.6167947483356331</v>
          </cell>
        </row>
        <row r="1833">
          <cell r="C1833">
            <v>2003</v>
          </cell>
          <cell r="P1833">
            <v>7.2580374880575071</v>
          </cell>
        </row>
        <row r="1834">
          <cell r="C1834">
            <v>2003</v>
          </cell>
          <cell r="P1834">
            <v>7.2857327004443357</v>
          </cell>
        </row>
        <row r="1835">
          <cell r="C1835">
            <v>2003</v>
          </cell>
          <cell r="P1835">
            <v>7.5841116490499081</v>
          </cell>
        </row>
        <row r="1836">
          <cell r="C1836">
            <v>2003</v>
          </cell>
          <cell r="P1836">
            <v>7.4588367821234147</v>
          </cell>
        </row>
        <row r="1837">
          <cell r="C1837">
            <v>2003</v>
          </cell>
          <cell r="P1837">
            <v>7.610022595956992</v>
          </cell>
        </row>
        <row r="1838">
          <cell r="C1838">
            <v>2003</v>
          </cell>
          <cell r="P1838">
            <v>7.610022595956992</v>
          </cell>
        </row>
        <row r="1839">
          <cell r="C1839">
            <v>2003</v>
          </cell>
          <cell r="P1839">
            <v>7.610022595956992</v>
          </cell>
        </row>
        <row r="1840">
          <cell r="C1840">
            <v>2003</v>
          </cell>
          <cell r="P1840">
            <v>7.6136034485373294</v>
          </cell>
        </row>
        <row r="1841">
          <cell r="C1841">
            <v>2003</v>
          </cell>
          <cell r="P1841">
            <v>7.632420459198376</v>
          </cell>
        </row>
        <row r="1842">
          <cell r="C1842">
            <v>2003</v>
          </cell>
          <cell r="P1842">
            <v>7.5446345975948184</v>
          </cell>
        </row>
        <row r="1843">
          <cell r="C1843">
            <v>2003</v>
          </cell>
          <cell r="P1843">
            <v>8.0087218119227792</v>
          </cell>
        </row>
        <row r="1844">
          <cell r="C1844">
            <v>2003</v>
          </cell>
          <cell r="P1844">
            <v>8.3314677135621231</v>
          </cell>
        </row>
        <row r="1845">
          <cell r="C1845">
            <v>2003</v>
          </cell>
          <cell r="P1845">
            <v>8.3314677135621231</v>
          </cell>
        </row>
        <row r="1846">
          <cell r="C1846">
            <v>2003</v>
          </cell>
          <cell r="P1846">
            <v>8.3314677135621231</v>
          </cell>
        </row>
        <row r="1847">
          <cell r="C1847">
            <v>2003</v>
          </cell>
          <cell r="P1847">
            <v>8.3276693369830603</v>
          </cell>
        </row>
        <row r="1848">
          <cell r="C1848">
            <v>2003</v>
          </cell>
          <cell r="P1848">
            <v>8.1150242262022108</v>
          </cell>
        </row>
        <row r="1849">
          <cell r="C1849">
            <v>2003</v>
          </cell>
          <cell r="P1849">
            <v>8.5961693028616484</v>
          </cell>
        </row>
        <row r="1850">
          <cell r="C1850">
            <v>2003</v>
          </cell>
          <cell r="P1850">
            <v>9.1134290502115523</v>
          </cell>
        </row>
        <row r="1851">
          <cell r="C1851">
            <v>2003</v>
          </cell>
          <cell r="P1851">
            <v>8.2737252809329558</v>
          </cell>
        </row>
        <row r="1852">
          <cell r="C1852">
            <v>2003</v>
          </cell>
          <cell r="P1852">
            <v>8.2737252809329558</v>
          </cell>
        </row>
        <row r="1853">
          <cell r="C1853">
            <v>2003</v>
          </cell>
          <cell r="P1853">
            <v>8.2737252809329558</v>
          </cell>
        </row>
        <row r="1854">
          <cell r="C1854">
            <v>2003</v>
          </cell>
          <cell r="P1854">
            <v>8.4401510441151935</v>
          </cell>
        </row>
        <row r="1855">
          <cell r="C1855">
            <v>2003</v>
          </cell>
          <cell r="P1855">
            <v>8.065391789630123</v>
          </cell>
        </row>
        <row r="1856">
          <cell r="C1856">
            <v>2003</v>
          </cell>
          <cell r="P1856">
            <v>8.2264732867260122</v>
          </cell>
        </row>
        <row r="1857">
          <cell r="C1857">
            <v>2003</v>
          </cell>
          <cell r="P1857">
            <v>8.3723451646168545</v>
          </cell>
        </row>
        <row r="1858">
          <cell r="C1858">
            <v>2003</v>
          </cell>
          <cell r="P1858">
            <v>8.2097869686537965</v>
          </cell>
        </row>
        <row r="1859">
          <cell r="C1859">
            <v>2003</v>
          </cell>
          <cell r="P1859">
            <v>8.2097869686537965</v>
          </cell>
        </row>
        <row r="1860">
          <cell r="C1860">
            <v>2003</v>
          </cell>
          <cell r="P1860">
            <v>8.2097869686537965</v>
          </cell>
        </row>
        <row r="1861">
          <cell r="C1861">
            <v>2003</v>
          </cell>
          <cell r="P1861">
            <v>8.3493004162812205</v>
          </cell>
        </row>
        <row r="1862">
          <cell r="C1862">
            <v>2003</v>
          </cell>
          <cell r="P1862">
            <v>9.1642581057308803</v>
          </cell>
        </row>
        <row r="1863">
          <cell r="C1863">
            <v>2003</v>
          </cell>
          <cell r="P1863">
            <v>9.0661088131814793</v>
          </cell>
        </row>
        <row r="1864">
          <cell r="C1864">
            <v>2003</v>
          </cell>
          <cell r="P1864">
            <v>8.8184631905794575</v>
          </cell>
        </row>
        <row r="1865">
          <cell r="C1865">
            <v>2003</v>
          </cell>
          <cell r="P1865">
            <v>9.0900724700868949</v>
          </cell>
        </row>
        <row r="1866">
          <cell r="C1866">
            <v>2003</v>
          </cell>
          <cell r="P1866">
            <v>9.0900724700868949</v>
          </cell>
        </row>
        <row r="1867">
          <cell r="C1867">
            <v>2003</v>
          </cell>
          <cell r="P1867">
            <v>9.0900724700868949</v>
          </cell>
        </row>
        <row r="1868">
          <cell r="C1868">
            <v>2003</v>
          </cell>
          <cell r="P1868">
            <v>9.4618408880666038</v>
          </cell>
        </row>
        <row r="1869">
          <cell r="C1869">
            <v>2003</v>
          </cell>
          <cell r="P1869">
            <v>9.354143287180964</v>
          </cell>
        </row>
        <row r="1870">
          <cell r="C1870">
            <v>2003</v>
          </cell>
          <cell r="P1870">
            <v>9.3528291389272216</v>
          </cell>
        </row>
        <row r="1871">
          <cell r="C1871">
            <v>2003</v>
          </cell>
          <cell r="P1871">
            <v>8.8140724283829499</v>
          </cell>
        </row>
        <row r="1872">
          <cell r="C1872">
            <v>2003</v>
          </cell>
          <cell r="P1872">
            <v>8.9251755357061615</v>
          </cell>
        </row>
        <row r="1873">
          <cell r="C1873">
            <v>2003</v>
          </cell>
          <cell r="P1873">
            <v>8.9251755357061615</v>
          </cell>
        </row>
        <row r="1874">
          <cell r="C1874">
            <v>2003</v>
          </cell>
          <cell r="P1874">
            <v>8.9251755357061615</v>
          </cell>
        </row>
        <row r="1875">
          <cell r="C1875">
            <v>2003</v>
          </cell>
          <cell r="P1875">
            <v>8.9375161128887939</v>
          </cell>
        </row>
        <row r="1876">
          <cell r="C1876">
            <v>2003</v>
          </cell>
          <cell r="P1876">
            <v>9.1672840114647922</v>
          </cell>
        </row>
        <row r="1877">
          <cell r="C1877">
            <v>2003</v>
          </cell>
          <cell r="P1877">
            <v>9.1708288469995889</v>
          </cell>
        </row>
        <row r="1878">
          <cell r="C1878">
            <v>2003</v>
          </cell>
          <cell r="P1878">
            <v>9.7025764509182455</v>
          </cell>
        </row>
        <row r="1879">
          <cell r="C1879">
            <v>2003</v>
          </cell>
          <cell r="P1879">
            <v>12.627566688403268</v>
          </cell>
        </row>
        <row r="1880">
          <cell r="C1880">
            <v>2003</v>
          </cell>
          <cell r="P1880">
            <v>12.627566688403268</v>
          </cell>
        </row>
        <row r="1881">
          <cell r="C1881">
            <v>2003</v>
          </cell>
          <cell r="P1881">
            <v>12.627566688403268</v>
          </cell>
        </row>
        <row r="1882">
          <cell r="C1882">
            <v>2003</v>
          </cell>
          <cell r="P1882">
            <v>25.805403694211488</v>
          </cell>
        </row>
        <row r="1883">
          <cell r="C1883">
            <v>2003</v>
          </cell>
          <cell r="P1883">
            <v>31.017552622799165</v>
          </cell>
        </row>
        <row r="1884">
          <cell r="C1884">
            <v>2003</v>
          </cell>
          <cell r="P1884">
            <v>15.854324320225656</v>
          </cell>
        </row>
        <row r="1885">
          <cell r="C1885">
            <v>2003</v>
          </cell>
          <cell r="P1885">
            <v>12.627037806524015</v>
          </cell>
        </row>
        <row r="1886">
          <cell r="C1886">
            <v>2003</v>
          </cell>
          <cell r="P1886">
            <v>20.317922934896345</v>
          </cell>
        </row>
        <row r="1887">
          <cell r="C1887">
            <v>2003</v>
          </cell>
          <cell r="P1887">
            <v>20.317922934896345</v>
          </cell>
        </row>
        <row r="1888">
          <cell r="C1888">
            <v>2003</v>
          </cell>
          <cell r="P1888">
            <v>20.317922934896345</v>
          </cell>
        </row>
        <row r="1889">
          <cell r="C1889">
            <v>2003</v>
          </cell>
          <cell r="P1889">
            <v>14.556750542151319</v>
          </cell>
        </row>
        <row r="1890">
          <cell r="C1890">
            <v>2003</v>
          </cell>
          <cell r="P1890">
            <v>14.946230342275673</v>
          </cell>
        </row>
        <row r="1891">
          <cell r="C1891">
            <v>2003</v>
          </cell>
          <cell r="P1891">
            <v>15.399021947650171</v>
          </cell>
        </row>
        <row r="1892">
          <cell r="C1892">
            <v>2003</v>
          </cell>
          <cell r="P1892">
            <v>12.012183713471135</v>
          </cell>
        </row>
        <row r="1893">
          <cell r="C1893">
            <v>2003</v>
          </cell>
          <cell r="P1893">
            <v>12.305698465294732</v>
          </cell>
        </row>
        <row r="1894">
          <cell r="C1894">
            <v>2003</v>
          </cell>
          <cell r="P1894">
            <v>12.305698465294732</v>
          </cell>
        </row>
        <row r="1895">
          <cell r="C1895">
            <v>2003</v>
          </cell>
          <cell r="P1895">
            <v>12.305698465294732</v>
          </cell>
        </row>
        <row r="1896">
          <cell r="C1896">
            <v>2003</v>
          </cell>
          <cell r="P1896">
            <v>11.439407955596669</v>
          </cell>
        </row>
        <row r="1897">
          <cell r="C1897">
            <v>2003</v>
          </cell>
          <cell r="P1897">
            <v>9.8437101916865082</v>
          </cell>
        </row>
        <row r="1898">
          <cell r="C1898">
            <v>2003</v>
          </cell>
          <cell r="P1898">
            <v>9.1752215048300769</v>
          </cell>
        </row>
        <row r="1899">
          <cell r="C1899">
            <v>2003</v>
          </cell>
          <cell r="P1899">
            <v>8.9869400297235416</v>
          </cell>
        </row>
        <row r="1900">
          <cell r="C1900">
            <v>2003</v>
          </cell>
          <cell r="P1900">
            <v>7.7969415841434007</v>
          </cell>
        </row>
        <row r="1901">
          <cell r="C1901">
            <v>2003</v>
          </cell>
          <cell r="P1901">
            <v>7.7969415841434007</v>
          </cell>
        </row>
        <row r="1902">
          <cell r="C1902">
            <v>2003</v>
          </cell>
          <cell r="P1902">
            <v>7.7969415841434007</v>
          </cell>
        </row>
        <row r="1903">
          <cell r="C1903">
            <v>2003</v>
          </cell>
          <cell r="P1903">
            <v>8.0287539239623289</v>
          </cell>
        </row>
        <row r="1904">
          <cell r="C1904">
            <v>2003</v>
          </cell>
          <cell r="P1904">
            <v>7.7499753567583145</v>
          </cell>
        </row>
        <row r="1905">
          <cell r="C1905">
            <v>2003</v>
          </cell>
          <cell r="P1905">
            <v>7.7594099270560051</v>
          </cell>
        </row>
        <row r="1906">
          <cell r="C1906">
            <v>2003</v>
          </cell>
          <cell r="P1906">
            <v>7.7209020184710564</v>
          </cell>
        </row>
        <row r="1907">
          <cell r="C1907">
            <v>2003</v>
          </cell>
          <cell r="P1907">
            <v>7.5449435859328791</v>
          </cell>
        </row>
        <row r="1908">
          <cell r="C1908">
            <v>2003</v>
          </cell>
          <cell r="P1908">
            <v>7.5449435859328791</v>
          </cell>
        </row>
        <row r="1909">
          <cell r="C1909">
            <v>2003</v>
          </cell>
          <cell r="P1909">
            <v>7.5449435859328791</v>
          </cell>
        </row>
        <row r="1910">
          <cell r="C1910">
            <v>2003</v>
          </cell>
          <cell r="P1910">
            <v>7.4772647139109205</v>
          </cell>
        </row>
        <row r="1911">
          <cell r="C1911">
            <v>2003</v>
          </cell>
          <cell r="P1911">
            <v>7.4221178781031529</v>
          </cell>
        </row>
        <row r="1912">
          <cell r="C1912">
            <v>2003</v>
          </cell>
          <cell r="P1912">
            <v>7.2500417039474687</v>
          </cell>
        </row>
        <row r="1913">
          <cell r="C1913">
            <v>2003</v>
          </cell>
          <cell r="P1913">
            <v>7.3058207336861738</v>
          </cell>
        </row>
        <row r="1914">
          <cell r="C1914">
            <v>2003</v>
          </cell>
          <cell r="P1914">
            <v>7.4638189821203804</v>
          </cell>
        </row>
        <row r="1915">
          <cell r="C1915">
            <v>2003</v>
          </cell>
          <cell r="P1915">
            <v>7.4638189821203804</v>
          </cell>
        </row>
        <row r="1916">
          <cell r="C1916">
            <v>2003</v>
          </cell>
          <cell r="P1916">
            <v>7.4638189821203804</v>
          </cell>
        </row>
        <row r="1917">
          <cell r="C1917">
            <v>2003</v>
          </cell>
          <cell r="P1917">
            <v>7.2764786892828432</v>
          </cell>
        </row>
        <row r="1918">
          <cell r="C1918">
            <v>2003</v>
          </cell>
          <cell r="P1918">
            <v>7.327715306106974</v>
          </cell>
        </row>
        <row r="1919">
          <cell r="C1919">
            <v>2003</v>
          </cell>
          <cell r="P1919">
            <v>7.2611870839083421</v>
          </cell>
        </row>
        <row r="1920">
          <cell r="C1920">
            <v>2003</v>
          </cell>
          <cell r="P1920">
            <v>7.3546352041976926</v>
          </cell>
        </row>
        <row r="1921">
          <cell r="C1921">
            <v>2003</v>
          </cell>
          <cell r="P1921">
            <v>7.33818299692149</v>
          </cell>
        </row>
        <row r="1922">
          <cell r="C1922">
            <v>2003</v>
          </cell>
          <cell r="P1922">
            <v>7.33818299692149</v>
          </cell>
        </row>
        <row r="1923">
          <cell r="C1923">
            <v>2003</v>
          </cell>
          <cell r="P1923">
            <v>7.33818299692149</v>
          </cell>
        </row>
        <row r="1924">
          <cell r="C1924">
            <v>2003</v>
          </cell>
          <cell r="P1924">
            <v>7.6407110143916528</v>
          </cell>
        </row>
        <row r="1925">
          <cell r="C1925">
            <v>2003</v>
          </cell>
          <cell r="P1925">
            <v>7.8399786362050925</v>
          </cell>
        </row>
        <row r="1926">
          <cell r="C1926">
            <v>2003</v>
          </cell>
          <cell r="P1926">
            <v>7.5472913286119407</v>
          </cell>
        </row>
        <row r="1927">
          <cell r="C1927">
            <v>2003</v>
          </cell>
          <cell r="P1927">
            <v>7.574616892373486</v>
          </cell>
        </row>
        <row r="1928">
          <cell r="C1928">
            <v>2003</v>
          </cell>
          <cell r="P1928">
            <v>7.6978871263705422</v>
          </cell>
        </row>
        <row r="1929">
          <cell r="C1929">
            <v>2003</v>
          </cell>
          <cell r="P1929">
            <v>7.6978871263705422</v>
          </cell>
        </row>
        <row r="1930">
          <cell r="C1930">
            <v>2003</v>
          </cell>
          <cell r="P1930">
            <v>7.6978871263705422</v>
          </cell>
        </row>
        <row r="1931">
          <cell r="C1931">
            <v>2003</v>
          </cell>
          <cell r="P1931">
            <v>7.6857114693438087</v>
          </cell>
        </row>
        <row r="1932">
          <cell r="C1932">
            <v>2003</v>
          </cell>
          <cell r="P1932">
            <v>8.055053475834459</v>
          </cell>
        </row>
        <row r="1933">
          <cell r="C1933">
            <v>2003</v>
          </cell>
          <cell r="P1933">
            <v>8.2881676422862842</v>
          </cell>
        </row>
        <row r="1934">
          <cell r="C1934">
            <v>2003</v>
          </cell>
          <cell r="P1934">
            <v>8.0376397082240185</v>
          </cell>
        </row>
        <row r="1935">
          <cell r="C1935">
            <v>2003</v>
          </cell>
          <cell r="P1935">
            <v>8.0376397082240185</v>
          </cell>
        </row>
        <row r="1936">
          <cell r="C1936">
            <v>2003</v>
          </cell>
          <cell r="P1936">
            <v>8.0376397082240185</v>
          </cell>
        </row>
        <row r="1937">
          <cell r="C1937">
            <v>2003</v>
          </cell>
          <cell r="P1937">
            <v>8.0376397082240185</v>
          </cell>
        </row>
        <row r="1938">
          <cell r="C1938">
            <v>2003</v>
          </cell>
          <cell r="P1938">
            <v>8.022899258427989</v>
          </cell>
        </row>
        <row r="1939">
          <cell r="C1939">
            <v>2003</v>
          </cell>
          <cell r="P1939">
            <v>8.0169199549597376</v>
          </cell>
        </row>
        <row r="1940">
          <cell r="C1940">
            <v>2003</v>
          </cell>
          <cell r="P1940">
            <v>8.0866608028389031</v>
          </cell>
        </row>
        <row r="1941">
          <cell r="C1941">
            <v>2003</v>
          </cell>
          <cell r="P1941">
            <v>7.9592969472710449</v>
          </cell>
        </row>
        <row r="1942">
          <cell r="C1942">
            <v>2003</v>
          </cell>
          <cell r="P1942">
            <v>7.8372219104957468</v>
          </cell>
        </row>
        <row r="1943">
          <cell r="C1943">
            <v>2003</v>
          </cell>
          <cell r="P1943">
            <v>7.8372219104957468</v>
          </cell>
        </row>
        <row r="1944">
          <cell r="C1944">
            <v>2003</v>
          </cell>
          <cell r="P1944">
            <v>7.8372219104957468</v>
          </cell>
        </row>
        <row r="1945">
          <cell r="C1945">
            <v>2003</v>
          </cell>
          <cell r="P1945">
            <v>7.6899325722994796</v>
          </cell>
        </row>
        <row r="1946">
          <cell r="C1946">
            <v>2003</v>
          </cell>
          <cell r="P1946">
            <v>7.3925474098057347</v>
          </cell>
        </row>
        <row r="1947">
          <cell r="C1947">
            <v>2003</v>
          </cell>
          <cell r="P1947">
            <v>7.4728260869565215</v>
          </cell>
        </row>
        <row r="1948">
          <cell r="C1948">
            <v>2003</v>
          </cell>
          <cell r="P1948">
            <v>7.4970522891675895</v>
          </cell>
        </row>
        <row r="1949">
          <cell r="C1949">
            <v>2003</v>
          </cell>
          <cell r="P1949">
            <v>7.3739981574437747</v>
          </cell>
        </row>
        <row r="1950">
          <cell r="C1950">
            <v>2003</v>
          </cell>
          <cell r="P1950">
            <v>7.3739981574437747</v>
          </cell>
        </row>
        <row r="1951">
          <cell r="C1951">
            <v>2003</v>
          </cell>
          <cell r="P1951">
            <v>7.3739981574437747</v>
          </cell>
        </row>
        <row r="1952">
          <cell r="C1952">
            <v>2003</v>
          </cell>
          <cell r="P1952">
            <v>7.5344341911708952</v>
          </cell>
        </row>
        <row r="1953">
          <cell r="C1953">
            <v>2003</v>
          </cell>
          <cell r="P1953">
            <v>7.7680464354498717</v>
          </cell>
        </row>
        <row r="1954">
          <cell r="C1954">
            <v>2003</v>
          </cell>
          <cell r="P1954">
            <v>7.5817198328809088</v>
          </cell>
        </row>
        <row r="1955">
          <cell r="C1955">
            <v>2003</v>
          </cell>
          <cell r="P1955">
            <v>7.7624543152211825</v>
          </cell>
        </row>
        <row r="1956">
          <cell r="C1956">
            <v>2003</v>
          </cell>
          <cell r="P1956">
            <v>7.8475469548535814</v>
          </cell>
        </row>
        <row r="1957">
          <cell r="C1957">
            <v>2003</v>
          </cell>
          <cell r="P1957">
            <v>7.8475469548535814</v>
          </cell>
        </row>
        <row r="1958">
          <cell r="C1958">
            <v>2003</v>
          </cell>
          <cell r="P1958">
            <v>7.8475469548535814</v>
          </cell>
        </row>
        <row r="1959">
          <cell r="C1959">
            <v>2003</v>
          </cell>
          <cell r="P1959">
            <v>8.0948357243596565</v>
          </cell>
        </row>
        <row r="1960">
          <cell r="C1960">
            <v>2003</v>
          </cell>
          <cell r="P1960">
            <v>8.1802842692710129</v>
          </cell>
        </row>
        <row r="1961">
          <cell r="C1961">
            <v>2003</v>
          </cell>
          <cell r="P1961">
            <v>8.3044298122564104</v>
          </cell>
        </row>
        <row r="1962">
          <cell r="C1962">
            <v>2003</v>
          </cell>
          <cell r="P1962">
            <v>8.4126766730865494</v>
          </cell>
        </row>
        <row r="1963">
          <cell r="C1963">
            <v>2003</v>
          </cell>
          <cell r="P1963">
            <v>8.0637496966985651</v>
          </cell>
        </row>
        <row r="1964">
          <cell r="C1964">
            <v>2003</v>
          </cell>
          <cell r="P1964">
            <v>8.0637496966985651</v>
          </cell>
        </row>
        <row r="1965">
          <cell r="C1965">
            <v>2003</v>
          </cell>
          <cell r="P1965">
            <v>8.0637496966985651</v>
          </cell>
        </row>
        <row r="1966">
          <cell r="C1966">
            <v>2003</v>
          </cell>
          <cell r="P1966">
            <v>8.2710107330795708</v>
          </cell>
        </row>
        <row r="1967">
          <cell r="C1967">
            <v>2003</v>
          </cell>
          <cell r="P1967">
            <v>7.8887509288606479</v>
          </cell>
        </row>
        <row r="1968">
          <cell r="C1968">
            <v>2003</v>
          </cell>
          <cell r="P1968">
            <v>8.1093610196994277</v>
          </cell>
        </row>
        <row r="1969">
          <cell r="C1969">
            <v>2003</v>
          </cell>
          <cell r="P1969">
            <v>8.2282163221667854</v>
          </cell>
        </row>
        <row r="1970">
          <cell r="C1970">
            <v>2003</v>
          </cell>
          <cell r="P1970">
            <v>8.1470557013087443</v>
          </cell>
        </row>
        <row r="1971">
          <cell r="C1971">
            <v>2003</v>
          </cell>
          <cell r="P1971">
            <v>8.1470557013087443</v>
          </cell>
        </row>
        <row r="1972">
          <cell r="C1972">
            <v>2003</v>
          </cell>
          <cell r="P1972">
            <v>8.1470557013087443</v>
          </cell>
        </row>
        <row r="1973">
          <cell r="C1973">
            <v>2003</v>
          </cell>
          <cell r="P1973">
            <v>8.1287211294945489</v>
          </cell>
        </row>
        <row r="1974">
          <cell r="C1974">
            <v>2003</v>
          </cell>
          <cell r="P1974">
            <v>8.006131428094811</v>
          </cell>
        </row>
        <row r="1975">
          <cell r="C1975">
            <v>2003</v>
          </cell>
          <cell r="P1975">
            <v>7.8920294278218401</v>
          </cell>
        </row>
        <row r="1976">
          <cell r="C1976">
            <v>2003</v>
          </cell>
          <cell r="P1976">
            <v>8.0913051060796768</v>
          </cell>
        </row>
        <row r="1977">
          <cell r="C1977">
            <v>2003</v>
          </cell>
          <cell r="P1977">
            <v>8.1788890826648064</v>
          </cell>
        </row>
        <row r="1978">
          <cell r="C1978">
            <v>2003</v>
          </cell>
          <cell r="P1978">
            <v>8.1788890826648064</v>
          </cell>
        </row>
        <row r="1979">
          <cell r="C1979">
            <v>2003</v>
          </cell>
          <cell r="P1979">
            <v>8.1788890826648064</v>
          </cell>
        </row>
        <row r="1980">
          <cell r="C1980">
            <v>2003</v>
          </cell>
          <cell r="P1980">
            <v>8.3982888112100209</v>
          </cell>
        </row>
        <row r="1981">
          <cell r="C1981">
            <v>2003</v>
          </cell>
          <cell r="P1981">
            <v>8.4630029116937866</v>
          </cell>
        </row>
        <row r="1982">
          <cell r="C1982">
            <v>2003</v>
          </cell>
          <cell r="P1982">
            <v>8.5363705812772022</v>
          </cell>
        </row>
        <row r="1983">
          <cell r="C1983">
            <v>2003</v>
          </cell>
          <cell r="P1983">
            <v>8.1798918730380201</v>
          </cell>
        </row>
        <row r="1984">
          <cell r="C1984">
            <v>2003</v>
          </cell>
          <cell r="P1984">
            <v>8.4706404209823951</v>
          </cell>
        </row>
        <row r="1985">
          <cell r="C1985">
            <v>2003</v>
          </cell>
          <cell r="P1985">
            <v>8.4706404209823951</v>
          </cell>
        </row>
        <row r="1986">
          <cell r="C1986">
            <v>2003</v>
          </cell>
          <cell r="P1986">
            <v>8.4706404209823951</v>
          </cell>
        </row>
        <row r="1987">
          <cell r="C1987">
            <v>2003</v>
          </cell>
          <cell r="P1987">
            <v>8.4074703143719383</v>
          </cell>
        </row>
        <row r="1988">
          <cell r="C1988">
            <v>2003</v>
          </cell>
          <cell r="P1988">
            <v>8.2659801944162208</v>
          </cell>
        </row>
        <row r="1989">
          <cell r="C1989">
            <v>2003</v>
          </cell>
          <cell r="P1989">
            <v>8.1618497027645933</v>
          </cell>
        </row>
        <row r="1990">
          <cell r="C1990">
            <v>2003</v>
          </cell>
          <cell r="P1990">
            <v>7.8436609052031354</v>
          </cell>
        </row>
        <row r="1991">
          <cell r="C1991">
            <v>2003</v>
          </cell>
          <cell r="P1991">
            <v>7.2246880734292782</v>
          </cell>
        </row>
        <row r="1992">
          <cell r="C1992">
            <v>2003</v>
          </cell>
          <cell r="P1992">
            <v>7.2246880734292782</v>
          </cell>
        </row>
        <row r="1993">
          <cell r="C1993">
            <v>2003</v>
          </cell>
          <cell r="P1993">
            <v>7.2246880734292782</v>
          </cell>
        </row>
        <row r="1994">
          <cell r="C1994">
            <v>2003</v>
          </cell>
          <cell r="P1994">
            <v>7.3366494290350461</v>
          </cell>
        </row>
        <row r="1995">
          <cell r="C1995">
            <v>2003</v>
          </cell>
          <cell r="P1995">
            <v>7.5039012147222515</v>
          </cell>
        </row>
        <row r="1996">
          <cell r="C1996">
            <v>2003</v>
          </cell>
          <cell r="P1996">
            <v>7.3092575180843484</v>
          </cell>
        </row>
        <row r="1997">
          <cell r="C1997">
            <v>2003</v>
          </cell>
          <cell r="P1997">
            <v>7.4319998180191371</v>
          </cell>
        </row>
        <row r="1998">
          <cell r="C1998">
            <v>2003</v>
          </cell>
          <cell r="P1998">
            <v>7.7167543713319482</v>
          </cell>
        </row>
        <row r="1999">
          <cell r="C1999">
            <v>2003</v>
          </cell>
          <cell r="P1999">
            <v>7.7167543713319482</v>
          </cell>
        </row>
        <row r="2000">
          <cell r="C2000">
            <v>2003</v>
          </cell>
          <cell r="P2000">
            <v>7.7167543713319482</v>
          </cell>
        </row>
        <row r="2001">
          <cell r="C2001">
            <v>2003</v>
          </cell>
          <cell r="P2001">
            <v>7.8604007749351705</v>
          </cell>
        </row>
        <row r="2002">
          <cell r="C2002">
            <v>2003</v>
          </cell>
          <cell r="P2002">
            <v>7.9204705721781581</v>
          </cell>
        </row>
        <row r="2003">
          <cell r="C2003">
            <v>2003</v>
          </cell>
          <cell r="P2003">
            <v>7.5149030004094577</v>
          </cell>
        </row>
        <row r="2004">
          <cell r="C2004">
            <v>2003</v>
          </cell>
          <cell r="P2004">
            <v>7.4492628827284992</v>
          </cell>
        </row>
        <row r="2005">
          <cell r="C2005">
            <v>2003</v>
          </cell>
          <cell r="P2005">
            <v>7.1021249109052027</v>
          </cell>
        </row>
        <row r="2006">
          <cell r="C2006">
            <v>2003</v>
          </cell>
          <cell r="P2006">
            <v>7.1021249109052027</v>
          </cell>
        </row>
        <row r="2007">
          <cell r="C2007">
            <v>2003</v>
          </cell>
          <cell r="P2007">
            <v>7.1021249109052027</v>
          </cell>
        </row>
        <row r="2008">
          <cell r="C2008">
            <v>2003</v>
          </cell>
          <cell r="P2008">
            <v>7.135821700459501</v>
          </cell>
        </row>
        <row r="2009">
          <cell r="C2009">
            <v>2003</v>
          </cell>
          <cell r="P2009">
            <v>7.0587471186363562</v>
          </cell>
        </row>
        <row r="2010">
          <cell r="C2010">
            <v>2003</v>
          </cell>
          <cell r="P2010">
            <v>6.7571394314614581</v>
          </cell>
        </row>
        <row r="2011">
          <cell r="C2011">
            <v>2003</v>
          </cell>
          <cell r="P2011">
            <v>6.7803998081618415</v>
          </cell>
        </row>
        <row r="2012">
          <cell r="C2012">
            <v>2003</v>
          </cell>
          <cell r="P2012">
            <v>6.7803998081618415</v>
          </cell>
        </row>
        <row r="2013">
          <cell r="C2013">
            <v>2003</v>
          </cell>
          <cell r="P2013">
            <v>6.7803998081618415</v>
          </cell>
        </row>
        <row r="2014">
          <cell r="C2014">
            <v>2003</v>
          </cell>
          <cell r="P2014">
            <v>6.7803998081618415</v>
          </cell>
        </row>
        <row r="2015">
          <cell r="C2015">
            <v>2003</v>
          </cell>
          <cell r="P2015">
            <v>6.9972494351010752</v>
          </cell>
        </row>
        <row r="2016">
          <cell r="C2016">
            <v>2003</v>
          </cell>
          <cell r="P2016">
            <v>7.2474100900805265</v>
          </cell>
        </row>
        <row r="2017">
          <cell r="C2017">
            <v>2003</v>
          </cell>
          <cell r="P2017">
            <v>7.4475226907386904</v>
          </cell>
        </row>
        <row r="2018">
          <cell r="C2018">
            <v>2003</v>
          </cell>
          <cell r="P2018">
            <v>7.2769270067181271</v>
          </cell>
        </row>
        <row r="2019">
          <cell r="C2019">
            <v>2003</v>
          </cell>
          <cell r="P2019">
            <v>7.0627355325214971</v>
          </cell>
        </row>
        <row r="2020">
          <cell r="C2020">
            <v>2003</v>
          </cell>
          <cell r="P2020">
            <v>7.0627355325214971</v>
          </cell>
        </row>
        <row r="2021">
          <cell r="C2021">
            <v>2003</v>
          </cell>
          <cell r="P2021">
            <v>7.0627355325214971</v>
          </cell>
        </row>
        <row r="2022">
          <cell r="C2022">
            <v>2003</v>
          </cell>
          <cell r="P2022">
            <v>6.8626243535888127</v>
          </cell>
        </row>
        <row r="2023">
          <cell r="C2023">
            <v>2003</v>
          </cell>
          <cell r="P2023">
            <v>6.9971356970625251</v>
          </cell>
        </row>
        <row r="2024">
          <cell r="C2024">
            <v>2003</v>
          </cell>
          <cell r="P2024">
            <v>6.7264979299676995</v>
          </cell>
        </row>
        <row r="2025">
          <cell r="C2025">
            <v>2003</v>
          </cell>
          <cell r="P2025">
            <v>6.7666370315888456</v>
          </cell>
        </row>
        <row r="2026">
          <cell r="C2026">
            <v>2003</v>
          </cell>
          <cell r="P2026">
            <v>6.8894068182162851</v>
          </cell>
        </row>
        <row r="2027">
          <cell r="C2027">
            <v>2003</v>
          </cell>
          <cell r="P2027">
            <v>6.8894068182162851</v>
          </cell>
        </row>
        <row r="2028">
          <cell r="C2028">
            <v>2003</v>
          </cell>
          <cell r="P2028">
            <v>6.8894068182162851</v>
          </cell>
        </row>
        <row r="2029">
          <cell r="C2029">
            <v>2003</v>
          </cell>
          <cell r="P2029">
            <v>6.9723521784625655</v>
          </cell>
        </row>
        <row r="2030">
          <cell r="C2030">
            <v>2003</v>
          </cell>
          <cell r="P2030">
            <v>6.9238315312173002</v>
          </cell>
        </row>
        <row r="2031">
          <cell r="C2031">
            <v>2003</v>
          </cell>
          <cell r="P2031">
            <v>6.670236461382145</v>
          </cell>
        </row>
        <row r="2032">
          <cell r="C2032">
            <v>2003</v>
          </cell>
          <cell r="P2032">
            <v>6.5770101302679667</v>
          </cell>
        </row>
        <row r="2033">
          <cell r="C2033">
            <v>2003</v>
          </cell>
          <cell r="P2033">
            <v>6.368892267329886</v>
          </cell>
        </row>
        <row r="2034">
          <cell r="C2034">
            <v>2003</v>
          </cell>
          <cell r="P2034">
            <v>6.368892267329886</v>
          </cell>
        </row>
        <row r="2035">
          <cell r="C2035">
            <v>2003</v>
          </cell>
          <cell r="P2035">
            <v>6.368892267329886</v>
          </cell>
        </row>
        <row r="2036">
          <cell r="C2036">
            <v>2003</v>
          </cell>
          <cell r="P2036">
            <v>6.3066306433023467</v>
          </cell>
        </row>
        <row r="2037">
          <cell r="C2037">
            <v>2003</v>
          </cell>
          <cell r="P2037">
            <v>6.3887201248085406</v>
          </cell>
        </row>
        <row r="2038">
          <cell r="C2038">
            <v>2003</v>
          </cell>
          <cell r="P2038">
            <v>6.3679653023157057</v>
          </cell>
        </row>
        <row r="2039">
          <cell r="C2039">
            <v>2003</v>
          </cell>
          <cell r="P2039">
            <v>6.3625257806220707</v>
          </cell>
        </row>
        <row r="2040">
          <cell r="C2040">
            <v>2003</v>
          </cell>
          <cell r="P2040">
            <v>6.4389814379521093</v>
          </cell>
        </row>
        <row r="2041">
          <cell r="C2041">
            <v>2003</v>
          </cell>
          <cell r="P2041">
            <v>6.4389814379521093</v>
          </cell>
        </row>
        <row r="2042">
          <cell r="C2042">
            <v>2003</v>
          </cell>
          <cell r="P2042">
            <v>6.4389814379521093</v>
          </cell>
        </row>
        <row r="2043">
          <cell r="C2043">
            <v>2003</v>
          </cell>
          <cell r="P2043">
            <v>6.6110405514020112</v>
          </cell>
        </row>
        <row r="2044">
          <cell r="C2044">
            <v>2003</v>
          </cell>
          <cell r="P2044">
            <v>6.5020297500796174</v>
          </cell>
        </row>
        <row r="2045">
          <cell r="C2045">
            <v>2003</v>
          </cell>
          <cell r="P2045">
            <v>6.5289614958826832</v>
          </cell>
        </row>
        <row r="2046">
          <cell r="C2046">
            <v>2003</v>
          </cell>
          <cell r="P2046">
            <v>6.7147355211476922</v>
          </cell>
        </row>
        <row r="2047">
          <cell r="C2047">
            <v>2003</v>
          </cell>
          <cell r="P2047">
            <v>6.8944871172714999</v>
          </cell>
        </row>
        <row r="2048">
          <cell r="C2048">
            <v>2003</v>
          </cell>
          <cell r="P2048">
            <v>6.8944871172714999</v>
          </cell>
        </row>
        <row r="2049">
          <cell r="C2049">
            <v>2003</v>
          </cell>
          <cell r="P2049">
            <v>6.8944871172714999</v>
          </cell>
        </row>
        <row r="2050">
          <cell r="C2050">
            <v>2003</v>
          </cell>
          <cell r="P2050">
            <v>6.995811122821916</v>
          </cell>
        </row>
        <row r="2051">
          <cell r="C2051">
            <v>2003</v>
          </cell>
          <cell r="P2051">
            <v>6.995811122821916</v>
          </cell>
        </row>
        <row r="2052">
          <cell r="C2052">
            <v>2003</v>
          </cell>
          <cell r="P2052">
            <v>6.9781490271606437</v>
          </cell>
        </row>
        <row r="2053">
          <cell r="C2053">
            <v>2003</v>
          </cell>
          <cell r="P2053">
            <v>7.1410868238273606</v>
          </cell>
        </row>
        <row r="2054">
          <cell r="C2054">
            <v>2003</v>
          </cell>
          <cell r="P2054">
            <v>6.6923916834746215</v>
          </cell>
        </row>
        <row r="2055">
          <cell r="C2055">
            <v>2003</v>
          </cell>
          <cell r="P2055">
            <v>6.6923916834746215</v>
          </cell>
        </row>
        <row r="2056">
          <cell r="C2056">
            <v>2003</v>
          </cell>
          <cell r="P2056">
            <v>6.6923916834746215</v>
          </cell>
        </row>
        <row r="2057">
          <cell r="C2057">
            <v>2003</v>
          </cell>
          <cell r="P2057">
            <v>6.8486653788993195</v>
          </cell>
        </row>
        <row r="2058">
          <cell r="C2058">
            <v>2003</v>
          </cell>
          <cell r="P2058">
            <v>6.9111824396051018</v>
          </cell>
        </row>
        <row r="2059">
          <cell r="C2059">
            <v>2003</v>
          </cell>
          <cell r="P2059">
            <v>6.9717512624922291</v>
          </cell>
        </row>
        <row r="2060">
          <cell r="C2060">
            <v>2003</v>
          </cell>
          <cell r="P2060">
            <v>7.1099941614473545</v>
          </cell>
        </row>
        <row r="2061">
          <cell r="C2061">
            <v>2003</v>
          </cell>
          <cell r="P2061">
            <v>7.3097096267875816</v>
          </cell>
        </row>
        <row r="2062">
          <cell r="C2062">
            <v>2003</v>
          </cell>
          <cell r="P2062">
            <v>7.3097096267875816</v>
          </cell>
        </row>
        <row r="2063">
          <cell r="C2063">
            <v>2003</v>
          </cell>
          <cell r="P2063">
            <v>7.3097096267875816</v>
          </cell>
        </row>
        <row r="2064">
          <cell r="C2064">
            <v>2003</v>
          </cell>
          <cell r="P2064">
            <v>7.2276206191898815</v>
          </cell>
        </row>
        <row r="2065">
          <cell r="C2065">
            <v>2003</v>
          </cell>
          <cell r="P2065">
            <v>6.9524252741086725</v>
          </cell>
        </row>
        <row r="2066">
          <cell r="C2066">
            <v>2003</v>
          </cell>
          <cell r="P2066">
            <v>7.0101278984243489</v>
          </cell>
        </row>
        <row r="2067">
          <cell r="C2067">
            <v>2003</v>
          </cell>
          <cell r="P2067">
            <v>6.766152697108021</v>
          </cell>
        </row>
        <row r="2068">
          <cell r="C2068">
            <v>2003</v>
          </cell>
          <cell r="P2068">
            <v>6.6100552956430754</v>
          </cell>
        </row>
        <row r="2069">
          <cell r="C2069">
            <v>2003</v>
          </cell>
          <cell r="P2069">
            <v>6.6100552956430754</v>
          </cell>
        </row>
        <row r="2070">
          <cell r="C2070">
            <v>2003</v>
          </cell>
          <cell r="P2070">
            <v>6.6100552956430754</v>
          </cell>
        </row>
        <row r="2071">
          <cell r="C2071">
            <v>2003</v>
          </cell>
          <cell r="P2071">
            <v>6.6100552956430754</v>
          </cell>
        </row>
        <row r="2072">
          <cell r="C2072">
            <v>2003</v>
          </cell>
          <cell r="P2072">
            <v>6.2607596184467926</v>
          </cell>
        </row>
        <row r="2073">
          <cell r="C2073">
            <v>2003</v>
          </cell>
          <cell r="P2073">
            <v>6.368892267329886</v>
          </cell>
        </row>
        <row r="2074">
          <cell r="C2074">
            <v>2003</v>
          </cell>
          <cell r="P2074">
            <v>6.3705855423787927</v>
          </cell>
        </row>
        <row r="2075">
          <cell r="C2075">
            <v>2003</v>
          </cell>
          <cell r="P2075">
            <v>6.4392795263948068</v>
          </cell>
        </row>
        <row r="2076">
          <cell r="C2076">
            <v>2003</v>
          </cell>
          <cell r="P2076">
            <v>6.4392795263948068</v>
          </cell>
        </row>
        <row r="2077">
          <cell r="C2077">
            <v>2003</v>
          </cell>
          <cell r="P2077">
            <v>6.4392795263948068</v>
          </cell>
        </row>
        <row r="2078">
          <cell r="C2078">
            <v>2003</v>
          </cell>
          <cell r="P2078">
            <v>6.5348389090247352</v>
          </cell>
        </row>
        <row r="2079">
          <cell r="C2079">
            <v>2003</v>
          </cell>
          <cell r="P2079">
            <v>6.3621845665064223</v>
          </cell>
        </row>
        <row r="2080">
          <cell r="C2080">
            <v>2003</v>
          </cell>
          <cell r="P2080">
            <v>6.4472236544790045</v>
          </cell>
        </row>
        <row r="2081">
          <cell r="C2081">
            <v>2003</v>
          </cell>
          <cell r="P2081">
            <v>6.5362691648594957</v>
          </cell>
        </row>
        <row r="2082">
          <cell r="C2082">
            <v>2003</v>
          </cell>
          <cell r="P2082">
            <v>6.2720509622238065</v>
          </cell>
        </row>
        <row r="2083">
          <cell r="C2083">
            <v>2003</v>
          </cell>
          <cell r="P2083">
            <v>6.2720509622238065</v>
          </cell>
        </row>
        <row r="2084">
          <cell r="C2084">
            <v>2003</v>
          </cell>
          <cell r="P2084">
            <v>6.2720509622238065</v>
          </cell>
        </row>
        <row r="2085">
          <cell r="C2085">
            <v>2003</v>
          </cell>
          <cell r="P2085">
            <v>6.3242344482188617</v>
          </cell>
        </row>
        <row r="2086">
          <cell r="C2086">
            <v>2003</v>
          </cell>
          <cell r="P2086">
            <v>6.3710267511866672</v>
          </cell>
        </row>
        <row r="2087">
          <cell r="C2087">
            <v>2003</v>
          </cell>
          <cell r="P2087">
            <v>6.2604198260566273</v>
          </cell>
        </row>
        <row r="2088">
          <cell r="C2088">
            <v>2003</v>
          </cell>
          <cell r="P2088">
            <v>6.121962720462232</v>
          </cell>
        </row>
        <row r="2089">
          <cell r="C2089">
            <v>2003</v>
          </cell>
          <cell r="P2089">
            <v>5.8481976312157835</v>
          </cell>
        </row>
        <row r="2090">
          <cell r="C2090">
            <v>2003</v>
          </cell>
          <cell r="P2090">
            <v>5.8481976312157835</v>
          </cell>
        </row>
        <row r="2091">
          <cell r="C2091">
            <v>2003</v>
          </cell>
          <cell r="P2091">
            <v>5.8481976312157835</v>
          </cell>
        </row>
        <row r="2092">
          <cell r="C2092">
            <v>2003</v>
          </cell>
          <cell r="P2092">
            <v>5.9243717869004104</v>
          </cell>
        </row>
        <row r="2093">
          <cell r="C2093">
            <v>2003</v>
          </cell>
          <cell r="P2093">
            <v>6.1324024506756034</v>
          </cell>
        </row>
        <row r="2094">
          <cell r="C2094">
            <v>2003</v>
          </cell>
          <cell r="P2094">
            <v>6.1806714525105786</v>
          </cell>
        </row>
        <row r="2095">
          <cell r="C2095">
            <v>2003</v>
          </cell>
          <cell r="P2095">
            <v>6.0588859738250855</v>
          </cell>
        </row>
        <row r="2096">
          <cell r="C2096">
            <v>2003</v>
          </cell>
          <cell r="P2096">
            <v>5.9701949469980748</v>
          </cell>
        </row>
        <row r="2097">
          <cell r="C2097">
            <v>2003</v>
          </cell>
          <cell r="P2097">
            <v>5.9701949469980748</v>
          </cell>
        </row>
        <row r="2098">
          <cell r="C2098">
            <v>2003</v>
          </cell>
          <cell r="P2098">
            <v>5.9701949469980748</v>
          </cell>
        </row>
        <row r="2099">
          <cell r="C2099">
            <v>2003</v>
          </cell>
          <cell r="P2099">
            <v>6.2398166542818583</v>
          </cell>
        </row>
        <row r="2100">
          <cell r="C2100">
            <v>2003</v>
          </cell>
          <cell r="P2100">
            <v>6.3100650581580506</v>
          </cell>
        </row>
        <row r="2101">
          <cell r="C2101">
            <v>2003</v>
          </cell>
          <cell r="P2101">
            <v>6.0944253196038876</v>
          </cell>
        </row>
        <row r="2102">
          <cell r="C2102">
            <v>2003</v>
          </cell>
          <cell r="P2102">
            <v>5.9486491712288263</v>
          </cell>
        </row>
        <row r="2103">
          <cell r="C2103">
            <v>2003</v>
          </cell>
          <cell r="P2103">
            <v>5.977369921596579</v>
          </cell>
        </row>
        <row r="2104">
          <cell r="C2104">
            <v>2003</v>
          </cell>
          <cell r="P2104">
            <v>5.977369921596579</v>
          </cell>
        </row>
        <row r="2105">
          <cell r="C2105">
            <v>2003</v>
          </cell>
          <cell r="P2105">
            <v>5.977369921596579</v>
          </cell>
        </row>
        <row r="2106">
          <cell r="C2106">
            <v>2003</v>
          </cell>
          <cell r="P2106">
            <v>5.9678960168938904</v>
          </cell>
        </row>
        <row r="2107">
          <cell r="C2107">
            <v>2003</v>
          </cell>
          <cell r="P2107">
            <v>6.2560385420299962</v>
          </cell>
        </row>
        <row r="2108">
          <cell r="C2108">
            <v>2003</v>
          </cell>
          <cell r="P2108">
            <v>6.4780447672919728</v>
          </cell>
        </row>
        <row r="2109">
          <cell r="C2109">
            <v>2003</v>
          </cell>
          <cell r="P2109">
            <v>6.2991007112418682</v>
          </cell>
        </row>
        <row r="2110">
          <cell r="C2110">
            <v>2003</v>
          </cell>
          <cell r="P2110">
            <v>6.4582164359048244</v>
          </cell>
        </row>
        <row r="2111">
          <cell r="C2111">
            <v>2003</v>
          </cell>
          <cell r="P2111">
            <v>6.4582164359048244</v>
          </cell>
        </row>
        <row r="2112">
          <cell r="C2112">
            <v>2003</v>
          </cell>
          <cell r="P2112">
            <v>6.4582164359048244</v>
          </cell>
        </row>
        <row r="2113">
          <cell r="C2113">
            <v>2003</v>
          </cell>
          <cell r="P2113">
            <v>6.4707323592302206</v>
          </cell>
        </row>
        <row r="2114">
          <cell r="C2114">
            <v>2003</v>
          </cell>
          <cell r="P2114">
            <v>6.4656392646456675</v>
          </cell>
        </row>
        <row r="2115">
          <cell r="C2115">
            <v>2003</v>
          </cell>
          <cell r="P2115">
            <v>6.6269240684854651</v>
          </cell>
        </row>
        <row r="2116">
          <cell r="C2116">
            <v>2003</v>
          </cell>
          <cell r="P2116">
            <v>6.0926756494441996</v>
          </cell>
        </row>
        <row r="2117">
          <cell r="C2117">
            <v>2003</v>
          </cell>
          <cell r="P2117">
            <v>6.0926756494441996</v>
          </cell>
        </row>
        <row r="2118">
          <cell r="C2118">
            <v>2003</v>
          </cell>
          <cell r="P2118">
            <v>6.0926756494441996</v>
          </cell>
        </row>
        <row r="2119">
          <cell r="C2119">
            <v>2003</v>
          </cell>
          <cell r="P2119">
            <v>6.0926756494441996</v>
          </cell>
        </row>
        <row r="2120">
          <cell r="C2120">
            <v>2003</v>
          </cell>
          <cell r="P2120">
            <v>5.8226326375092894</v>
          </cell>
        </row>
        <row r="2121">
          <cell r="C2121">
            <v>2003</v>
          </cell>
          <cell r="P2121">
            <v>6.3469654691314963</v>
          </cell>
        </row>
        <row r="2122">
          <cell r="C2122">
            <v>2003</v>
          </cell>
          <cell r="P2122">
            <v>6.4321505209202172</v>
          </cell>
        </row>
        <row r="2123">
          <cell r="C2123">
            <v>2003</v>
          </cell>
          <cell r="P2123">
            <v>6.3131947498521406</v>
          </cell>
        </row>
        <row r="2124">
          <cell r="C2124">
            <v>2003</v>
          </cell>
          <cell r="P2124">
            <v>6.2244776580579604</v>
          </cell>
        </row>
        <row r="2125">
          <cell r="C2125">
            <v>2003</v>
          </cell>
          <cell r="P2125">
            <v>6.2244776580579604</v>
          </cell>
        </row>
        <row r="2126">
          <cell r="C2126">
            <v>2003</v>
          </cell>
          <cell r="P2126">
            <v>6.2244776580579604</v>
          </cell>
        </row>
        <row r="2127">
          <cell r="C2127">
            <v>2003</v>
          </cell>
          <cell r="P2127">
            <v>6.0849661060645133</v>
          </cell>
        </row>
        <row r="2128">
          <cell r="C2128">
            <v>2003</v>
          </cell>
          <cell r="P2128">
            <v>6.0065385154911208</v>
          </cell>
        </row>
        <row r="2129">
          <cell r="C2129">
            <v>2003</v>
          </cell>
          <cell r="P2129">
            <v>6.0391964976266665</v>
          </cell>
        </row>
        <row r="2130">
          <cell r="C2130">
            <v>2003</v>
          </cell>
          <cell r="P2130">
            <v>5.8418207185211024</v>
          </cell>
        </row>
        <row r="2131">
          <cell r="C2131">
            <v>2003</v>
          </cell>
          <cell r="P2131">
            <v>5.3285531763242906</v>
          </cell>
        </row>
        <row r="2132">
          <cell r="C2132">
            <v>2003</v>
          </cell>
          <cell r="P2132">
            <v>5.3285531763242906</v>
          </cell>
        </row>
        <row r="2133">
          <cell r="C2133">
            <v>2003</v>
          </cell>
          <cell r="P2133">
            <v>5.3285531763242906</v>
          </cell>
        </row>
        <row r="2134">
          <cell r="C2134">
            <v>2003</v>
          </cell>
          <cell r="P2134">
            <v>5.6256696327019613</v>
          </cell>
        </row>
        <row r="2135">
          <cell r="C2135">
            <v>2003</v>
          </cell>
          <cell r="P2135">
            <v>5.7885268649247053</v>
          </cell>
        </row>
        <row r="2136">
          <cell r="C2136">
            <v>2003</v>
          </cell>
          <cell r="P2136">
            <v>6.3343803551659805</v>
          </cell>
        </row>
        <row r="2137">
          <cell r="C2137">
            <v>2003</v>
          </cell>
          <cell r="P2137">
            <v>6.6221669750231271</v>
          </cell>
        </row>
        <row r="2138">
          <cell r="C2138">
            <v>2003</v>
          </cell>
          <cell r="P2138">
            <v>6.2731267345050892</v>
          </cell>
        </row>
        <row r="2139">
          <cell r="C2139">
            <v>2003</v>
          </cell>
          <cell r="P2139">
            <v>6.2731267345050892</v>
          </cell>
        </row>
        <row r="2140">
          <cell r="C2140">
            <v>2003</v>
          </cell>
          <cell r="P2140">
            <v>6.2731267345050892</v>
          </cell>
        </row>
        <row r="2141">
          <cell r="C2141">
            <v>2003</v>
          </cell>
          <cell r="P2141">
            <v>6.0744017379172286</v>
          </cell>
        </row>
        <row r="2142">
          <cell r="C2142">
            <v>2003</v>
          </cell>
          <cell r="P2142">
            <v>6.1924115876313675</v>
          </cell>
        </row>
        <row r="2143">
          <cell r="C2143">
            <v>2003</v>
          </cell>
          <cell r="P2143">
            <v>6.4215397097405251</v>
          </cell>
        </row>
        <row r="2144">
          <cell r="C2144">
            <v>2003</v>
          </cell>
          <cell r="P2144">
            <v>6.189709361398827</v>
          </cell>
        </row>
        <row r="2145">
          <cell r="C2145">
            <v>2003</v>
          </cell>
          <cell r="P2145">
            <v>6.2035342199845314</v>
          </cell>
        </row>
        <row r="2146">
          <cell r="C2146">
            <v>2003</v>
          </cell>
          <cell r="P2146">
            <v>6.2035342199845314</v>
          </cell>
        </row>
        <row r="2147">
          <cell r="C2147">
            <v>2003</v>
          </cell>
          <cell r="P2147">
            <v>6.2035342199845314</v>
          </cell>
        </row>
        <row r="2148">
          <cell r="C2148">
            <v>2003</v>
          </cell>
          <cell r="P2148">
            <v>6.0700924879816816</v>
          </cell>
        </row>
        <row r="2149">
          <cell r="C2149">
            <v>2003</v>
          </cell>
          <cell r="P2149">
            <v>5.8574028298023988</v>
          </cell>
        </row>
        <row r="2150">
          <cell r="C2150">
            <v>2003</v>
          </cell>
          <cell r="P2150">
            <v>5.9673657132891531</v>
          </cell>
        </row>
        <row r="2151">
          <cell r="C2151">
            <v>2003</v>
          </cell>
          <cell r="P2151">
            <v>5.9124984834928194</v>
          </cell>
        </row>
        <row r="2152">
          <cell r="C2152">
            <v>2003</v>
          </cell>
          <cell r="P2152">
            <v>5.7652802315706468</v>
          </cell>
        </row>
        <row r="2153">
          <cell r="C2153">
            <v>2003</v>
          </cell>
          <cell r="P2153">
            <v>5.7652802315706468</v>
          </cell>
        </row>
        <row r="2154">
          <cell r="C2154">
            <v>2003</v>
          </cell>
          <cell r="P2154">
            <v>5.7652802315706468</v>
          </cell>
        </row>
        <row r="2155">
          <cell r="C2155">
            <v>2003</v>
          </cell>
          <cell r="P2155">
            <v>6.2459187000500451</v>
          </cell>
        </row>
        <row r="2156">
          <cell r="C2156">
            <v>2003</v>
          </cell>
          <cell r="P2156">
            <v>6.1917779719749468</v>
          </cell>
        </row>
        <row r="2157">
          <cell r="C2157">
            <v>2003</v>
          </cell>
          <cell r="P2157">
            <v>6.1811884866774838</v>
          </cell>
        </row>
        <row r="2158">
          <cell r="C2158">
            <v>2003</v>
          </cell>
          <cell r="P2158">
            <v>6.1811884866774838</v>
          </cell>
        </row>
        <row r="2159">
          <cell r="C2159">
            <v>2003</v>
          </cell>
          <cell r="P2159">
            <v>6.1811884866774838</v>
          </cell>
        </row>
        <row r="2160">
          <cell r="C2160">
            <v>2003</v>
          </cell>
          <cell r="P2160">
            <v>6.1811884866774838</v>
          </cell>
        </row>
        <row r="2161">
          <cell r="C2161">
            <v>2003</v>
          </cell>
          <cell r="P2161">
            <v>6.1811884866774838</v>
          </cell>
        </row>
        <row r="2162">
          <cell r="C2162">
            <v>2003</v>
          </cell>
          <cell r="P2162">
            <v>6.4309221501038811</v>
          </cell>
        </row>
        <row r="2163">
          <cell r="C2163">
            <v>2003</v>
          </cell>
          <cell r="P2163">
            <v>6.7613557953321912</v>
          </cell>
        </row>
        <row r="2164">
          <cell r="C2164">
            <v>2003</v>
          </cell>
          <cell r="P2164">
            <v>6.7193760331205175</v>
          </cell>
        </row>
        <row r="2165">
          <cell r="C2165">
            <v>2003</v>
          </cell>
          <cell r="P2165">
            <v>7.2384821279628762</v>
          </cell>
        </row>
        <row r="2166">
          <cell r="C2166">
            <v>2003</v>
          </cell>
          <cell r="P2166">
            <v>7.7091239706707517</v>
          </cell>
        </row>
        <row r="2167">
          <cell r="C2167">
            <v>2003</v>
          </cell>
          <cell r="P2167">
            <v>7.7091239706707517</v>
          </cell>
        </row>
        <row r="2168">
          <cell r="C2168">
            <v>2003</v>
          </cell>
          <cell r="P2168">
            <v>7.7091239706707517</v>
          </cell>
        </row>
        <row r="2169">
          <cell r="C2169">
            <v>2003</v>
          </cell>
          <cell r="P2169">
            <v>7.4702233815077124</v>
          </cell>
        </row>
        <row r="2170">
          <cell r="C2170">
            <v>2003</v>
          </cell>
          <cell r="P2170">
            <v>8.0223021337256029</v>
          </cell>
        </row>
        <row r="2171">
          <cell r="C2171">
            <v>2003</v>
          </cell>
          <cell r="P2171">
            <v>8.5287908888248598</v>
          </cell>
        </row>
        <row r="2172">
          <cell r="C2172">
            <v>2003</v>
          </cell>
          <cell r="P2172">
            <v>8.4099298994555731</v>
          </cell>
        </row>
        <row r="2173">
          <cell r="C2173">
            <v>2003</v>
          </cell>
          <cell r="P2173">
            <v>8.5813217497459853</v>
          </cell>
        </row>
        <row r="2174">
          <cell r="C2174">
            <v>2003</v>
          </cell>
          <cell r="P2174">
            <v>8.5813217497459853</v>
          </cell>
        </row>
        <row r="2175">
          <cell r="C2175">
            <v>2003</v>
          </cell>
          <cell r="P2175">
            <v>8.5813217497459853</v>
          </cell>
        </row>
        <row r="2176">
          <cell r="C2176">
            <v>2003</v>
          </cell>
          <cell r="P2176">
            <v>8.3530296022201664</v>
          </cell>
        </row>
        <row r="2177">
          <cell r="C2177">
            <v>2003</v>
          </cell>
          <cell r="P2177">
            <v>8.3342125915591208</v>
          </cell>
        </row>
        <row r="2178">
          <cell r="C2178">
            <v>2003</v>
          </cell>
          <cell r="P2178">
            <v>8.3646422559560811</v>
          </cell>
        </row>
        <row r="2179">
          <cell r="C2179">
            <v>2003</v>
          </cell>
          <cell r="P2179">
            <v>8.8755611076568428</v>
          </cell>
        </row>
        <row r="2180">
          <cell r="C2180">
            <v>2003</v>
          </cell>
          <cell r="P2180">
            <v>8.6028300867442109</v>
          </cell>
        </row>
        <row r="2181">
          <cell r="C2181">
            <v>2003</v>
          </cell>
          <cell r="P2181">
            <v>8.6028300867442109</v>
          </cell>
        </row>
        <row r="2182">
          <cell r="C2182">
            <v>2003</v>
          </cell>
          <cell r="P2182">
            <v>8.6028300867442109</v>
          </cell>
        </row>
        <row r="2183">
          <cell r="C2183">
            <v>2003</v>
          </cell>
          <cell r="P2183">
            <v>7.8118933971277356</v>
          </cell>
        </row>
        <row r="2184">
          <cell r="C2184">
            <v>2003</v>
          </cell>
          <cell r="P2184">
            <v>6.7953359821658763</v>
          </cell>
        </row>
        <row r="2185">
          <cell r="C2185">
            <v>2003</v>
          </cell>
          <cell r="P2185">
            <v>6.7767668256471696</v>
          </cell>
        </row>
        <row r="2186">
          <cell r="C2186">
            <v>2003</v>
          </cell>
          <cell r="P2186">
            <v>6.7767668256471696</v>
          </cell>
        </row>
        <row r="2187">
          <cell r="C2187">
            <v>2003</v>
          </cell>
          <cell r="P2187">
            <v>6.7767668256471696</v>
          </cell>
        </row>
        <row r="2188">
          <cell r="C2188">
            <v>2003</v>
          </cell>
          <cell r="P2188">
            <v>6.7767668256471696</v>
          </cell>
        </row>
        <row r="2189">
          <cell r="C2189">
            <v>2003</v>
          </cell>
          <cell r="P2189">
            <v>6.7752157231464496</v>
          </cell>
        </row>
        <row r="2190">
          <cell r="C2190">
            <v>2003</v>
          </cell>
          <cell r="P2190">
            <v>6.8373294877238742</v>
          </cell>
        </row>
        <row r="2191">
          <cell r="C2191">
            <v>2003</v>
          </cell>
          <cell r="P2191">
            <v>7.4232495715867204</v>
          </cell>
        </row>
        <row r="2192">
          <cell r="C2192">
            <v>2004</v>
          </cell>
          <cell r="P2192">
            <v>7.4094645213145087</v>
          </cell>
        </row>
        <row r="2193">
          <cell r="C2193">
            <v>2004</v>
          </cell>
          <cell r="P2193">
            <v>7.4094645213145087</v>
          </cell>
        </row>
        <row r="2194">
          <cell r="C2194">
            <v>2004</v>
          </cell>
          <cell r="P2194">
            <v>7.4094645213145087</v>
          </cell>
        </row>
        <row r="2195">
          <cell r="C2195">
            <v>2004</v>
          </cell>
          <cell r="P2195">
            <v>7.4094645213145087</v>
          </cell>
        </row>
        <row r="2196">
          <cell r="C2196">
            <v>2004</v>
          </cell>
          <cell r="P2196">
            <v>8.0090345915287902</v>
          </cell>
        </row>
        <row r="2197">
          <cell r="C2197">
            <v>2004</v>
          </cell>
          <cell r="P2197">
            <v>8.0090345915287902</v>
          </cell>
        </row>
        <row r="2198">
          <cell r="C2198">
            <v>2004</v>
          </cell>
          <cell r="P2198">
            <v>8.5840216064360568</v>
          </cell>
        </row>
        <row r="2199">
          <cell r="C2199">
            <v>2004</v>
          </cell>
          <cell r="P2199">
            <v>8.0889782153743504</v>
          </cell>
        </row>
        <row r="2200">
          <cell r="C2200">
            <v>2004</v>
          </cell>
          <cell r="P2200">
            <v>7.8178409487268921</v>
          </cell>
        </row>
        <row r="2201">
          <cell r="C2201">
            <v>2004</v>
          </cell>
          <cell r="P2201">
            <v>8.1501171501797067</v>
          </cell>
        </row>
        <row r="2202">
          <cell r="C2202">
            <v>2004</v>
          </cell>
          <cell r="P2202">
            <v>8.1501171501797067</v>
          </cell>
        </row>
        <row r="2203">
          <cell r="C2203">
            <v>2004</v>
          </cell>
          <cell r="P2203">
            <v>8.1501171501797067</v>
          </cell>
        </row>
        <row r="2204">
          <cell r="C2204">
            <v>2004</v>
          </cell>
          <cell r="P2204">
            <v>7.4299449507893423</v>
          </cell>
        </row>
        <row r="2205">
          <cell r="C2205">
            <v>2004</v>
          </cell>
          <cell r="P2205">
            <v>7.3353755630032902</v>
          </cell>
        </row>
        <row r="2206">
          <cell r="C2206">
            <v>2004</v>
          </cell>
          <cell r="P2206">
            <v>7.129413509804218</v>
          </cell>
        </row>
        <row r="2207">
          <cell r="C2207">
            <v>2004</v>
          </cell>
          <cell r="P2207">
            <v>7.2764654198450129</v>
          </cell>
        </row>
        <row r="2208">
          <cell r="C2208">
            <v>2004</v>
          </cell>
          <cell r="P2208">
            <v>6.9683855643681474</v>
          </cell>
        </row>
        <row r="2209">
          <cell r="C2209">
            <v>2004</v>
          </cell>
          <cell r="P2209">
            <v>6.9683855643681474</v>
          </cell>
        </row>
        <row r="2210">
          <cell r="C2210">
            <v>2004</v>
          </cell>
          <cell r="P2210">
            <v>6.9683855643681474</v>
          </cell>
        </row>
        <row r="2211">
          <cell r="C2211">
            <v>2004</v>
          </cell>
          <cell r="P2211">
            <v>6.9683855643681474</v>
          </cell>
        </row>
        <row r="2212">
          <cell r="C2212">
            <v>2004</v>
          </cell>
          <cell r="P2212">
            <v>7.418115246963195</v>
          </cell>
        </row>
        <row r="2213">
          <cell r="C2213">
            <v>2004</v>
          </cell>
          <cell r="P2213">
            <v>7.6816841949621626</v>
          </cell>
        </row>
        <row r="2214">
          <cell r="C2214">
            <v>2004</v>
          </cell>
          <cell r="P2214">
            <v>7.4233671008932225</v>
          </cell>
        </row>
        <row r="2215">
          <cell r="C2215">
            <v>2004</v>
          </cell>
          <cell r="P2215">
            <v>7.4109089944040889</v>
          </cell>
        </row>
        <row r="2216">
          <cell r="C2216">
            <v>2004</v>
          </cell>
          <cell r="P2216">
            <v>7.4109089944040889</v>
          </cell>
        </row>
        <row r="2217">
          <cell r="C2217">
            <v>2004</v>
          </cell>
          <cell r="P2217">
            <v>7.4109089944040889</v>
          </cell>
        </row>
        <row r="2218">
          <cell r="C2218">
            <v>2004</v>
          </cell>
          <cell r="P2218">
            <v>7.1652765350843941</v>
          </cell>
        </row>
        <row r="2219">
          <cell r="C2219">
            <v>2004</v>
          </cell>
          <cell r="P2219">
            <v>7.507414772296447</v>
          </cell>
        </row>
        <row r="2220">
          <cell r="C2220">
            <v>2004</v>
          </cell>
          <cell r="P2220">
            <v>7.9423063799457099</v>
          </cell>
        </row>
        <row r="2221">
          <cell r="C2221">
            <v>2004</v>
          </cell>
          <cell r="P2221">
            <v>7.6742589966788497</v>
          </cell>
        </row>
        <row r="2222">
          <cell r="C2222">
            <v>2004</v>
          </cell>
          <cell r="P2222">
            <v>7.4991052607634101</v>
          </cell>
        </row>
        <row r="2223">
          <cell r="C2223">
            <v>2004</v>
          </cell>
          <cell r="P2223">
            <v>7.4991052607634101</v>
          </cell>
        </row>
        <row r="2224">
          <cell r="C2224">
            <v>2004</v>
          </cell>
          <cell r="P2224">
            <v>7.4991052607634101</v>
          </cell>
        </row>
        <row r="2225">
          <cell r="C2225">
            <v>2004</v>
          </cell>
          <cell r="P2225">
            <v>7.1483257760725492</v>
          </cell>
        </row>
        <row r="2226">
          <cell r="C2226">
            <v>2004</v>
          </cell>
          <cell r="P2226">
            <v>7.4472113328581608</v>
          </cell>
        </row>
        <row r="2227">
          <cell r="C2227">
            <v>2004</v>
          </cell>
          <cell r="P2227">
            <v>7.5220921922627806</v>
          </cell>
        </row>
        <row r="2228">
          <cell r="C2228">
            <v>2004</v>
          </cell>
          <cell r="P2228">
            <v>7.2272253795059216</v>
          </cell>
        </row>
        <row r="2229">
          <cell r="C2229">
            <v>2004</v>
          </cell>
          <cell r="P2229">
            <v>6.9789793148420562</v>
          </cell>
        </row>
        <row r="2230">
          <cell r="C2230">
            <v>2004</v>
          </cell>
          <cell r="P2230">
            <v>6.9789793148420562</v>
          </cell>
        </row>
        <row r="2231">
          <cell r="C2231">
            <v>2004</v>
          </cell>
          <cell r="P2231">
            <v>6.9789793148420562</v>
          </cell>
        </row>
        <row r="2232">
          <cell r="C2232">
            <v>2004</v>
          </cell>
          <cell r="P2232">
            <v>7.0866835504466117</v>
          </cell>
        </row>
        <row r="2233">
          <cell r="C2233">
            <v>2004</v>
          </cell>
          <cell r="P2233">
            <v>7.0723956832623109</v>
          </cell>
        </row>
        <row r="2234">
          <cell r="C2234">
            <v>2004</v>
          </cell>
          <cell r="P2234">
            <v>6.8639584059993028</v>
          </cell>
        </row>
        <row r="2235">
          <cell r="C2235">
            <v>2004</v>
          </cell>
          <cell r="P2235">
            <v>6.8639569842738206</v>
          </cell>
        </row>
        <row r="2236">
          <cell r="C2236">
            <v>2004</v>
          </cell>
          <cell r="P2236">
            <v>7.2227682701202589</v>
          </cell>
        </row>
        <row r="2237">
          <cell r="C2237">
            <v>2004</v>
          </cell>
          <cell r="P2237">
            <v>7.2227682701202589</v>
          </cell>
        </row>
        <row r="2238">
          <cell r="C2238">
            <v>2004</v>
          </cell>
          <cell r="P2238">
            <v>7.2227682701202589</v>
          </cell>
        </row>
        <row r="2239">
          <cell r="C2239">
            <v>2004</v>
          </cell>
          <cell r="P2239">
            <v>7.2227682701202589</v>
          </cell>
        </row>
        <row r="2240">
          <cell r="C2240">
            <v>2004</v>
          </cell>
          <cell r="P2240">
            <v>6.8859463383934125</v>
          </cell>
        </row>
        <row r="2241">
          <cell r="C2241">
            <v>2004</v>
          </cell>
          <cell r="P2241">
            <v>6.8519870035334627</v>
          </cell>
        </row>
        <row r="2242">
          <cell r="C2242">
            <v>2004</v>
          </cell>
          <cell r="P2242">
            <v>6.9265399182602625</v>
          </cell>
        </row>
        <row r="2243">
          <cell r="C2243">
            <v>2004</v>
          </cell>
          <cell r="P2243">
            <v>6.8788765714805669</v>
          </cell>
        </row>
        <row r="2244">
          <cell r="C2244">
            <v>2004</v>
          </cell>
          <cell r="P2244">
            <v>6.8788765714805669</v>
          </cell>
        </row>
        <row r="2245">
          <cell r="C2245">
            <v>2004</v>
          </cell>
          <cell r="P2245">
            <v>6.8788765714805669</v>
          </cell>
        </row>
        <row r="2246">
          <cell r="C2246">
            <v>2004</v>
          </cell>
          <cell r="P2246">
            <v>6.7730954565444872</v>
          </cell>
        </row>
        <row r="2247">
          <cell r="C2247">
            <v>2004</v>
          </cell>
          <cell r="P2247">
            <v>6.6648215829301956</v>
          </cell>
        </row>
        <row r="2248">
          <cell r="C2248">
            <v>2004</v>
          </cell>
          <cell r="P2248">
            <v>6.7860236802596265</v>
          </cell>
        </row>
        <row r="2249">
          <cell r="C2249">
            <v>2004</v>
          </cell>
          <cell r="P2249">
            <v>6.9002441576560862</v>
          </cell>
        </row>
        <row r="2250">
          <cell r="C2250">
            <v>2004</v>
          </cell>
          <cell r="P2250">
            <v>7.0430901298130149</v>
          </cell>
        </row>
        <row r="2251">
          <cell r="C2251">
            <v>2004</v>
          </cell>
          <cell r="P2251">
            <v>7.0430901298130149</v>
          </cell>
        </row>
        <row r="2252">
          <cell r="C2252">
            <v>2004</v>
          </cell>
          <cell r="P2252">
            <v>7.0430901298130149</v>
          </cell>
        </row>
        <row r="2253">
          <cell r="C2253">
            <v>2004</v>
          </cell>
          <cell r="P2253">
            <v>6.9553350722615672</v>
          </cell>
        </row>
        <row r="2254">
          <cell r="C2254">
            <v>2004</v>
          </cell>
          <cell r="P2254">
            <v>6.842444856007643</v>
          </cell>
        </row>
        <row r="2255">
          <cell r="C2255">
            <v>2004</v>
          </cell>
          <cell r="P2255">
            <v>7.2421672404118826</v>
          </cell>
        </row>
        <row r="2256">
          <cell r="C2256">
            <v>2004</v>
          </cell>
          <cell r="P2256">
            <v>6.9584211643742133</v>
          </cell>
        </row>
        <row r="2257">
          <cell r="C2257">
            <v>2004</v>
          </cell>
          <cell r="P2257">
            <v>7.1175624800958435</v>
          </cell>
        </row>
        <row r="2258">
          <cell r="C2258">
            <v>2004</v>
          </cell>
          <cell r="P2258">
            <v>7.1175624800958435</v>
          </cell>
        </row>
        <row r="2259">
          <cell r="C2259">
            <v>2004</v>
          </cell>
          <cell r="P2259">
            <v>7.1175624800958435</v>
          </cell>
        </row>
        <row r="2260">
          <cell r="C2260">
            <v>2004</v>
          </cell>
          <cell r="P2260">
            <v>6.8711916713425643</v>
          </cell>
        </row>
        <row r="2261">
          <cell r="C2261">
            <v>2004</v>
          </cell>
          <cell r="P2261">
            <v>7.0322096647002619</v>
          </cell>
        </row>
        <row r="2262">
          <cell r="C2262">
            <v>2004</v>
          </cell>
          <cell r="P2262">
            <v>7.0559951320119501</v>
          </cell>
        </row>
        <row r="2263">
          <cell r="C2263">
            <v>2004</v>
          </cell>
          <cell r="P2263">
            <v>7.0456677181116456</v>
          </cell>
        </row>
        <row r="2264">
          <cell r="C2264">
            <v>2004</v>
          </cell>
          <cell r="P2264">
            <v>7.3780443881651783</v>
          </cell>
        </row>
        <row r="2265">
          <cell r="C2265">
            <v>2004</v>
          </cell>
          <cell r="P2265">
            <v>7.3780443881651783</v>
          </cell>
        </row>
        <row r="2266">
          <cell r="C2266">
            <v>2004</v>
          </cell>
          <cell r="P2266">
            <v>7.3780443881651783</v>
          </cell>
        </row>
        <row r="2267">
          <cell r="C2267">
            <v>2004</v>
          </cell>
          <cell r="P2267">
            <v>7.5014558468934354</v>
          </cell>
        </row>
        <row r="2268">
          <cell r="C2268">
            <v>2004</v>
          </cell>
          <cell r="P2268">
            <v>7.4754904005095453</v>
          </cell>
        </row>
        <row r="2269">
          <cell r="C2269">
            <v>2004</v>
          </cell>
          <cell r="P2269">
            <v>7.5313703727574648</v>
          </cell>
        </row>
        <row r="2270">
          <cell r="C2270">
            <v>2004</v>
          </cell>
          <cell r="P2270">
            <v>7.4897389332888489</v>
          </cell>
        </row>
        <row r="2271">
          <cell r="C2271">
            <v>2004</v>
          </cell>
          <cell r="P2271">
            <v>7.3926502479489242</v>
          </cell>
        </row>
        <row r="2272">
          <cell r="C2272">
            <v>2004</v>
          </cell>
          <cell r="P2272">
            <v>7.3926502479489242</v>
          </cell>
        </row>
        <row r="2273">
          <cell r="C2273">
            <v>2004</v>
          </cell>
          <cell r="P2273">
            <v>7.3926502479489242</v>
          </cell>
        </row>
        <row r="2274">
          <cell r="C2274">
            <v>2004</v>
          </cell>
          <cell r="P2274">
            <v>7.3234330689555813</v>
          </cell>
        </row>
        <row r="2275">
          <cell r="C2275">
            <v>2004</v>
          </cell>
          <cell r="P2275">
            <v>7.2313649702006346</v>
          </cell>
        </row>
        <row r="2276">
          <cell r="C2276">
            <v>2004</v>
          </cell>
          <cell r="P2276">
            <v>7.2577796818367926</v>
          </cell>
        </row>
        <row r="2277">
          <cell r="C2277">
            <v>2004</v>
          </cell>
          <cell r="P2277">
            <v>7.058810148466053</v>
          </cell>
        </row>
        <row r="2278">
          <cell r="C2278">
            <v>2004</v>
          </cell>
          <cell r="P2278">
            <v>6.92494047709316</v>
          </cell>
        </row>
        <row r="2279">
          <cell r="C2279">
            <v>2004</v>
          </cell>
          <cell r="P2279">
            <v>6.92494047709316</v>
          </cell>
        </row>
        <row r="2280">
          <cell r="C2280">
            <v>2004</v>
          </cell>
          <cell r="P2280">
            <v>6.92494047709316</v>
          </cell>
        </row>
        <row r="2281">
          <cell r="C2281">
            <v>2004</v>
          </cell>
          <cell r="P2281">
            <v>6.9608162979026709</v>
          </cell>
        </row>
        <row r="2282">
          <cell r="C2282">
            <v>2004</v>
          </cell>
          <cell r="P2282">
            <v>7.1651760664836752</v>
          </cell>
        </row>
        <row r="2283">
          <cell r="C2283">
            <v>2004</v>
          </cell>
          <cell r="P2283">
            <v>7.4526849759633604</v>
          </cell>
        </row>
        <row r="2284">
          <cell r="C2284">
            <v>2004</v>
          </cell>
          <cell r="P2284">
            <v>7.6366704705721791</v>
          </cell>
        </row>
        <row r="2285">
          <cell r="C2285">
            <v>2004</v>
          </cell>
          <cell r="P2285">
            <v>7.5440355772584589</v>
          </cell>
        </row>
        <row r="2286">
          <cell r="C2286">
            <v>2004</v>
          </cell>
          <cell r="P2286">
            <v>7.5440355772584589</v>
          </cell>
        </row>
        <row r="2287">
          <cell r="C2287">
            <v>2004</v>
          </cell>
          <cell r="P2287">
            <v>7.5440355772584589</v>
          </cell>
        </row>
        <row r="2288">
          <cell r="C2288">
            <v>2004</v>
          </cell>
          <cell r="P2288">
            <v>7.7382499128008373</v>
          </cell>
        </row>
        <row r="2289">
          <cell r="C2289">
            <v>2004</v>
          </cell>
          <cell r="P2289">
            <v>7.5451388362323897</v>
          </cell>
        </row>
        <row r="2290">
          <cell r="C2290">
            <v>2004</v>
          </cell>
          <cell r="P2290">
            <v>7.6037954383464008</v>
          </cell>
        </row>
        <row r="2291">
          <cell r="C2291">
            <v>2004</v>
          </cell>
          <cell r="P2291">
            <v>7.7859089944040889</v>
          </cell>
        </row>
        <row r="2292">
          <cell r="C2292">
            <v>2004</v>
          </cell>
          <cell r="P2292">
            <v>7.7859089944040889</v>
          </cell>
        </row>
        <row r="2293">
          <cell r="C2293">
            <v>2004</v>
          </cell>
          <cell r="P2293">
            <v>7.7859089944040889</v>
          </cell>
        </row>
        <row r="2294">
          <cell r="C2294">
            <v>2004</v>
          </cell>
          <cell r="P2294">
            <v>7.7859089944040889</v>
          </cell>
        </row>
        <row r="2295">
          <cell r="C2295">
            <v>2004</v>
          </cell>
          <cell r="P2295">
            <v>7.8914650028055364</v>
          </cell>
        </row>
        <row r="2296">
          <cell r="C2296">
            <v>2004</v>
          </cell>
          <cell r="P2296">
            <v>7.9200104070305279</v>
          </cell>
        </row>
        <row r="2297">
          <cell r="C2297">
            <v>2004</v>
          </cell>
          <cell r="P2297">
            <v>7.7259974825980802</v>
          </cell>
        </row>
        <row r="2298">
          <cell r="C2298">
            <v>2004</v>
          </cell>
          <cell r="P2298">
            <v>7.6869322576242398</v>
          </cell>
        </row>
        <row r="2299">
          <cell r="C2299">
            <v>2004</v>
          </cell>
          <cell r="P2299">
            <v>7.6014377435889671</v>
          </cell>
        </row>
        <row r="2300">
          <cell r="C2300">
            <v>2004</v>
          </cell>
          <cell r="P2300">
            <v>7.6014377435889671</v>
          </cell>
        </row>
        <row r="2301">
          <cell r="C2301">
            <v>2004</v>
          </cell>
          <cell r="P2301">
            <v>7.6014377435889671</v>
          </cell>
        </row>
        <row r="2302">
          <cell r="C2302">
            <v>2004</v>
          </cell>
          <cell r="P2302">
            <v>7.6133105730880644</v>
          </cell>
        </row>
        <row r="2303">
          <cell r="C2303">
            <v>2004</v>
          </cell>
          <cell r="P2303">
            <v>7.5240342692710147</v>
          </cell>
        </row>
        <row r="2304">
          <cell r="C2304">
            <v>2004</v>
          </cell>
          <cell r="P2304">
            <v>7.5733724086683543</v>
          </cell>
        </row>
        <row r="2305">
          <cell r="C2305">
            <v>2004</v>
          </cell>
          <cell r="P2305">
            <v>7.6677138464688133</v>
          </cell>
        </row>
        <row r="2306">
          <cell r="C2306">
            <v>2004</v>
          </cell>
          <cell r="P2306">
            <v>7.6178852117802283</v>
          </cell>
        </row>
        <row r="2307">
          <cell r="C2307">
            <v>2004</v>
          </cell>
          <cell r="P2307">
            <v>7.6178852117802283</v>
          </cell>
        </row>
        <row r="2308">
          <cell r="C2308">
            <v>2004</v>
          </cell>
          <cell r="P2308">
            <v>7.6178852117802283</v>
          </cell>
        </row>
        <row r="2309">
          <cell r="C2309">
            <v>2004</v>
          </cell>
          <cell r="P2309">
            <v>7.6577698245401189</v>
          </cell>
        </row>
        <row r="2310">
          <cell r="C2310">
            <v>2004</v>
          </cell>
          <cell r="P2310">
            <v>7.9117743513140537</v>
          </cell>
        </row>
        <row r="2311">
          <cell r="C2311">
            <v>2004</v>
          </cell>
          <cell r="P2311">
            <v>7.9188346400570202</v>
          </cell>
        </row>
        <row r="2312">
          <cell r="C2312">
            <v>2004</v>
          </cell>
          <cell r="P2312">
            <v>7.9185938945420897</v>
          </cell>
        </row>
        <row r="2313">
          <cell r="C2313">
            <v>2004</v>
          </cell>
          <cell r="P2313">
            <v>7.9834165200709721</v>
          </cell>
        </row>
        <row r="2314">
          <cell r="C2314">
            <v>2004</v>
          </cell>
          <cell r="P2314">
            <v>7.9834165200709721</v>
          </cell>
        </row>
        <row r="2315">
          <cell r="C2315">
            <v>2004</v>
          </cell>
          <cell r="P2315">
            <v>7.9834165200709721</v>
          </cell>
        </row>
        <row r="2316">
          <cell r="C2316">
            <v>2004</v>
          </cell>
          <cell r="P2316">
            <v>8.0736757101044869</v>
          </cell>
        </row>
        <row r="2317">
          <cell r="C2317">
            <v>2004</v>
          </cell>
          <cell r="P2317">
            <v>8.5358289038686088</v>
          </cell>
        </row>
        <row r="2318">
          <cell r="C2318">
            <v>2004</v>
          </cell>
          <cell r="P2318">
            <v>8.3925023884988104</v>
          </cell>
        </row>
        <row r="2319">
          <cell r="C2319">
            <v>2004</v>
          </cell>
          <cell r="P2319">
            <v>8.5549013512078957</v>
          </cell>
        </row>
        <row r="2320">
          <cell r="C2320">
            <v>2004</v>
          </cell>
          <cell r="P2320">
            <v>8.5561183482203766</v>
          </cell>
        </row>
        <row r="2321">
          <cell r="C2321">
            <v>2004</v>
          </cell>
          <cell r="P2321">
            <v>8.5561183482203766</v>
          </cell>
        </row>
        <row r="2322">
          <cell r="C2322">
            <v>2004</v>
          </cell>
          <cell r="P2322">
            <v>8.5561183482203766</v>
          </cell>
        </row>
        <row r="2323">
          <cell r="C2323">
            <v>2004</v>
          </cell>
          <cell r="P2323">
            <v>8.5958290365629892</v>
          </cell>
        </row>
        <row r="2324">
          <cell r="C2324">
            <v>2004</v>
          </cell>
          <cell r="P2324">
            <v>8.654290388377488</v>
          </cell>
        </row>
        <row r="2325">
          <cell r="C2325">
            <v>2004</v>
          </cell>
          <cell r="P2325">
            <v>8.8459332964316566</v>
          </cell>
        </row>
        <row r="2326">
          <cell r="C2326">
            <v>2004</v>
          </cell>
          <cell r="P2326">
            <v>8.9099194734687082</v>
          </cell>
        </row>
        <row r="2327">
          <cell r="C2327">
            <v>2004</v>
          </cell>
          <cell r="P2327">
            <v>8.9022881249905232</v>
          </cell>
        </row>
        <row r="2328">
          <cell r="C2328">
            <v>2004</v>
          </cell>
          <cell r="P2328">
            <v>8.9022881249905232</v>
          </cell>
        </row>
        <row r="2329">
          <cell r="C2329">
            <v>2004</v>
          </cell>
          <cell r="P2329">
            <v>8.9022881249905232</v>
          </cell>
        </row>
        <row r="2330">
          <cell r="C2330">
            <v>2004</v>
          </cell>
          <cell r="P2330">
            <v>8.7565181374258803</v>
          </cell>
        </row>
        <row r="2331">
          <cell r="C2331">
            <v>2004</v>
          </cell>
          <cell r="P2331">
            <v>8.6764076977904505</v>
          </cell>
        </row>
        <row r="2332">
          <cell r="C2332">
            <v>2004</v>
          </cell>
          <cell r="P2332">
            <v>8.4548763288394184</v>
          </cell>
        </row>
        <row r="2333">
          <cell r="C2333">
            <v>2004</v>
          </cell>
          <cell r="P2333">
            <v>8.7350244915909681</v>
          </cell>
        </row>
        <row r="2334">
          <cell r="C2334">
            <v>2004</v>
          </cell>
          <cell r="P2334">
            <v>8.5895535402860137</v>
          </cell>
        </row>
        <row r="2335">
          <cell r="C2335">
            <v>2004</v>
          </cell>
          <cell r="P2335">
            <v>8.5895535402860137</v>
          </cell>
        </row>
        <row r="2336">
          <cell r="C2336">
            <v>2004</v>
          </cell>
          <cell r="P2336">
            <v>8.5895535402860137</v>
          </cell>
        </row>
        <row r="2337">
          <cell r="C2337">
            <v>2004</v>
          </cell>
          <cell r="P2337">
            <v>8.6676403906522488</v>
          </cell>
        </row>
        <row r="2338">
          <cell r="C2338">
            <v>2004</v>
          </cell>
          <cell r="P2338">
            <v>9.0315585144295643</v>
          </cell>
        </row>
        <row r="2339">
          <cell r="C2339">
            <v>2004</v>
          </cell>
          <cell r="P2339">
            <v>8.8843966576181739</v>
          </cell>
        </row>
        <row r="2340">
          <cell r="C2340">
            <v>2004</v>
          </cell>
          <cell r="P2340">
            <v>8.609034022838598</v>
          </cell>
        </row>
        <row r="2341">
          <cell r="C2341">
            <v>2004</v>
          </cell>
          <cell r="P2341">
            <v>8.5633056444397262</v>
          </cell>
        </row>
        <row r="2342">
          <cell r="C2342">
            <v>2004</v>
          </cell>
          <cell r="P2342">
            <v>8.5633056444397262</v>
          </cell>
        </row>
        <row r="2343">
          <cell r="C2343">
            <v>2004</v>
          </cell>
          <cell r="P2343">
            <v>8.5633056444397262</v>
          </cell>
        </row>
        <row r="2344">
          <cell r="C2344">
            <v>2004</v>
          </cell>
          <cell r="P2344">
            <v>8.5633056444397262</v>
          </cell>
        </row>
        <row r="2345">
          <cell r="C2345">
            <v>2004</v>
          </cell>
          <cell r="P2345">
            <v>8.6775156958493191</v>
          </cell>
        </row>
        <row r="2346">
          <cell r="C2346">
            <v>2004</v>
          </cell>
          <cell r="P2346">
            <v>8.70474363446111</v>
          </cell>
        </row>
        <row r="2347">
          <cell r="C2347">
            <v>2004</v>
          </cell>
          <cell r="P2347">
            <v>8.5829173996451384</v>
          </cell>
        </row>
        <row r="2348">
          <cell r="C2348">
            <v>2004</v>
          </cell>
          <cell r="P2348">
            <v>8.1711558438604204</v>
          </cell>
        </row>
        <row r="2349">
          <cell r="C2349">
            <v>2004</v>
          </cell>
          <cell r="P2349">
            <v>8.1711558438604204</v>
          </cell>
        </row>
        <row r="2350">
          <cell r="C2350">
            <v>2004</v>
          </cell>
          <cell r="P2350">
            <v>8.1711558438604204</v>
          </cell>
        </row>
        <row r="2351">
          <cell r="C2351">
            <v>2004</v>
          </cell>
          <cell r="P2351">
            <v>8.0492523619599332</v>
          </cell>
        </row>
        <row r="2352">
          <cell r="C2352">
            <v>2004</v>
          </cell>
          <cell r="P2352">
            <v>8.137814485676591</v>
          </cell>
        </row>
        <row r="2353">
          <cell r="C2353">
            <v>2004</v>
          </cell>
          <cell r="P2353">
            <v>7.905984137334892</v>
          </cell>
        </row>
        <row r="2354">
          <cell r="C2354">
            <v>2004</v>
          </cell>
          <cell r="P2354">
            <v>7.8895982772478419</v>
          </cell>
        </row>
        <row r="2355">
          <cell r="C2355">
            <v>2004</v>
          </cell>
          <cell r="P2355">
            <v>7.9355356492925502</v>
          </cell>
        </row>
        <row r="2356">
          <cell r="C2356">
            <v>2004</v>
          </cell>
          <cell r="P2356">
            <v>7.9355356492925502</v>
          </cell>
        </row>
        <row r="2357">
          <cell r="C2357">
            <v>2004</v>
          </cell>
          <cell r="P2357">
            <v>7.9355356492925502</v>
          </cell>
        </row>
        <row r="2358">
          <cell r="C2358">
            <v>2004</v>
          </cell>
          <cell r="P2358">
            <v>8.2093642422771875</v>
          </cell>
        </row>
        <row r="2359">
          <cell r="C2359">
            <v>2004</v>
          </cell>
          <cell r="P2359">
            <v>8.3822470086895873</v>
          </cell>
        </row>
        <row r="2360">
          <cell r="C2360">
            <v>2004</v>
          </cell>
          <cell r="P2360">
            <v>8.4722299100711247</v>
          </cell>
        </row>
        <row r="2361">
          <cell r="C2361">
            <v>2004</v>
          </cell>
          <cell r="P2361">
            <v>8.603315842950515</v>
          </cell>
        </row>
        <row r="2362">
          <cell r="C2362">
            <v>2004</v>
          </cell>
          <cell r="P2362">
            <v>8.4834018289076596</v>
          </cell>
        </row>
        <row r="2363">
          <cell r="C2363">
            <v>2004</v>
          </cell>
          <cell r="P2363">
            <v>8.4834018289076596</v>
          </cell>
        </row>
        <row r="2364">
          <cell r="C2364">
            <v>2004</v>
          </cell>
          <cell r="P2364">
            <v>8.4834018289076596</v>
          </cell>
        </row>
        <row r="2365">
          <cell r="C2365">
            <v>2004</v>
          </cell>
          <cell r="P2365">
            <v>8.4098095266981101</v>
          </cell>
        </row>
        <row r="2366">
          <cell r="C2366">
            <v>2004</v>
          </cell>
          <cell r="P2366">
            <v>8.2437330340759161</v>
          </cell>
        </row>
        <row r="2367">
          <cell r="C2367">
            <v>2004</v>
          </cell>
          <cell r="P2367">
            <v>8.3304848273456571</v>
          </cell>
        </row>
        <row r="2368">
          <cell r="C2368">
            <v>2004</v>
          </cell>
          <cell r="P2368">
            <v>8.3185205335072272</v>
          </cell>
        </row>
        <row r="2369">
          <cell r="C2369">
            <v>2004</v>
          </cell>
          <cell r="P2369">
            <v>8.1812529382326638</v>
          </cell>
        </row>
        <row r="2370">
          <cell r="C2370">
            <v>2004</v>
          </cell>
          <cell r="P2370">
            <v>8.1812529382326638</v>
          </cell>
        </row>
        <row r="2371">
          <cell r="C2371">
            <v>2004</v>
          </cell>
          <cell r="P2371">
            <v>8.1812529382326638</v>
          </cell>
        </row>
        <row r="2372">
          <cell r="C2372">
            <v>2004</v>
          </cell>
          <cell r="P2372">
            <v>8.0084441015453205</v>
          </cell>
        </row>
        <row r="2373">
          <cell r="C2373">
            <v>2004</v>
          </cell>
          <cell r="P2373">
            <v>7.947995177507166</v>
          </cell>
        </row>
        <row r="2374">
          <cell r="C2374">
            <v>2004</v>
          </cell>
          <cell r="P2374">
            <v>7.8450527744498872</v>
          </cell>
        </row>
        <row r="2375">
          <cell r="C2375">
            <v>2004</v>
          </cell>
          <cell r="P2375">
            <v>7.832348235543896</v>
          </cell>
        </row>
        <row r="2376">
          <cell r="C2376">
            <v>2004</v>
          </cell>
          <cell r="P2376">
            <v>7.7812116134119895</v>
          </cell>
        </row>
        <row r="2377">
          <cell r="C2377">
            <v>2004</v>
          </cell>
          <cell r="P2377">
            <v>7.7812116134119895</v>
          </cell>
        </row>
        <row r="2378">
          <cell r="C2378">
            <v>2004</v>
          </cell>
          <cell r="P2378">
            <v>7.7812116134119895</v>
          </cell>
        </row>
        <row r="2379">
          <cell r="C2379">
            <v>2004</v>
          </cell>
          <cell r="P2379">
            <v>7.7812116134119895</v>
          </cell>
        </row>
        <row r="2380">
          <cell r="C2380">
            <v>2004</v>
          </cell>
          <cell r="P2380">
            <v>8.0522664199814997</v>
          </cell>
        </row>
        <row r="2381">
          <cell r="C2381">
            <v>2004</v>
          </cell>
          <cell r="P2381">
            <v>8.1298054321287214</v>
          </cell>
        </row>
        <row r="2382">
          <cell r="C2382">
            <v>2004</v>
          </cell>
          <cell r="P2382">
            <v>7.9597613775951235</v>
          </cell>
        </row>
        <row r="2383">
          <cell r="C2383">
            <v>2004</v>
          </cell>
          <cell r="P2383">
            <v>7.7622230478761312</v>
          </cell>
        </row>
        <row r="2384">
          <cell r="C2384">
            <v>2004</v>
          </cell>
          <cell r="P2384">
            <v>7.7622230478761312</v>
          </cell>
        </row>
        <row r="2385">
          <cell r="C2385">
            <v>2004</v>
          </cell>
          <cell r="P2385">
            <v>7.7622230478761312</v>
          </cell>
        </row>
        <row r="2386">
          <cell r="C2386">
            <v>2004</v>
          </cell>
          <cell r="P2386">
            <v>7.7680431180904144</v>
          </cell>
        </row>
        <row r="2387">
          <cell r="C2387">
            <v>2004</v>
          </cell>
          <cell r="P2387">
            <v>7.6408001091885174</v>
          </cell>
        </row>
        <row r="2388">
          <cell r="C2388">
            <v>2004</v>
          </cell>
          <cell r="P2388">
            <v>7.6627605548899771</v>
          </cell>
        </row>
        <row r="2389">
          <cell r="C2389">
            <v>2004</v>
          </cell>
          <cell r="P2389">
            <v>7.6583304582884706</v>
          </cell>
        </row>
        <row r="2390">
          <cell r="C2390">
            <v>2004</v>
          </cell>
          <cell r="P2390">
            <v>7.4852908281645716</v>
          </cell>
        </row>
        <row r="2391">
          <cell r="C2391">
            <v>2004</v>
          </cell>
          <cell r="P2391">
            <v>7.4852908281645716</v>
          </cell>
        </row>
        <row r="2392">
          <cell r="C2392">
            <v>2004</v>
          </cell>
          <cell r="P2392">
            <v>7.4852908281645716</v>
          </cell>
        </row>
        <row r="2393">
          <cell r="C2393">
            <v>2004</v>
          </cell>
          <cell r="P2393">
            <v>7.4626920277217517</v>
          </cell>
        </row>
        <row r="2394">
          <cell r="C2394">
            <v>2004</v>
          </cell>
          <cell r="P2394">
            <v>7.5976782275064076</v>
          </cell>
        </row>
        <row r="2395">
          <cell r="C2395">
            <v>2004</v>
          </cell>
          <cell r="P2395">
            <v>7.7690643908948918</v>
          </cell>
        </row>
        <row r="2396">
          <cell r="C2396">
            <v>2004</v>
          </cell>
          <cell r="P2396">
            <v>7.7661697578138043</v>
          </cell>
        </row>
        <row r="2397">
          <cell r="C2397">
            <v>2004</v>
          </cell>
          <cell r="P2397">
            <v>7.9109881371225805</v>
          </cell>
        </row>
        <row r="2398">
          <cell r="C2398">
            <v>2004</v>
          </cell>
          <cell r="P2398">
            <v>7.9109881371225805</v>
          </cell>
        </row>
        <row r="2399">
          <cell r="C2399">
            <v>2004</v>
          </cell>
          <cell r="P2399">
            <v>7.9109881371225805</v>
          </cell>
        </row>
        <row r="2400">
          <cell r="C2400">
            <v>2004</v>
          </cell>
          <cell r="P2400">
            <v>7.7769521238683073</v>
          </cell>
        </row>
        <row r="2401">
          <cell r="C2401">
            <v>2004</v>
          </cell>
          <cell r="P2401">
            <v>7.7363684960798293</v>
          </cell>
        </row>
        <row r="2402">
          <cell r="C2402">
            <v>2004</v>
          </cell>
          <cell r="P2402">
            <v>7.6546979496822924</v>
          </cell>
        </row>
        <row r="2403">
          <cell r="C2403">
            <v>2004</v>
          </cell>
          <cell r="P2403">
            <v>7.841646320195327</v>
          </cell>
        </row>
        <row r="2404">
          <cell r="C2404">
            <v>2004</v>
          </cell>
          <cell r="P2404">
            <v>7.8991863938975744</v>
          </cell>
        </row>
        <row r="2405">
          <cell r="C2405">
            <v>2004</v>
          </cell>
          <cell r="P2405">
            <v>7.8991863938975744</v>
          </cell>
        </row>
        <row r="2406">
          <cell r="C2406">
            <v>2004</v>
          </cell>
          <cell r="P2406">
            <v>7.8991863938975744</v>
          </cell>
        </row>
        <row r="2407">
          <cell r="C2407">
            <v>2004</v>
          </cell>
          <cell r="P2407">
            <v>7.6913130677423753</v>
          </cell>
        </row>
        <row r="2408">
          <cell r="C2408">
            <v>2004</v>
          </cell>
          <cell r="P2408">
            <v>7.5328489672586105</v>
          </cell>
        </row>
        <row r="2409">
          <cell r="C2409">
            <v>2004</v>
          </cell>
          <cell r="P2409">
            <v>7.3751369595547525</v>
          </cell>
        </row>
        <row r="2410">
          <cell r="C2410">
            <v>2004</v>
          </cell>
          <cell r="P2410">
            <v>7.2818637114996738</v>
          </cell>
        </row>
        <row r="2411">
          <cell r="C2411">
            <v>2004</v>
          </cell>
          <cell r="P2411">
            <v>7.1259269650141794</v>
          </cell>
        </row>
        <row r="2412">
          <cell r="C2412">
            <v>2004</v>
          </cell>
          <cell r="P2412">
            <v>7.1259269650141794</v>
          </cell>
        </row>
        <row r="2413">
          <cell r="C2413">
            <v>2004</v>
          </cell>
          <cell r="P2413">
            <v>7.1259269650141794</v>
          </cell>
        </row>
        <row r="2414">
          <cell r="C2414">
            <v>2004</v>
          </cell>
          <cell r="P2414">
            <v>7.2559631905794575</v>
          </cell>
        </row>
        <row r="2415">
          <cell r="C2415">
            <v>2004</v>
          </cell>
          <cell r="P2415">
            <v>7.4284336566021141</v>
          </cell>
        </row>
        <row r="2416">
          <cell r="C2416">
            <v>2004</v>
          </cell>
          <cell r="P2416">
            <v>7.2779264797318817</v>
          </cell>
        </row>
        <row r="2417">
          <cell r="C2417">
            <v>2004</v>
          </cell>
          <cell r="P2417">
            <v>7.161555405589846</v>
          </cell>
        </row>
        <row r="2418">
          <cell r="C2418">
            <v>2004</v>
          </cell>
          <cell r="P2418">
            <v>6.9335021079449817</v>
          </cell>
        </row>
        <row r="2419">
          <cell r="C2419">
            <v>2004</v>
          </cell>
          <cell r="P2419">
            <v>6.9335021079449817</v>
          </cell>
        </row>
        <row r="2420">
          <cell r="C2420">
            <v>2004</v>
          </cell>
          <cell r="P2420">
            <v>6.9335021079449817</v>
          </cell>
        </row>
        <row r="2421">
          <cell r="C2421">
            <v>2004</v>
          </cell>
          <cell r="P2421">
            <v>6.9466435904824015</v>
          </cell>
        </row>
        <row r="2422">
          <cell r="C2422">
            <v>2004</v>
          </cell>
          <cell r="P2422">
            <v>6.8423439134984303</v>
          </cell>
        </row>
        <row r="2423">
          <cell r="C2423">
            <v>2004</v>
          </cell>
          <cell r="P2423">
            <v>6.9388544304757271</v>
          </cell>
        </row>
        <row r="2424">
          <cell r="C2424">
            <v>2004</v>
          </cell>
          <cell r="P2424">
            <v>6.8251794217558119</v>
          </cell>
        </row>
        <row r="2425">
          <cell r="C2425">
            <v>2004</v>
          </cell>
          <cell r="P2425">
            <v>7.01089799972703</v>
          </cell>
        </row>
        <row r="2426">
          <cell r="C2426">
            <v>2004</v>
          </cell>
          <cell r="P2426">
            <v>7.01089799972703</v>
          </cell>
        </row>
        <row r="2427">
          <cell r="C2427">
            <v>2004</v>
          </cell>
          <cell r="P2427">
            <v>7.01089799972703</v>
          </cell>
        </row>
        <row r="2428">
          <cell r="C2428">
            <v>2004</v>
          </cell>
          <cell r="P2428">
            <v>6.8344959888385066</v>
          </cell>
        </row>
        <row r="2429">
          <cell r="C2429">
            <v>2004</v>
          </cell>
          <cell r="P2429">
            <v>6.7101888430566712</v>
          </cell>
        </row>
        <row r="2430">
          <cell r="C2430">
            <v>2004</v>
          </cell>
          <cell r="P2430">
            <v>6.7797240146494593</v>
          </cell>
        </row>
        <row r="2431">
          <cell r="C2431">
            <v>2004</v>
          </cell>
          <cell r="P2431">
            <v>6.6772787416023425</v>
          </cell>
        </row>
        <row r="2432">
          <cell r="C2432">
            <v>2004</v>
          </cell>
          <cell r="P2432">
            <v>6.5697811301011511</v>
          </cell>
        </row>
        <row r="2433">
          <cell r="C2433">
            <v>2004</v>
          </cell>
          <cell r="P2433">
            <v>6.5697811301011511</v>
          </cell>
        </row>
        <row r="2434">
          <cell r="C2434">
            <v>2004</v>
          </cell>
          <cell r="P2434">
            <v>6.5697811301011511</v>
          </cell>
        </row>
        <row r="2435">
          <cell r="C2435">
            <v>2004</v>
          </cell>
          <cell r="P2435">
            <v>6.58615040339091</v>
          </cell>
        </row>
        <row r="2436">
          <cell r="C2436">
            <v>2004</v>
          </cell>
          <cell r="P2436">
            <v>6.5706706563443076</v>
          </cell>
        </row>
        <row r="2437">
          <cell r="C2437">
            <v>2004</v>
          </cell>
          <cell r="P2437">
            <v>6.5150740813757748</v>
          </cell>
        </row>
        <row r="2438">
          <cell r="C2438">
            <v>2004</v>
          </cell>
          <cell r="P2438">
            <v>6.1281202135242108</v>
          </cell>
        </row>
        <row r="2439">
          <cell r="C2439">
            <v>2004</v>
          </cell>
          <cell r="P2439">
            <v>5.5965977161401854</v>
          </cell>
        </row>
        <row r="2440">
          <cell r="C2440">
            <v>2004</v>
          </cell>
          <cell r="P2440">
            <v>5.5965977161401854</v>
          </cell>
        </row>
        <row r="2441">
          <cell r="C2441">
            <v>2004</v>
          </cell>
          <cell r="P2441">
            <v>5.5965977161401854</v>
          </cell>
        </row>
        <row r="2442">
          <cell r="C2442">
            <v>2004</v>
          </cell>
          <cell r="P2442">
            <v>5.5965977161401854</v>
          </cell>
        </row>
        <row r="2443">
          <cell r="C2443">
            <v>2004</v>
          </cell>
          <cell r="P2443">
            <v>5.7908414340091898</v>
          </cell>
        </row>
        <row r="2444">
          <cell r="C2444">
            <v>2004</v>
          </cell>
          <cell r="P2444">
            <v>6.0715668173063797</v>
          </cell>
        </row>
        <row r="2445">
          <cell r="C2445">
            <v>2004</v>
          </cell>
          <cell r="P2445">
            <v>5.9063215601825876</v>
          </cell>
        </row>
        <row r="2446">
          <cell r="C2446">
            <v>2004</v>
          </cell>
          <cell r="P2446">
            <v>5.8095987321999969</v>
          </cell>
        </row>
        <row r="2447">
          <cell r="C2447">
            <v>2004</v>
          </cell>
          <cell r="P2447">
            <v>5.8095987321999969</v>
          </cell>
        </row>
        <row r="2448">
          <cell r="C2448">
            <v>2004</v>
          </cell>
          <cell r="P2448">
            <v>5.8095987321999969</v>
          </cell>
        </row>
        <row r="2449">
          <cell r="C2449">
            <v>2004</v>
          </cell>
          <cell r="P2449">
            <v>6.3347746470329529</v>
          </cell>
        </row>
        <row r="2450">
          <cell r="C2450">
            <v>2004</v>
          </cell>
          <cell r="P2450">
            <v>6.2561484888005952</v>
          </cell>
        </row>
        <row r="2451">
          <cell r="C2451">
            <v>2004</v>
          </cell>
          <cell r="P2451">
            <v>6.2289850017439825</v>
          </cell>
        </row>
        <row r="2452">
          <cell r="C2452">
            <v>2004</v>
          </cell>
          <cell r="P2452">
            <v>5.860042500113738</v>
          </cell>
        </row>
        <row r="2453">
          <cell r="C2453">
            <v>2004</v>
          </cell>
          <cell r="P2453">
            <v>6.1224323637797422</v>
          </cell>
        </row>
        <row r="2454">
          <cell r="C2454">
            <v>2004</v>
          </cell>
          <cell r="P2454">
            <v>6.1224323637797422</v>
          </cell>
        </row>
        <row r="2455">
          <cell r="C2455">
            <v>2004</v>
          </cell>
          <cell r="P2455">
            <v>6.1224323637797422</v>
          </cell>
        </row>
        <row r="2456">
          <cell r="C2456">
            <v>2004</v>
          </cell>
          <cell r="P2456">
            <v>6.5866807069956481</v>
          </cell>
        </row>
        <row r="2457">
          <cell r="C2457">
            <v>2004</v>
          </cell>
          <cell r="P2457">
            <v>6.8324316434388308</v>
          </cell>
        </row>
        <row r="2458">
          <cell r="C2458">
            <v>2004</v>
          </cell>
          <cell r="P2458">
            <v>6.991272027266799</v>
          </cell>
        </row>
        <row r="2459">
          <cell r="C2459">
            <v>2004</v>
          </cell>
          <cell r="P2459">
            <v>6.9116056398902055</v>
          </cell>
        </row>
        <row r="2460">
          <cell r="C2460">
            <v>2004</v>
          </cell>
          <cell r="P2460">
            <v>6.6930598944511015</v>
          </cell>
        </row>
        <row r="2461">
          <cell r="C2461">
            <v>2004</v>
          </cell>
          <cell r="P2461">
            <v>6.6930598944511015</v>
          </cell>
        </row>
        <row r="2462">
          <cell r="C2462">
            <v>2004</v>
          </cell>
          <cell r="P2462">
            <v>6.6930598944511015</v>
          </cell>
        </row>
        <row r="2463">
          <cell r="C2463">
            <v>2004</v>
          </cell>
          <cell r="P2463">
            <v>6.5190662865288678</v>
          </cell>
        </row>
        <row r="2464">
          <cell r="C2464">
            <v>2004</v>
          </cell>
          <cell r="P2464">
            <v>6.7579777755872676</v>
          </cell>
        </row>
        <row r="2465">
          <cell r="C2465">
            <v>2004</v>
          </cell>
          <cell r="P2465">
            <v>7.5441374675846591</v>
          </cell>
        </row>
        <row r="2466">
          <cell r="C2466">
            <v>2004</v>
          </cell>
          <cell r="P2466">
            <v>7.1936650755978828</v>
          </cell>
        </row>
        <row r="2467">
          <cell r="C2467">
            <v>2004</v>
          </cell>
          <cell r="P2467">
            <v>6.290722956885701</v>
          </cell>
        </row>
        <row r="2468">
          <cell r="C2468">
            <v>2004</v>
          </cell>
          <cell r="P2468">
            <v>6.290722956885701</v>
          </cell>
        </row>
        <row r="2469">
          <cell r="C2469">
            <v>2004</v>
          </cell>
          <cell r="P2469">
            <v>6.290722956885701</v>
          </cell>
        </row>
        <row r="2470">
          <cell r="C2470">
            <v>2004</v>
          </cell>
          <cell r="P2470">
            <v>6.8144487117271506</v>
          </cell>
        </row>
        <row r="2471">
          <cell r="C2471">
            <v>2004</v>
          </cell>
          <cell r="P2471">
            <v>7.4058978859889901</v>
          </cell>
        </row>
        <row r="2472">
          <cell r="C2472">
            <v>2004</v>
          </cell>
          <cell r="P2472">
            <v>7.1316759489543688</v>
          </cell>
        </row>
        <row r="2473">
          <cell r="C2473">
            <v>2004</v>
          </cell>
          <cell r="P2473">
            <v>6.9486595972156939</v>
          </cell>
        </row>
        <row r="2474">
          <cell r="C2474">
            <v>2004</v>
          </cell>
          <cell r="P2474">
            <v>6.2976780379430091</v>
          </cell>
        </row>
        <row r="2475">
          <cell r="C2475">
            <v>2004</v>
          </cell>
          <cell r="P2475">
            <v>6.2976780379430091</v>
          </cell>
        </row>
        <row r="2476">
          <cell r="C2476">
            <v>2004</v>
          </cell>
          <cell r="P2476">
            <v>6.2976780379430091</v>
          </cell>
        </row>
        <row r="2477">
          <cell r="C2477">
            <v>2004</v>
          </cell>
          <cell r="P2477">
            <v>6.8195195326124871</v>
          </cell>
        </row>
        <row r="2478">
          <cell r="C2478">
            <v>2004</v>
          </cell>
          <cell r="P2478">
            <v>6.5423797409805742</v>
          </cell>
        </row>
        <row r="2479">
          <cell r="C2479">
            <v>2004</v>
          </cell>
          <cell r="P2479">
            <v>6.6530098876268182</v>
          </cell>
        </row>
        <row r="2480">
          <cell r="C2480">
            <v>2004</v>
          </cell>
          <cell r="P2480">
            <v>7.1525231836035248</v>
          </cell>
        </row>
        <row r="2481">
          <cell r="C2481">
            <v>2004</v>
          </cell>
          <cell r="P2481">
            <v>6.8999166868867636</v>
          </cell>
        </row>
        <row r="2482">
          <cell r="C2482">
            <v>2004</v>
          </cell>
          <cell r="P2482">
            <v>6.8999166868867636</v>
          </cell>
        </row>
        <row r="2483">
          <cell r="C2483">
            <v>2004</v>
          </cell>
          <cell r="P2483">
            <v>6.8999166868867636</v>
          </cell>
        </row>
        <row r="2484">
          <cell r="C2484">
            <v>2004</v>
          </cell>
          <cell r="P2484">
            <v>7.3975751050181211</v>
          </cell>
        </row>
        <row r="2485">
          <cell r="C2485">
            <v>2004</v>
          </cell>
          <cell r="P2485">
            <v>7.9064618370967992</v>
          </cell>
        </row>
        <row r="2486">
          <cell r="C2486">
            <v>2004</v>
          </cell>
          <cell r="P2486">
            <v>8.7962041825268038</v>
          </cell>
        </row>
        <row r="2487">
          <cell r="C2487">
            <v>2004</v>
          </cell>
          <cell r="P2487">
            <v>8.7992637357637875</v>
          </cell>
        </row>
        <row r="2488">
          <cell r="C2488">
            <v>2004</v>
          </cell>
          <cell r="P2488">
            <v>8.705905658088291</v>
          </cell>
        </row>
        <row r="2489">
          <cell r="C2489">
            <v>2004</v>
          </cell>
          <cell r="P2489">
            <v>8.705905658088291</v>
          </cell>
        </row>
        <row r="2490">
          <cell r="C2490">
            <v>2004</v>
          </cell>
          <cell r="P2490">
            <v>8.705905658088291</v>
          </cell>
        </row>
        <row r="2491">
          <cell r="C2491">
            <v>2004</v>
          </cell>
          <cell r="P2491">
            <v>9.2235402670569151</v>
          </cell>
        </row>
        <row r="2492">
          <cell r="C2492">
            <v>2004</v>
          </cell>
          <cell r="P2492">
            <v>9.2603354703447032</v>
          </cell>
        </row>
        <row r="2493">
          <cell r="C2493">
            <v>2004</v>
          </cell>
          <cell r="P2493">
            <v>9.5843490772053812</v>
          </cell>
        </row>
        <row r="2494">
          <cell r="C2494">
            <v>2004</v>
          </cell>
          <cell r="P2494">
            <v>7.838035137471377</v>
          </cell>
        </row>
        <row r="2495">
          <cell r="C2495">
            <v>2004</v>
          </cell>
          <cell r="P2495">
            <v>7.8386763356636999</v>
          </cell>
        </row>
        <row r="2496">
          <cell r="C2496">
            <v>2004</v>
          </cell>
          <cell r="P2496">
            <v>7.8386763356636999</v>
          </cell>
        </row>
        <row r="2497">
          <cell r="C2497">
            <v>2004</v>
          </cell>
          <cell r="P2497">
            <v>7.8386763356636999</v>
          </cell>
        </row>
        <row r="2498">
          <cell r="C2498">
            <v>2004</v>
          </cell>
          <cell r="P2498">
            <v>8.3808726740571142</v>
          </cell>
        </row>
        <row r="2499">
          <cell r="C2499">
            <v>2004</v>
          </cell>
          <cell r="P2499">
            <v>8.5187658285436996</v>
          </cell>
        </row>
        <row r="2500">
          <cell r="C2500">
            <v>2004</v>
          </cell>
          <cell r="P2500">
            <v>8.8145060546549185</v>
          </cell>
        </row>
        <row r="2501">
          <cell r="C2501">
            <v>2004</v>
          </cell>
          <cell r="P2501">
            <v>8.6587024764562273</v>
          </cell>
        </row>
        <row r="2502">
          <cell r="C2502">
            <v>2004</v>
          </cell>
          <cell r="P2502">
            <v>7.3824991280083712</v>
          </cell>
        </row>
        <row r="2503">
          <cell r="C2503">
            <v>2004</v>
          </cell>
          <cell r="P2503">
            <v>7.3824991280083712</v>
          </cell>
        </row>
        <row r="2504">
          <cell r="C2504">
            <v>2004</v>
          </cell>
          <cell r="P2504">
            <v>7.3824991280083712</v>
          </cell>
        </row>
        <row r="2505">
          <cell r="C2505">
            <v>2004</v>
          </cell>
          <cell r="P2505">
            <v>8.0199505997785892</v>
          </cell>
        </row>
        <row r="2506">
          <cell r="C2506">
            <v>2004</v>
          </cell>
          <cell r="P2506">
            <v>7.1863540892616129</v>
          </cell>
        </row>
        <row r="2507">
          <cell r="C2507">
            <v>2004</v>
          </cell>
          <cell r="P2507">
            <v>7.5566510213675864</v>
          </cell>
        </row>
        <row r="2508">
          <cell r="C2508">
            <v>2004</v>
          </cell>
          <cell r="P2508">
            <v>7.5850381401555929</v>
          </cell>
        </row>
        <row r="2509">
          <cell r="C2509">
            <v>2004</v>
          </cell>
          <cell r="P2509">
            <v>7.3863259390970715</v>
          </cell>
        </row>
        <row r="2510">
          <cell r="C2510">
            <v>2004</v>
          </cell>
          <cell r="P2510">
            <v>7.3863259390970715</v>
          </cell>
        </row>
        <row r="2511">
          <cell r="C2511">
            <v>2004</v>
          </cell>
          <cell r="P2511">
            <v>7.3863259390970715</v>
          </cell>
        </row>
        <row r="2512">
          <cell r="C2512">
            <v>2004</v>
          </cell>
          <cell r="P2512">
            <v>7.5261028798471363</v>
          </cell>
        </row>
        <row r="2513">
          <cell r="C2513">
            <v>2004</v>
          </cell>
          <cell r="P2513">
            <v>7.8104166982605667</v>
          </cell>
        </row>
        <row r="2514">
          <cell r="C2514">
            <v>2004</v>
          </cell>
          <cell r="P2514">
            <v>7.2218308791192118</v>
          </cell>
        </row>
        <row r="2515">
          <cell r="C2515">
            <v>2004</v>
          </cell>
          <cell r="P2515">
            <v>6.9808048103607767</v>
          </cell>
        </row>
        <row r="2516">
          <cell r="C2516">
            <v>2004</v>
          </cell>
          <cell r="P2516">
            <v>6.9808048103607767</v>
          </cell>
        </row>
        <row r="2517">
          <cell r="C2517">
            <v>2004</v>
          </cell>
          <cell r="P2517">
            <v>5.8560360777058271</v>
          </cell>
        </row>
        <row r="2518">
          <cell r="C2518">
            <v>2004</v>
          </cell>
          <cell r="P2518">
            <v>5.8560360777058271</v>
          </cell>
        </row>
        <row r="2519">
          <cell r="C2519">
            <v>2004</v>
          </cell>
          <cell r="P2519">
            <v>6.3931753385602281</v>
          </cell>
        </row>
        <row r="2520">
          <cell r="C2520">
            <v>2004</v>
          </cell>
          <cell r="P2520">
            <v>6.3707732101424011</v>
          </cell>
        </row>
        <row r="2521">
          <cell r="C2521">
            <v>2004</v>
          </cell>
          <cell r="P2521">
            <v>6.3769818853217268</v>
          </cell>
        </row>
        <row r="2522">
          <cell r="C2522">
            <v>2004</v>
          </cell>
          <cell r="P2522">
            <v>6.3769818853217268</v>
          </cell>
        </row>
        <row r="2523">
          <cell r="C2523">
            <v>2004</v>
          </cell>
          <cell r="P2523">
            <v>6.3769818853217268</v>
          </cell>
        </row>
        <row r="2524">
          <cell r="C2524">
            <v>2004</v>
          </cell>
          <cell r="P2524">
            <v>6.3769818853217268</v>
          </cell>
        </row>
        <row r="2525">
          <cell r="C2525">
            <v>2004</v>
          </cell>
          <cell r="P2525">
            <v>6.3769818853217268</v>
          </cell>
        </row>
        <row r="2526">
          <cell r="C2526">
            <v>2004</v>
          </cell>
          <cell r="P2526">
            <v>8.2271699322121297</v>
          </cell>
        </row>
        <row r="2527">
          <cell r="C2527">
            <v>2004</v>
          </cell>
          <cell r="P2527">
            <v>7.971307684141884</v>
          </cell>
        </row>
        <row r="2528">
          <cell r="C2528">
            <v>2004</v>
          </cell>
          <cell r="P2528">
            <v>7.9967006490650725</v>
          </cell>
        </row>
        <row r="2529">
          <cell r="C2529">
            <v>2004</v>
          </cell>
          <cell r="P2529">
            <v>7.7536761081876211</v>
          </cell>
        </row>
        <row r="2530">
          <cell r="C2530">
            <v>2004</v>
          </cell>
          <cell r="P2530">
            <v>7.1673010721705763</v>
          </cell>
        </row>
        <row r="2531">
          <cell r="C2531">
            <v>2004</v>
          </cell>
          <cell r="P2531">
            <v>7.1673010721705763</v>
          </cell>
        </row>
        <row r="2532">
          <cell r="C2532">
            <v>2004</v>
          </cell>
          <cell r="P2532">
            <v>7.1673010721705763</v>
          </cell>
        </row>
        <row r="2533">
          <cell r="C2533">
            <v>2004</v>
          </cell>
          <cell r="P2533">
            <v>7.3503558104972635</v>
          </cell>
        </row>
        <row r="2534">
          <cell r="C2534">
            <v>2004</v>
          </cell>
          <cell r="P2534">
            <v>7.4510665784564987</v>
          </cell>
        </row>
        <row r="2535">
          <cell r="C2535">
            <v>2004</v>
          </cell>
          <cell r="P2535">
            <v>7.4140742292352257</v>
          </cell>
        </row>
        <row r="2536">
          <cell r="C2536">
            <v>2004</v>
          </cell>
          <cell r="P2536">
            <v>7.4635659149846072</v>
          </cell>
        </row>
        <row r="2537">
          <cell r="C2537">
            <v>2004</v>
          </cell>
          <cell r="P2537">
            <v>7.7177249359275706</v>
          </cell>
        </row>
        <row r="2538">
          <cell r="C2538">
            <v>2004</v>
          </cell>
          <cell r="P2538">
            <v>7.7177249359275706</v>
          </cell>
        </row>
        <row r="2539">
          <cell r="C2539">
            <v>2004</v>
          </cell>
          <cell r="P2539">
            <v>7.7177249359275706</v>
          </cell>
        </row>
        <row r="2540">
          <cell r="C2540">
            <v>2004</v>
          </cell>
          <cell r="P2540">
            <v>8.1884596647002628</v>
          </cell>
        </row>
        <row r="2541">
          <cell r="C2541">
            <v>2004</v>
          </cell>
          <cell r="P2541">
            <v>8.4281365159764032</v>
          </cell>
        </row>
        <row r="2542">
          <cell r="C2542">
            <v>2004</v>
          </cell>
          <cell r="P2542">
            <v>8.2301792511487548</v>
          </cell>
        </row>
        <row r="2543">
          <cell r="C2543">
            <v>2004</v>
          </cell>
          <cell r="P2543">
            <v>8.2264709171835442</v>
          </cell>
        </row>
        <row r="2544">
          <cell r="C2544">
            <v>2004</v>
          </cell>
          <cell r="P2544">
            <v>8.513211620994527</v>
          </cell>
        </row>
        <row r="2545">
          <cell r="C2545">
            <v>2004</v>
          </cell>
          <cell r="P2545">
            <v>8.513211620994527</v>
          </cell>
        </row>
        <row r="2546">
          <cell r="C2546">
            <v>2004</v>
          </cell>
          <cell r="P2546">
            <v>8.513211620994527</v>
          </cell>
        </row>
        <row r="2547">
          <cell r="C2547">
            <v>2004</v>
          </cell>
          <cell r="P2547">
            <v>8.3315103653265794</v>
          </cell>
        </row>
        <row r="2548">
          <cell r="C2548">
            <v>2004</v>
          </cell>
          <cell r="P2548">
            <v>7.9902649717171412</v>
          </cell>
        </row>
        <row r="2549">
          <cell r="C2549">
            <v>2004</v>
          </cell>
          <cell r="P2549">
            <v>8.1827329544592899</v>
          </cell>
        </row>
        <row r="2550">
          <cell r="C2550">
            <v>2004</v>
          </cell>
          <cell r="P2550">
            <v>8.0462638949970433</v>
          </cell>
        </row>
        <row r="2551">
          <cell r="C2551">
            <v>2004</v>
          </cell>
          <cell r="P2551">
            <v>8.0462638949970433</v>
          </cell>
        </row>
        <row r="2552">
          <cell r="C2552">
            <v>2004</v>
          </cell>
          <cell r="P2552">
            <v>8.0462638949970433</v>
          </cell>
        </row>
        <row r="2553">
          <cell r="C2553">
            <v>2004</v>
          </cell>
          <cell r="P2553">
            <v>8.0462638949970433</v>
          </cell>
        </row>
        <row r="2554">
          <cell r="C2554">
            <v>2004</v>
          </cell>
          <cell r="P2554">
            <v>7.516449363825239</v>
          </cell>
        </row>
        <row r="2555">
          <cell r="C2555">
            <v>2004</v>
          </cell>
          <cell r="P2555">
            <v>7.2833811664973238</v>
          </cell>
        </row>
        <row r="2556">
          <cell r="C2556">
            <v>2004</v>
          </cell>
          <cell r="P2556">
            <v>7.2833811664973238</v>
          </cell>
        </row>
        <row r="2557">
          <cell r="C2557">
            <v>2004</v>
          </cell>
          <cell r="P2557">
            <v>7.1910855916652761</v>
          </cell>
        </row>
        <row r="2558">
          <cell r="C2558">
            <v>2005</v>
          </cell>
          <cell r="P2558">
            <v>7.1242493289455728</v>
          </cell>
        </row>
        <row r="2559">
          <cell r="C2559">
            <v>2005</v>
          </cell>
          <cell r="P2559">
            <v>7.1242493289455728</v>
          </cell>
        </row>
        <row r="2560">
          <cell r="C2560">
            <v>2005</v>
          </cell>
          <cell r="P2560">
            <v>7.1242493289455728</v>
          </cell>
        </row>
        <row r="2561">
          <cell r="C2561">
            <v>2005</v>
          </cell>
          <cell r="P2561">
            <v>7.1242493289455728</v>
          </cell>
        </row>
        <row r="2562">
          <cell r="C2562">
            <v>2005</v>
          </cell>
          <cell r="P2562">
            <v>6.9327542803415172</v>
          </cell>
        </row>
        <row r="2563">
          <cell r="C2563">
            <v>2005</v>
          </cell>
          <cell r="P2563">
            <v>6.9770296552979172</v>
          </cell>
        </row>
        <row r="2564">
          <cell r="C2564">
            <v>2005</v>
          </cell>
          <cell r="P2564">
            <v>7.0070854058931475</v>
          </cell>
        </row>
        <row r="2565">
          <cell r="C2565">
            <v>2005</v>
          </cell>
          <cell r="P2565">
            <v>7.1176302490104781</v>
          </cell>
        </row>
        <row r="2566">
          <cell r="C2566">
            <v>2005</v>
          </cell>
          <cell r="P2566">
            <v>7.1176302490104781</v>
          </cell>
        </row>
        <row r="2567">
          <cell r="C2567">
            <v>2005</v>
          </cell>
          <cell r="P2567">
            <v>7.1176302490104781</v>
          </cell>
        </row>
        <row r="2568">
          <cell r="C2568">
            <v>2005</v>
          </cell>
          <cell r="P2568">
            <v>7.4860528730228539</v>
          </cell>
        </row>
        <row r="2569">
          <cell r="C2569">
            <v>2005</v>
          </cell>
          <cell r="P2569">
            <v>7.0765674997346109</v>
          </cell>
        </row>
        <row r="2570">
          <cell r="C2570">
            <v>2005</v>
          </cell>
          <cell r="P2570">
            <v>6.9418656450463301</v>
          </cell>
        </row>
        <row r="2571">
          <cell r="C2571">
            <v>2005</v>
          </cell>
          <cell r="P2571">
            <v>7.1217812135090455</v>
          </cell>
        </row>
        <row r="2572">
          <cell r="C2572">
            <v>2005</v>
          </cell>
          <cell r="P2572">
            <v>7.5777304711787803</v>
          </cell>
        </row>
        <row r="2573">
          <cell r="C2573">
            <v>2005</v>
          </cell>
          <cell r="P2573">
            <v>7.5777304711787803</v>
          </cell>
        </row>
        <row r="2574">
          <cell r="C2574">
            <v>2005</v>
          </cell>
          <cell r="P2574">
            <v>7.5777304711787803</v>
          </cell>
        </row>
        <row r="2575">
          <cell r="C2575">
            <v>2005</v>
          </cell>
          <cell r="P2575">
            <v>7.5777304711787803</v>
          </cell>
        </row>
        <row r="2576">
          <cell r="C2576">
            <v>2005</v>
          </cell>
          <cell r="P2576">
            <v>7.6410427503374212</v>
          </cell>
        </row>
        <row r="2577">
          <cell r="C2577">
            <v>2005</v>
          </cell>
          <cell r="P2577">
            <v>7.3226951934304916</v>
          </cell>
        </row>
        <row r="2578">
          <cell r="C2578">
            <v>2005</v>
          </cell>
          <cell r="P2578">
            <v>7.337388726285619</v>
          </cell>
        </row>
        <row r="2579">
          <cell r="C2579">
            <v>2005</v>
          </cell>
          <cell r="P2579">
            <v>7.5640932803566834</v>
          </cell>
        </row>
        <row r="2580">
          <cell r="C2580">
            <v>2005</v>
          </cell>
          <cell r="P2580">
            <v>7.5640932803566834</v>
          </cell>
        </row>
        <row r="2581">
          <cell r="C2581">
            <v>2005</v>
          </cell>
          <cell r="P2581">
            <v>7.5640932803566834</v>
          </cell>
        </row>
        <row r="2582">
          <cell r="C2582">
            <v>2005</v>
          </cell>
          <cell r="P2582">
            <v>7.466001804643545</v>
          </cell>
        </row>
        <row r="2583">
          <cell r="C2583">
            <v>2005</v>
          </cell>
          <cell r="P2583">
            <v>7.5233001850138752</v>
          </cell>
        </row>
        <row r="2584">
          <cell r="C2584">
            <v>2005</v>
          </cell>
          <cell r="P2584">
            <v>7.5646122101575646</v>
          </cell>
        </row>
        <row r="2585">
          <cell r="C2585">
            <v>2005</v>
          </cell>
          <cell r="P2585">
            <v>7.6366567272258523</v>
          </cell>
        </row>
        <row r="2586">
          <cell r="C2586">
            <v>2005</v>
          </cell>
          <cell r="P2586">
            <v>7.4522044327504888</v>
          </cell>
        </row>
        <row r="2587">
          <cell r="C2587">
            <v>2005</v>
          </cell>
          <cell r="P2587">
            <v>7.4522044327504888</v>
          </cell>
        </row>
        <row r="2588">
          <cell r="C2588">
            <v>2005</v>
          </cell>
          <cell r="P2588">
            <v>7.4522044327504888</v>
          </cell>
        </row>
        <row r="2589">
          <cell r="C2589">
            <v>2005</v>
          </cell>
          <cell r="P2589">
            <v>7.4276057384631722</v>
          </cell>
        </row>
        <row r="2590">
          <cell r="C2590">
            <v>2005</v>
          </cell>
          <cell r="P2590">
            <v>7.5729311998604816</v>
          </cell>
        </row>
        <row r="2591">
          <cell r="C2591">
            <v>2005</v>
          </cell>
          <cell r="P2591">
            <v>7.7012736764683583</v>
          </cell>
        </row>
        <row r="2592">
          <cell r="C2592">
            <v>2005</v>
          </cell>
          <cell r="P2592">
            <v>7.5624194355560261</v>
          </cell>
        </row>
        <row r="2593">
          <cell r="C2593">
            <v>2005</v>
          </cell>
          <cell r="P2593">
            <v>7.5043248889158489</v>
          </cell>
        </row>
        <row r="2594">
          <cell r="C2594">
            <v>2005</v>
          </cell>
          <cell r="P2594">
            <v>7.5043248889158489</v>
          </cell>
        </row>
        <row r="2595">
          <cell r="C2595">
            <v>2005</v>
          </cell>
          <cell r="P2595">
            <v>7.5043248889158489</v>
          </cell>
        </row>
        <row r="2596">
          <cell r="C2596">
            <v>2005</v>
          </cell>
          <cell r="P2596">
            <v>7.4022317298797402</v>
          </cell>
        </row>
        <row r="2597">
          <cell r="C2597">
            <v>2005</v>
          </cell>
          <cell r="P2597">
            <v>7.3693149937064959</v>
          </cell>
        </row>
        <row r="2598">
          <cell r="C2598">
            <v>2005</v>
          </cell>
          <cell r="P2598">
            <v>7.6063877178083432</v>
          </cell>
        </row>
        <row r="2599">
          <cell r="C2599">
            <v>2005</v>
          </cell>
          <cell r="P2599">
            <v>7.5508579639374585</v>
          </cell>
        </row>
        <row r="2600">
          <cell r="C2600">
            <v>2005</v>
          </cell>
          <cell r="P2600">
            <v>7.4035397173230608</v>
          </cell>
        </row>
        <row r="2601">
          <cell r="C2601">
            <v>2005</v>
          </cell>
          <cell r="P2601">
            <v>7.4035397173230608</v>
          </cell>
        </row>
        <row r="2602">
          <cell r="C2602">
            <v>2005</v>
          </cell>
          <cell r="P2602">
            <v>7.4035397173230608</v>
          </cell>
        </row>
        <row r="2603">
          <cell r="C2603">
            <v>2005</v>
          </cell>
          <cell r="P2603">
            <v>7.3247012480854092</v>
          </cell>
        </row>
        <row r="2604">
          <cell r="C2604">
            <v>2005</v>
          </cell>
          <cell r="P2604">
            <v>7.3895148693529071</v>
          </cell>
        </row>
        <row r="2605">
          <cell r="C2605">
            <v>2005</v>
          </cell>
          <cell r="P2605">
            <v>7.5069948893708007</v>
          </cell>
        </row>
        <row r="2606">
          <cell r="C2606">
            <v>2005</v>
          </cell>
          <cell r="P2606">
            <v>7.4145827330492411</v>
          </cell>
        </row>
        <row r="2607">
          <cell r="C2607">
            <v>2005</v>
          </cell>
          <cell r="P2607">
            <v>7.2274647032953698</v>
          </cell>
        </row>
        <row r="2608">
          <cell r="C2608">
            <v>2005</v>
          </cell>
          <cell r="P2608">
            <v>7.2274647032953698</v>
          </cell>
        </row>
        <row r="2609">
          <cell r="C2609">
            <v>2005</v>
          </cell>
          <cell r="P2609">
            <v>7.2274647032953698</v>
          </cell>
        </row>
        <row r="2610">
          <cell r="C2610">
            <v>2005</v>
          </cell>
          <cell r="P2610">
            <v>7.2274647032953698</v>
          </cell>
        </row>
        <row r="2611">
          <cell r="C2611">
            <v>2005</v>
          </cell>
          <cell r="P2611">
            <v>7.2799221083999335</v>
          </cell>
        </row>
        <row r="2612">
          <cell r="C2612">
            <v>2005</v>
          </cell>
          <cell r="P2612">
            <v>7.5409054116558734</v>
          </cell>
        </row>
        <row r="2613">
          <cell r="C2613">
            <v>2005</v>
          </cell>
          <cell r="P2613">
            <v>7.8316677029465733</v>
          </cell>
        </row>
        <row r="2614">
          <cell r="C2614">
            <v>2005</v>
          </cell>
          <cell r="P2614">
            <v>7.7854597291518175</v>
          </cell>
        </row>
        <row r="2615">
          <cell r="C2615">
            <v>2005</v>
          </cell>
          <cell r="P2615">
            <v>7.7854597291518175</v>
          </cell>
        </row>
        <row r="2616">
          <cell r="C2616">
            <v>2005</v>
          </cell>
          <cell r="P2616">
            <v>7.7854597291518175</v>
          </cell>
        </row>
        <row r="2617">
          <cell r="C2617">
            <v>2005</v>
          </cell>
          <cell r="P2617">
            <v>8.070785816108339</v>
          </cell>
        </row>
        <row r="2618">
          <cell r="C2618">
            <v>2005</v>
          </cell>
          <cell r="P2618">
            <v>8.093146714487192</v>
          </cell>
        </row>
        <row r="2619">
          <cell r="C2619">
            <v>2005</v>
          </cell>
          <cell r="P2619">
            <v>8.0690375676741333</v>
          </cell>
        </row>
        <row r="2620">
          <cell r="C2620">
            <v>2005</v>
          </cell>
          <cell r="P2620">
            <v>8.274092560015772</v>
          </cell>
        </row>
        <row r="2621">
          <cell r="C2621">
            <v>2005</v>
          </cell>
          <cell r="P2621">
            <v>8.0260782366054499</v>
          </cell>
        </row>
        <row r="2622">
          <cell r="C2622">
            <v>2005</v>
          </cell>
          <cell r="P2622">
            <v>8.0260782366054499</v>
          </cell>
        </row>
        <row r="2623">
          <cell r="C2623">
            <v>2005</v>
          </cell>
          <cell r="P2623">
            <v>8.0260782366054499</v>
          </cell>
        </row>
        <row r="2624">
          <cell r="C2624">
            <v>2005</v>
          </cell>
          <cell r="P2624">
            <v>8.1094539057642443</v>
          </cell>
        </row>
        <row r="2625">
          <cell r="C2625">
            <v>2005</v>
          </cell>
          <cell r="P2625">
            <v>8.1948962898651843</v>
          </cell>
        </row>
        <row r="2626">
          <cell r="C2626">
            <v>2005</v>
          </cell>
          <cell r="P2626">
            <v>8.302109082361504</v>
          </cell>
        </row>
        <row r="2627">
          <cell r="C2627">
            <v>2005</v>
          </cell>
          <cell r="P2627">
            <v>8.1933470829984394</v>
          </cell>
        </row>
        <row r="2628">
          <cell r="C2628">
            <v>2005</v>
          </cell>
          <cell r="P2628">
            <v>8.0167308654706488</v>
          </cell>
        </row>
        <row r="2629">
          <cell r="C2629">
            <v>2005</v>
          </cell>
          <cell r="P2629">
            <v>8.0167308654706488</v>
          </cell>
        </row>
        <row r="2630">
          <cell r="C2630">
            <v>2005</v>
          </cell>
          <cell r="P2630">
            <v>8.0167308654706488</v>
          </cell>
        </row>
        <row r="2631">
          <cell r="C2631">
            <v>2005</v>
          </cell>
          <cell r="P2631">
            <v>8.2599662956279101</v>
          </cell>
        </row>
        <row r="2632">
          <cell r="C2632">
            <v>2005</v>
          </cell>
          <cell r="P2632">
            <v>8.56290471785384</v>
          </cell>
        </row>
        <row r="2633">
          <cell r="C2633">
            <v>2005</v>
          </cell>
          <cell r="P2633">
            <v>8.4817924356621823</v>
          </cell>
        </row>
        <row r="2634">
          <cell r="C2634">
            <v>2005</v>
          </cell>
          <cell r="P2634">
            <v>8.6998197252088989</v>
          </cell>
        </row>
        <row r="2635">
          <cell r="C2635">
            <v>2005</v>
          </cell>
          <cell r="P2635">
            <v>8.5844580761589917</v>
          </cell>
        </row>
        <row r="2636">
          <cell r="C2636">
            <v>2005</v>
          </cell>
          <cell r="P2636">
            <v>8.5844580761589917</v>
          </cell>
        </row>
        <row r="2637">
          <cell r="C2637">
            <v>2005</v>
          </cell>
          <cell r="P2637">
            <v>8.5844580761589917</v>
          </cell>
        </row>
        <row r="2638">
          <cell r="C2638">
            <v>2005</v>
          </cell>
          <cell r="P2638">
            <v>8.6709473241230786</v>
          </cell>
        </row>
        <row r="2639">
          <cell r="C2639">
            <v>2005</v>
          </cell>
          <cell r="P2639">
            <v>8.6919528442092169</v>
          </cell>
        </row>
        <row r="2640">
          <cell r="C2640">
            <v>2005</v>
          </cell>
          <cell r="P2640">
            <v>8.6040248100574761</v>
          </cell>
        </row>
        <row r="2641">
          <cell r="C2641">
            <v>2005</v>
          </cell>
          <cell r="P2641">
            <v>8.5124078721887741</v>
          </cell>
        </row>
        <row r="2642">
          <cell r="C2642">
            <v>2005</v>
          </cell>
          <cell r="P2642">
            <v>8.5124078721887741</v>
          </cell>
        </row>
        <row r="2643">
          <cell r="C2643">
            <v>2005</v>
          </cell>
          <cell r="P2643">
            <v>8.5124078721887741</v>
          </cell>
        </row>
        <row r="2644">
          <cell r="C2644">
            <v>2005</v>
          </cell>
          <cell r="P2644">
            <v>8.5124078721887741</v>
          </cell>
        </row>
        <row r="2645">
          <cell r="C2645">
            <v>2005</v>
          </cell>
          <cell r="P2645">
            <v>8.2922043948378086</v>
          </cell>
        </row>
        <row r="2646">
          <cell r="C2646">
            <v>2005</v>
          </cell>
          <cell r="P2646">
            <v>8.2704463080632689</v>
          </cell>
        </row>
        <row r="2647">
          <cell r="C2647">
            <v>2005</v>
          </cell>
          <cell r="P2647">
            <v>8.6534103403042106</v>
          </cell>
        </row>
        <row r="2648">
          <cell r="C2648">
            <v>2005</v>
          </cell>
          <cell r="P2648">
            <v>8.9310747486389346</v>
          </cell>
        </row>
        <row r="2649">
          <cell r="C2649">
            <v>2005</v>
          </cell>
          <cell r="P2649">
            <v>9.0378093674648543</v>
          </cell>
        </row>
        <row r="2650">
          <cell r="C2650">
            <v>2005</v>
          </cell>
          <cell r="P2650">
            <v>9.0378093674648543</v>
          </cell>
        </row>
        <row r="2651">
          <cell r="C2651">
            <v>2005</v>
          </cell>
          <cell r="P2651">
            <v>9.0378093674648543</v>
          </cell>
        </row>
        <row r="2652">
          <cell r="C2652">
            <v>2005</v>
          </cell>
          <cell r="P2652">
            <v>9.2471854574543908</v>
          </cell>
        </row>
        <row r="2653">
          <cell r="C2653">
            <v>2005</v>
          </cell>
          <cell r="P2653">
            <v>8.9623441788871858</v>
          </cell>
        </row>
        <row r="2654">
          <cell r="C2654">
            <v>2005</v>
          </cell>
          <cell r="P2654">
            <v>8.987147601643894</v>
          </cell>
        </row>
        <row r="2655">
          <cell r="C2655">
            <v>2005</v>
          </cell>
          <cell r="P2655">
            <v>8.9790570358350656</v>
          </cell>
        </row>
        <row r="2656">
          <cell r="C2656">
            <v>2005</v>
          </cell>
          <cell r="P2656">
            <v>8.7516529928269193</v>
          </cell>
        </row>
        <row r="2657">
          <cell r="C2657">
            <v>2005</v>
          </cell>
          <cell r="P2657">
            <v>8.7516529928269193</v>
          </cell>
        </row>
        <row r="2658">
          <cell r="C2658">
            <v>2005</v>
          </cell>
          <cell r="P2658">
            <v>8.7516529928269193</v>
          </cell>
        </row>
        <row r="2659">
          <cell r="C2659">
            <v>2005</v>
          </cell>
          <cell r="P2659">
            <v>8.7481171615535107</v>
          </cell>
        </row>
        <row r="2660">
          <cell r="C2660">
            <v>2005</v>
          </cell>
          <cell r="P2660">
            <v>8.9247907220090674</v>
          </cell>
        </row>
        <row r="2661">
          <cell r="C2661">
            <v>2005</v>
          </cell>
          <cell r="P2661">
            <v>8.6161113722873477</v>
          </cell>
        </row>
        <row r="2662">
          <cell r="C2662">
            <v>2005</v>
          </cell>
          <cell r="P2662">
            <v>8.5914017834124454</v>
          </cell>
        </row>
        <row r="2663">
          <cell r="C2663">
            <v>2005</v>
          </cell>
          <cell r="P2663">
            <v>8.5045035524180701</v>
          </cell>
        </row>
        <row r="2664">
          <cell r="C2664">
            <v>2005</v>
          </cell>
          <cell r="P2664">
            <v>8.5045035524180701</v>
          </cell>
        </row>
        <row r="2665">
          <cell r="C2665">
            <v>2005</v>
          </cell>
          <cell r="P2665">
            <v>8.5045035524180701</v>
          </cell>
        </row>
        <row r="2666">
          <cell r="C2666">
            <v>2005</v>
          </cell>
          <cell r="P2666">
            <v>8.5469610143916537</v>
          </cell>
        </row>
        <row r="2667">
          <cell r="C2667">
            <v>2005</v>
          </cell>
          <cell r="P2667">
            <v>8.5924396430142096</v>
          </cell>
        </row>
        <row r="2668">
          <cell r="C2668">
            <v>2005</v>
          </cell>
          <cell r="P2668">
            <v>8.6746395451994971</v>
          </cell>
        </row>
        <row r="2669">
          <cell r="C2669">
            <v>2005</v>
          </cell>
          <cell r="P2669">
            <v>8.4442238137122594</v>
          </cell>
        </row>
        <row r="2670">
          <cell r="C2670">
            <v>2005</v>
          </cell>
          <cell r="P2670">
            <v>8.56290471785384</v>
          </cell>
        </row>
        <row r="2671">
          <cell r="C2671">
            <v>2005</v>
          </cell>
          <cell r="P2671">
            <v>8.56290471785384</v>
          </cell>
        </row>
        <row r="2672">
          <cell r="C2672">
            <v>2005</v>
          </cell>
          <cell r="P2672">
            <v>8.56290471785384</v>
          </cell>
        </row>
        <row r="2673">
          <cell r="C2673">
            <v>2005</v>
          </cell>
          <cell r="P2673">
            <v>8.8027910366843081</v>
          </cell>
        </row>
        <row r="2674">
          <cell r="C2674">
            <v>2005</v>
          </cell>
          <cell r="P2674">
            <v>8.62982817973643</v>
          </cell>
        </row>
        <row r="2675">
          <cell r="C2675">
            <v>2005</v>
          </cell>
          <cell r="P2675">
            <v>8.6312129403557734</v>
          </cell>
        </row>
        <row r="2676">
          <cell r="C2676">
            <v>2005</v>
          </cell>
          <cell r="P2676">
            <v>8.1505152333146302</v>
          </cell>
        </row>
        <row r="2677">
          <cell r="C2677">
            <v>2005</v>
          </cell>
          <cell r="P2677">
            <v>8.2021774199663326</v>
          </cell>
        </row>
        <row r="2678">
          <cell r="C2678">
            <v>2005</v>
          </cell>
          <cell r="P2678">
            <v>8.2021774199663326</v>
          </cell>
        </row>
        <row r="2679">
          <cell r="C2679">
            <v>2005</v>
          </cell>
          <cell r="P2679">
            <v>8.2021774199663326</v>
          </cell>
        </row>
        <row r="2680">
          <cell r="C2680">
            <v>2005</v>
          </cell>
          <cell r="P2680">
            <v>8.1097425160370644</v>
          </cell>
        </row>
        <row r="2681">
          <cell r="C2681">
            <v>2005</v>
          </cell>
          <cell r="P2681">
            <v>8.1521440568083587</v>
          </cell>
        </row>
        <row r="2682">
          <cell r="C2682">
            <v>2005</v>
          </cell>
          <cell r="P2682">
            <v>8.0425313916986383</v>
          </cell>
        </row>
        <row r="2683">
          <cell r="C2683">
            <v>2005</v>
          </cell>
          <cell r="P2683">
            <v>8.1474675277899937</v>
          </cell>
        </row>
        <row r="2684">
          <cell r="C2684">
            <v>2005</v>
          </cell>
          <cell r="P2684">
            <v>8.1657997300617211</v>
          </cell>
        </row>
        <row r="2685">
          <cell r="C2685">
            <v>2005</v>
          </cell>
          <cell r="P2685">
            <v>8.1657997300617211</v>
          </cell>
        </row>
        <row r="2686">
          <cell r="C2686">
            <v>2005</v>
          </cell>
          <cell r="P2686">
            <v>8.1657997300617211</v>
          </cell>
        </row>
        <row r="2687">
          <cell r="C2687">
            <v>2005</v>
          </cell>
          <cell r="P2687">
            <v>8.0364738933288855</v>
          </cell>
        </row>
        <row r="2688">
          <cell r="C2688">
            <v>2005</v>
          </cell>
          <cell r="P2688">
            <v>8.1674318709149087</v>
          </cell>
        </row>
        <row r="2689">
          <cell r="C2689">
            <v>2005</v>
          </cell>
          <cell r="P2689">
            <v>8.1408356523255634</v>
          </cell>
        </row>
        <row r="2690">
          <cell r="C2690">
            <v>2005</v>
          </cell>
          <cell r="P2690">
            <v>8.0999454057414972</v>
          </cell>
        </row>
        <row r="2691">
          <cell r="C2691">
            <v>2005</v>
          </cell>
          <cell r="P2691">
            <v>8.0286771507863079</v>
          </cell>
        </row>
        <row r="2692">
          <cell r="C2692">
            <v>2005</v>
          </cell>
          <cell r="P2692">
            <v>8.0286771507863079</v>
          </cell>
        </row>
        <row r="2693">
          <cell r="C2693">
            <v>2005</v>
          </cell>
          <cell r="P2693">
            <v>8.0286771507863079</v>
          </cell>
        </row>
        <row r="2694">
          <cell r="C2694">
            <v>2005</v>
          </cell>
          <cell r="P2694">
            <v>8.0313916986396929</v>
          </cell>
        </row>
        <row r="2695">
          <cell r="C2695">
            <v>2005</v>
          </cell>
          <cell r="P2695">
            <v>7.9467156245734829</v>
          </cell>
        </row>
        <row r="2696">
          <cell r="C2696">
            <v>2005</v>
          </cell>
          <cell r="P2696">
            <v>8.0069219074627327</v>
          </cell>
        </row>
        <row r="2697">
          <cell r="C2697">
            <v>2005</v>
          </cell>
          <cell r="P2697">
            <v>7.8485767580109487</v>
          </cell>
        </row>
        <row r="2698">
          <cell r="C2698">
            <v>2005</v>
          </cell>
          <cell r="P2698">
            <v>7.8176352724405138</v>
          </cell>
        </row>
        <row r="2699">
          <cell r="C2699">
            <v>2005</v>
          </cell>
          <cell r="P2699">
            <v>7.8176352724405138</v>
          </cell>
        </row>
        <row r="2700">
          <cell r="C2700">
            <v>2005</v>
          </cell>
          <cell r="P2700">
            <v>7.8176352724405138</v>
          </cell>
        </row>
        <row r="2701">
          <cell r="C2701">
            <v>2005</v>
          </cell>
          <cell r="P2701">
            <v>7.8595368397506853</v>
          </cell>
        </row>
        <row r="2702">
          <cell r="C2702">
            <v>2005</v>
          </cell>
          <cell r="P2702">
            <v>7.9247859829241296</v>
          </cell>
        </row>
        <row r="2703">
          <cell r="C2703">
            <v>2005</v>
          </cell>
          <cell r="P2703">
            <v>7.8052349827876428</v>
          </cell>
        </row>
        <row r="2704">
          <cell r="C2704">
            <v>2005</v>
          </cell>
          <cell r="P2704">
            <v>7.7644466265297769</v>
          </cell>
        </row>
        <row r="2705">
          <cell r="C2705">
            <v>2005</v>
          </cell>
          <cell r="P2705">
            <v>7.6096358866259228</v>
          </cell>
        </row>
        <row r="2706">
          <cell r="C2706">
            <v>2005</v>
          </cell>
          <cell r="P2706">
            <v>7.6096358866259228</v>
          </cell>
        </row>
        <row r="2707">
          <cell r="C2707">
            <v>2005</v>
          </cell>
          <cell r="P2707">
            <v>7.6096358866259228</v>
          </cell>
        </row>
        <row r="2708">
          <cell r="C2708">
            <v>2005</v>
          </cell>
          <cell r="P2708">
            <v>7.6096358866259228</v>
          </cell>
        </row>
        <row r="2709">
          <cell r="C2709">
            <v>2005</v>
          </cell>
          <cell r="P2709">
            <v>7.6478878846241329</v>
          </cell>
        </row>
        <row r="2710">
          <cell r="C2710">
            <v>2005</v>
          </cell>
          <cell r="P2710">
            <v>7.7008770150589161</v>
          </cell>
        </row>
        <row r="2711">
          <cell r="C2711">
            <v>2005</v>
          </cell>
          <cell r="P2711">
            <v>8.0114136121684538</v>
          </cell>
        </row>
        <row r="2712">
          <cell r="C2712">
            <v>2005</v>
          </cell>
          <cell r="P2712">
            <v>8.0474211795392847</v>
          </cell>
        </row>
        <row r="2713">
          <cell r="C2713">
            <v>2005</v>
          </cell>
          <cell r="P2713">
            <v>8.0474211795392847</v>
          </cell>
        </row>
        <row r="2714">
          <cell r="C2714">
            <v>2005</v>
          </cell>
          <cell r="P2714">
            <v>8.0474211795392847</v>
          </cell>
        </row>
        <row r="2715">
          <cell r="C2715">
            <v>2005</v>
          </cell>
          <cell r="P2715">
            <v>8.4535721326640481</v>
          </cell>
        </row>
        <row r="2716">
          <cell r="C2716">
            <v>2005</v>
          </cell>
          <cell r="P2716">
            <v>8.5053343140079782</v>
          </cell>
        </row>
        <row r="2717">
          <cell r="C2717">
            <v>2005</v>
          </cell>
          <cell r="P2717">
            <v>8.613211052304333</v>
          </cell>
        </row>
        <row r="2718">
          <cell r="C2718">
            <v>2005</v>
          </cell>
          <cell r="P2718">
            <v>8.3979428580094311</v>
          </cell>
        </row>
        <row r="2719">
          <cell r="C2719">
            <v>2005</v>
          </cell>
          <cell r="P2719">
            <v>8.4308472725618362</v>
          </cell>
        </row>
        <row r="2720">
          <cell r="C2720">
            <v>2005</v>
          </cell>
          <cell r="P2720">
            <v>8.4308472725618362</v>
          </cell>
        </row>
        <row r="2721">
          <cell r="C2721">
            <v>2005</v>
          </cell>
          <cell r="P2721">
            <v>8.4308472725618362</v>
          </cell>
        </row>
        <row r="2722">
          <cell r="C2722">
            <v>2005</v>
          </cell>
          <cell r="P2722">
            <v>8.4636929224609876</v>
          </cell>
        </row>
        <row r="2723">
          <cell r="C2723">
            <v>2005</v>
          </cell>
          <cell r="P2723">
            <v>8.6445468297417385</v>
          </cell>
        </row>
        <row r="2724">
          <cell r="C2724">
            <v>2005</v>
          </cell>
          <cell r="P2724">
            <v>8.6560334238182612</v>
          </cell>
        </row>
        <row r="2725">
          <cell r="C2725">
            <v>2005</v>
          </cell>
          <cell r="P2725">
            <v>8.7683118242064868</v>
          </cell>
        </row>
        <row r="2726">
          <cell r="C2726">
            <v>2005</v>
          </cell>
          <cell r="P2726">
            <v>8.9101597450751413</v>
          </cell>
        </row>
        <row r="2727">
          <cell r="C2727">
            <v>2005</v>
          </cell>
          <cell r="P2727">
            <v>8.9101597450751413</v>
          </cell>
        </row>
        <row r="2728">
          <cell r="C2728">
            <v>2005</v>
          </cell>
          <cell r="P2728">
            <v>8.9101597450751413</v>
          </cell>
        </row>
        <row r="2729">
          <cell r="C2729">
            <v>2005</v>
          </cell>
          <cell r="P2729">
            <v>9.032240942660863</v>
          </cell>
        </row>
        <row r="2730">
          <cell r="C2730">
            <v>2005</v>
          </cell>
          <cell r="P2730">
            <v>8.7784629441470408</v>
          </cell>
        </row>
        <row r="2731">
          <cell r="C2731">
            <v>2005</v>
          </cell>
          <cell r="P2731">
            <v>8.8236951403527399</v>
          </cell>
        </row>
        <row r="2732">
          <cell r="C2732">
            <v>2005</v>
          </cell>
          <cell r="P2732">
            <v>8.8797855279719755</v>
          </cell>
        </row>
        <row r="2733">
          <cell r="C2733">
            <v>2005</v>
          </cell>
          <cell r="P2733">
            <v>8.779618333055307</v>
          </cell>
        </row>
        <row r="2734">
          <cell r="C2734">
            <v>2005</v>
          </cell>
          <cell r="P2734">
            <v>8.779618333055307</v>
          </cell>
        </row>
        <row r="2735">
          <cell r="C2735">
            <v>2005</v>
          </cell>
          <cell r="P2735">
            <v>8.779618333055307</v>
          </cell>
        </row>
        <row r="2736">
          <cell r="C2736">
            <v>2005</v>
          </cell>
          <cell r="P2736">
            <v>8.5684797773767443</v>
          </cell>
        </row>
        <row r="2737">
          <cell r="C2737">
            <v>2005</v>
          </cell>
          <cell r="P2737">
            <v>8.3262044858282422</v>
          </cell>
        </row>
        <row r="2738">
          <cell r="C2738">
            <v>2005</v>
          </cell>
          <cell r="P2738">
            <v>8.3569943206806094</v>
          </cell>
        </row>
        <row r="2739">
          <cell r="C2739">
            <v>2005</v>
          </cell>
          <cell r="P2739">
            <v>8.2244430627379028</v>
          </cell>
        </row>
        <row r="2740">
          <cell r="C2740">
            <v>2005</v>
          </cell>
          <cell r="P2740">
            <v>8.2070183952321027</v>
          </cell>
        </row>
        <row r="2741">
          <cell r="C2741">
            <v>2005</v>
          </cell>
          <cell r="P2741">
            <v>8.2070183952321027</v>
          </cell>
        </row>
        <row r="2742">
          <cell r="C2742">
            <v>2005</v>
          </cell>
          <cell r="P2742">
            <v>8.2070183952321027</v>
          </cell>
        </row>
        <row r="2743">
          <cell r="C2743">
            <v>2005</v>
          </cell>
          <cell r="P2743">
            <v>8.2070183952321027</v>
          </cell>
        </row>
        <row r="2744">
          <cell r="C2744">
            <v>2005</v>
          </cell>
          <cell r="P2744">
            <v>8.7431795089549755</v>
          </cell>
        </row>
        <row r="2745">
          <cell r="C2745">
            <v>2005</v>
          </cell>
          <cell r="P2745">
            <v>9.0278819323334485</v>
          </cell>
        </row>
        <row r="2746">
          <cell r="C2746">
            <v>2005</v>
          </cell>
          <cell r="P2746">
            <v>8.8042454618522612</v>
          </cell>
        </row>
        <row r="2747">
          <cell r="C2747">
            <v>2005</v>
          </cell>
          <cell r="P2747">
            <v>8.8112782639025813</v>
          </cell>
        </row>
        <row r="2748">
          <cell r="C2748">
            <v>2005</v>
          </cell>
          <cell r="P2748">
            <v>8.8112782639025813</v>
          </cell>
        </row>
        <row r="2749">
          <cell r="C2749">
            <v>2005</v>
          </cell>
          <cell r="P2749">
            <v>8.8112782639025813</v>
          </cell>
        </row>
        <row r="2750">
          <cell r="C2750">
            <v>2005</v>
          </cell>
          <cell r="P2750">
            <v>8.5195364037548718</v>
          </cell>
        </row>
        <row r="2751">
          <cell r="C2751">
            <v>2005</v>
          </cell>
          <cell r="P2751">
            <v>8.9378265229523368</v>
          </cell>
        </row>
        <row r="2752">
          <cell r="C2752">
            <v>2005</v>
          </cell>
          <cell r="P2752">
            <v>8.9534015256062247</v>
          </cell>
        </row>
        <row r="2753">
          <cell r="C2753">
            <v>2005</v>
          </cell>
          <cell r="P2753">
            <v>9.1143451153303712</v>
          </cell>
        </row>
        <row r="2754">
          <cell r="C2754">
            <v>2005</v>
          </cell>
          <cell r="P2754">
            <v>9.2841659589633156</v>
          </cell>
        </row>
        <row r="2755">
          <cell r="C2755">
            <v>2005</v>
          </cell>
          <cell r="P2755">
            <v>9.2841659589633156</v>
          </cell>
        </row>
        <row r="2756">
          <cell r="C2756">
            <v>2005</v>
          </cell>
          <cell r="P2756">
            <v>9.2841659589633156</v>
          </cell>
        </row>
        <row r="2757">
          <cell r="C2757">
            <v>2005</v>
          </cell>
          <cell r="P2757">
            <v>8.9421556770446315</v>
          </cell>
        </row>
        <row r="2758">
          <cell r="C2758">
            <v>2005</v>
          </cell>
          <cell r="P2758">
            <v>8.8553294801413394</v>
          </cell>
        </row>
        <row r="2759">
          <cell r="C2759">
            <v>2005</v>
          </cell>
          <cell r="P2759">
            <v>8.9350314106549789</v>
          </cell>
        </row>
        <row r="2760">
          <cell r="C2760">
            <v>2005</v>
          </cell>
          <cell r="P2760">
            <v>8.7030565202226224</v>
          </cell>
        </row>
        <row r="2761">
          <cell r="C2761">
            <v>2005</v>
          </cell>
          <cell r="P2761">
            <v>8.5133040331508472</v>
          </cell>
        </row>
        <row r="2762">
          <cell r="C2762">
            <v>2005</v>
          </cell>
          <cell r="P2762">
            <v>8.5133040331508472</v>
          </cell>
        </row>
        <row r="2763">
          <cell r="C2763">
            <v>2005</v>
          </cell>
          <cell r="P2763">
            <v>8.5133040331508472</v>
          </cell>
        </row>
        <row r="2764">
          <cell r="C2764">
            <v>2005</v>
          </cell>
          <cell r="P2764">
            <v>8.4292535182966599</v>
          </cell>
        </row>
        <row r="2765">
          <cell r="C2765">
            <v>2005</v>
          </cell>
          <cell r="P2765">
            <v>8.5717800761286611</v>
          </cell>
        </row>
        <row r="2766">
          <cell r="C2766">
            <v>2005</v>
          </cell>
          <cell r="P2766">
            <v>8.6974312263993561</v>
          </cell>
        </row>
        <row r="2767">
          <cell r="C2767">
            <v>2005</v>
          </cell>
          <cell r="P2767">
            <v>8.8246785004777006</v>
          </cell>
        </row>
        <row r="2768">
          <cell r="C2768">
            <v>2005</v>
          </cell>
          <cell r="P2768">
            <v>9.0572353505406351</v>
          </cell>
        </row>
        <row r="2769">
          <cell r="C2769">
            <v>2005</v>
          </cell>
          <cell r="P2769">
            <v>9.0572353505406351</v>
          </cell>
        </row>
        <row r="2770">
          <cell r="C2770">
            <v>2005</v>
          </cell>
          <cell r="P2770">
            <v>9.0572353505406351</v>
          </cell>
        </row>
        <row r="2771">
          <cell r="C2771">
            <v>2005</v>
          </cell>
          <cell r="P2771">
            <v>9.0572353505406351</v>
          </cell>
        </row>
        <row r="2772">
          <cell r="C2772">
            <v>2005</v>
          </cell>
          <cell r="P2772">
            <v>9.5213547906461837</v>
          </cell>
        </row>
        <row r="2773">
          <cell r="C2773">
            <v>2005</v>
          </cell>
          <cell r="P2773">
            <v>9.9326064208914033</v>
          </cell>
        </row>
        <row r="2774">
          <cell r="C2774">
            <v>2005</v>
          </cell>
          <cell r="P2774">
            <v>9.7586668385374793</v>
          </cell>
        </row>
        <row r="2775">
          <cell r="C2775">
            <v>2005</v>
          </cell>
          <cell r="P2775">
            <v>9.9685523801580196</v>
          </cell>
        </row>
        <row r="2776">
          <cell r="C2776">
            <v>2005</v>
          </cell>
          <cell r="P2776">
            <v>9.9685523801580196</v>
          </cell>
        </row>
        <row r="2777">
          <cell r="C2777">
            <v>2005</v>
          </cell>
          <cell r="P2777">
            <v>9.9685523801580196</v>
          </cell>
        </row>
        <row r="2778">
          <cell r="C2778">
            <v>2005</v>
          </cell>
          <cell r="P2778">
            <v>10.268531717747683</v>
          </cell>
        </row>
        <row r="2779">
          <cell r="C2779">
            <v>2005</v>
          </cell>
          <cell r="P2779">
            <v>10.075598830772964</v>
          </cell>
        </row>
        <row r="2780">
          <cell r="C2780">
            <v>2005</v>
          </cell>
          <cell r="P2780">
            <v>10.282849915075598</v>
          </cell>
        </row>
        <row r="2781">
          <cell r="C2781">
            <v>2005</v>
          </cell>
          <cell r="P2781">
            <v>10.663247258913271</v>
          </cell>
        </row>
        <row r="2782">
          <cell r="C2782">
            <v>2005</v>
          </cell>
          <cell r="P2782">
            <v>10.898935696304273</v>
          </cell>
        </row>
        <row r="2783">
          <cell r="C2783">
            <v>2005</v>
          </cell>
          <cell r="P2783">
            <v>10.898935696304273</v>
          </cell>
        </row>
        <row r="2784">
          <cell r="C2784">
            <v>2005</v>
          </cell>
          <cell r="P2784">
            <v>10.898935696304273</v>
          </cell>
        </row>
        <row r="2785">
          <cell r="C2785">
            <v>2005</v>
          </cell>
          <cell r="P2785">
            <v>10.738392085349025</v>
          </cell>
        </row>
        <row r="2786">
          <cell r="C2786">
            <v>2005</v>
          </cell>
          <cell r="P2786">
            <v>10.912008462110068</v>
          </cell>
        </row>
        <row r="2787">
          <cell r="C2787">
            <v>2005</v>
          </cell>
          <cell r="P2787">
            <v>11.142523240472544</v>
          </cell>
        </row>
        <row r="2788">
          <cell r="C2788">
            <v>2005</v>
          </cell>
          <cell r="P2788">
            <v>10.518685264099725</v>
          </cell>
        </row>
        <row r="2789">
          <cell r="C2789">
            <v>2005</v>
          </cell>
          <cell r="P2789">
            <v>10.3549953746531</v>
          </cell>
        </row>
        <row r="2790">
          <cell r="C2790">
            <v>2005</v>
          </cell>
          <cell r="P2790">
            <v>10.3549953746531</v>
          </cell>
        </row>
        <row r="2791">
          <cell r="C2791">
            <v>2005</v>
          </cell>
          <cell r="P2791">
            <v>10.3549953746531</v>
          </cell>
        </row>
        <row r="2792">
          <cell r="C2792">
            <v>2005</v>
          </cell>
          <cell r="P2792">
            <v>10.750729819080693</v>
          </cell>
        </row>
        <row r="2793">
          <cell r="C2793">
            <v>2005</v>
          </cell>
          <cell r="P2793">
            <v>11.034917577834731</v>
          </cell>
        </row>
        <row r="2794">
          <cell r="C2794">
            <v>2005</v>
          </cell>
          <cell r="P2794">
            <v>11.07898064178584</v>
          </cell>
        </row>
        <row r="2795">
          <cell r="C2795">
            <v>2005</v>
          </cell>
          <cell r="P2795">
            <v>10.758589117544471</v>
          </cell>
        </row>
        <row r="2796">
          <cell r="C2796">
            <v>2005</v>
          </cell>
          <cell r="P2796">
            <v>10.987389768884306</v>
          </cell>
        </row>
        <row r="2797">
          <cell r="C2797">
            <v>2005</v>
          </cell>
          <cell r="P2797">
            <v>10.987389768884306</v>
          </cell>
        </row>
        <row r="2798">
          <cell r="C2798">
            <v>2005</v>
          </cell>
          <cell r="P2798">
            <v>10.987389768884306</v>
          </cell>
        </row>
        <row r="2799">
          <cell r="C2799">
            <v>2005</v>
          </cell>
          <cell r="P2799">
            <v>12.258671577622421</v>
          </cell>
        </row>
        <row r="2800">
          <cell r="C2800">
            <v>2005</v>
          </cell>
          <cell r="P2800">
            <v>12.471502934441393</v>
          </cell>
        </row>
        <row r="2801">
          <cell r="C2801">
            <v>2005</v>
          </cell>
          <cell r="P2801">
            <v>12.654633498127113</v>
          </cell>
        </row>
        <row r="2802">
          <cell r="C2802">
            <v>2005</v>
          </cell>
          <cell r="P2802">
            <v>12.022446675816262</v>
          </cell>
        </row>
        <row r="2803">
          <cell r="C2803">
            <v>2005</v>
          </cell>
          <cell r="P2803">
            <v>12.354371711075052</v>
          </cell>
        </row>
        <row r="2804">
          <cell r="C2804">
            <v>2005</v>
          </cell>
          <cell r="P2804">
            <v>12.354371711075052</v>
          </cell>
        </row>
        <row r="2805">
          <cell r="C2805">
            <v>2005</v>
          </cell>
          <cell r="P2805">
            <v>12.354371711075052</v>
          </cell>
        </row>
        <row r="2806">
          <cell r="C2806">
            <v>2005</v>
          </cell>
          <cell r="P2806">
            <v>12.354371711075052</v>
          </cell>
        </row>
        <row r="2807">
          <cell r="C2807">
            <v>2005</v>
          </cell>
          <cell r="P2807">
            <v>12.33064406059963</v>
          </cell>
        </row>
        <row r="2808">
          <cell r="C2808">
            <v>2005</v>
          </cell>
          <cell r="P2808">
            <v>11.890480220955094</v>
          </cell>
        </row>
        <row r="2809">
          <cell r="C2809">
            <v>2005</v>
          </cell>
          <cell r="P2809">
            <v>11.935442289319239</v>
          </cell>
        </row>
        <row r="2810">
          <cell r="C2810">
            <v>2005</v>
          </cell>
          <cell r="P2810">
            <v>12.13380948499416</v>
          </cell>
        </row>
        <row r="2811">
          <cell r="C2811">
            <v>2005</v>
          </cell>
          <cell r="P2811">
            <v>12.13380948499416</v>
          </cell>
        </row>
        <row r="2812">
          <cell r="C2812">
            <v>2005</v>
          </cell>
          <cell r="P2812">
            <v>12.13380948499416</v>
          </cell>
        </row>
        <row r="2813">
          <cell r="C2813">
            <v>2005</v>
          </cell>
          <cell r="P2813">
            <v>12.195022349524576</v>
          </cell>
        </row>
        <row r="2814">
          <cell r="C2814">
            <v>2005</v>
          </cell>
          <cell r="P2814">
            <v>12.276784360261445</v>
          </cell>
        </row>
        <row r="2815">
          <cell r="C2815">
            <v>2005</v>
          </cell>
          <cell r="P2815">
            <v>12.420844959888385</v>
          </cell>
        </row>
        <row r="2816">
          <cell r="C2816">
            <v>2005</v>
          </cell>
          <cell r="P2816">
            <v>12.525047485631093</v>
          </cell>
        </row>
        <row r="2817">
          <cell r="C2817">
            <v>2005</v>
          </cell>
          <cell r="P2817">
            <v>12.608653000409458</v>
          </cell>
        </row>
        <row r="2818">
          <cell r="C2818">
            <v>2005</v>
          </cell>
          <cell r="P2818">
            <v>12.608653000409458</v>
          </cell>
        </row>
        <row r="2819">
          <cell r="C2819">
            <v>2005</v>
          </cell>
          <cell r="P2819">
            <v>12.608653000409458</v>
          </cell>
        </row>
        <row r="2820">
          <cell r="C2820">
            <v>2005</v>
          </cell>
          <cell r="P2820">
            <v>13.184146623496762</v>
          </cell>
        </row>
        <row r="2821">
          <cell r="C2821">
            <v>2005</v>
          </cell>
          <cell r="P2821">
            <v>13.704539379900213</v>
          </cell>
        </row>
        <row r="2822">
          <cell r="C2822">
            <v>2005</v>
          </cell>
          <cell r="P2822">
            <v>14.435378311672556</v>
          </cell>
        </row>
        <row r="2823">
          <cell r="C2823">
            <v>2005</v>
          </cell>
          <cell r="P2823">
            <v>14.188194749852139</v>
          </cell>
        </row>
        <row r="2824">
          <cell r="C2824">
            <v>2005</v>
          </cell>
          <cell r="P2824">
            <v>14.234386610758103</v>
          </cell>
        </row>
        <row r="2825">
          <cell r="C2825">
            <v>2005</v>
          </cell>
          <cell r="P2825">
            <v>14.234386610758103</v>
          </cell>
        </row>
        <row r="2826">
          <cell r="C2826">
            <v>2005</v>
          </cell>
          <cell r="P2826">
            <v>14.234386610758103</v>
          </cell>
        </row>
        <row r="2827">
          <cell r="C2827">
            <v>2005</v>
          </cell>
          <cell r="P2827">
            <v>12.9324969480293</v>
          </cell>
        </row>
        <row r="2828">
          <cell r="C2828">
            <v>2005</v>
          </cell>
          <cell r="P2828">
            <v>13.56138868458167</v>
          </cell>
        </row>
        <row r="2829">
          <cell r="C2829">
            <v>2005</v>
          </cell>
          <cell r="P2829">
            <v>13.962529003199831</v>
          </cell>
        </row>
        <row r="2830">
          <cell r="C2830">
            <v>2005</v>
          </cell>
          <cell r="P2830">
            <v>15.347265927116666</v>
          </cell>
        </row>
        <row r="2831">
          <cell r="C2831">
            <v>2005</v>
          </cell>
          <cell r="P2831">
            <v>14.735832979481659</v>
          </cell>
        </row>
        <row r="2832">
          <cell r="C2832">
            <v>2005</v>
          </cell>
          <cell r="P2832">
            <v>14.735832979481659</v>
          </cell>
        </row>
        <row r="2833">
          <cell r="C2833">
            <v>2005</v>
          </cell>
          <cell r="P2833">
            <v>14.735832979481659</v>
          </cell>
        </row>
        <row r="2834">
          <cell r="C2834">
            <v>2005</v>
          </cell>
          <cell r="P2834">
            <v>15.23877500341214</v>
          </cell>
        </row>
        <row r="2835">
          <cell r="C2835">
            <v>2005</v>
          </cell>
          <cell r="P2835">
            <v>15.369803593363764</v>
          </cell>
        </row>
        <row r="2836">
          <cell r="C2836">
            <v>2005</v>
          </cell>
          <cell r="P2836">
            <v>16.064943472194841</v>
          </cell>
        </row>
        <row r="2837">
          <cell r="C2837">
            <v>2005</v>
          </cell>
          <cell r="P2837">
            <v>15.418207185211021</v>
          </cell>
        </row>
        <row r="2838">
          <cell r="C2838">
            <v>2005</v>
          </cell>
          <cell r="P2838">
            <v>14.714841676650341</v>
          </cell>
        </row>
        <row r="2839">
          <cell r="C2839">
            <v>2005</v>
          </cell>
          <cell r="P2839">
            <v>14.714841676650341</v>
          </cell>
        </row>
        <row r="2840">
          <cell r="C2840">
            <v>2005</v>
          </cell>
          <cell r="P2840">
            <v>14.714841676650341</v>
          </cell>
        </row>
        <row r="2841">
          <cell r="C2841">
            <v>2005</v>
          </cell>
          <cell r="P2841">
            <v>14.107986685066955</v>
          </cell>
        </row>
        <row r="2842">
          <cell r="C2842">
            <v>2005</v>
          </cell>
          <cell r="P2842">
            <v>14.62333515946073</v>
          </cell>
        </row>
        <row r="2843">
          <cell r="C2843">
            <v>2005</v>
          </cell>
          <cell r="P2843">
            <v>14.818832839204745</v>
          </cell>
        </row>
        <row r="2844">
          <cell r="C2844">
            <v>2005</v>
          </cell>
          <cell r="P2844">
            <v>14.753392236999742</v>
          </cell>
        </row>
        <row r="2845">
          <cell r="C2845">
            <v>2005</v>
          </cell>
          <cell r="P2845">
            <v>14.175876920277217</v>
          </cell>
        </row>
        <row r="2846">
          <cell r="C2846">
            <v>2005</v>
          </cell>
          <cell r="P2846">
            <v>14.175876920277217</v>
          </cell>
        </row>
        <row r="2847">
          <cell r="C2847">
            <v>2005</v>
          </cell>
          <cell r="P2847">
            <v>14.175876920277217</v>
          </cell>
        </row>
        <row r="2848">
          <cell r="C2848">
            <v>2005</v>
          </cell>
          <cell r="P2848">
            <v>15.209277990931287</v>
          </cell>
        </row>
        <row r="2849">
          <cell r="C2849">
            <v>2005</v>
          </cell>
          <cell r="P2849">
            <v>14.758192930043524</v>
          </cell>
        </row>
        <row r="2850">
          <cell r="C2850">
            <v>2005</v>
          </cell>
          <cell r="P2850">
            <v>14.840464866319891</v>
          </cell>
        </row>
        <row r="2851">
          <cell r="C2851">
            <v>2005</v>
          </cell>
          <cell r="P2851">
            <v>14.443086433326762</v>
          </cell>
        </row>
        <row r="2852">
          <cell r="C2852">
            <v>2005</v>
          </cell>
          <cell r="P2852">
            <v>13.985455274411974</v>
          </cell>
        </row>
        <row r="2853">
          <cell r="C2853">
            <v>2005</v>
          </cell>
          <cell r="P2853">
            <v>13.985455274411974</v>
          </cell>
        </row>
        <row r="2854">
          <cell r="C2854">
            <v>2005</v>
          </cell>
          <cell r="P2854">
            <v>13.985455274411974</v>
          </cell>
        </row>
        <row r="2855">
          <cell r="C2855">
            <v>2005</v>
          </cell>
          <cell r="P2855">
            <v>14.258009527456363</v>
          </cell>
        </row>
        <row r="2856">
          <cell r="C2856">
            <v>2005</v>
          </cell>
          <cell r="P2856">
            <v>14.893000940234453</v>
          </cell>
        </row>
        <row r="2857">
          <cell r="C2857">
            <v>2005</v>
          </cell>
          <cell r="P2857">
            <v>15.47376158232359</v>
          </cell>
        </row>
        <row r="2858">
          <cell r="C2858">
            <v>2005</v>
          </cell>
          <cell r="P2858">
            <v>14.717481820870171</v>
          </cell>
        </row>
        <row r="2859">
          <cell r="C2859">
            <v>2005</v>
          </cell>
          <cell r="P2859">
            <v>13.957098959676074</v>
          </cell>
        </row>
        <row r="2860">
          <cell r="C2860">
            <v>2005</v>
          </cell>
          <cell r="P2860">
            <v>13.957098959676074</v>
          </cell>
        </row>
        <row r="2861">
          <cell r="C2861">
            <v>2005</v>
          </cell>
          <cell r="P2861">
            <v>13.957098959676074</v>
          </cell>
        </row>
        <row r="2862">
          <cell r="C2862">
            <v>2005</v>
          </cell>
          <cell r="P2862">
            <v>11.817151411868183</v>
          </cell>
        </row>
        <row r="2863">
          <cell r="C2863">
            <v>2005</v>
          </cell>
          <cell r="P2863">
            <v>10.545126040703053</v>
          </cell>
        </row>
        <row r="2864">
          <cell r="C2864">
            <v>2005</v>
          </cell>
          <cell r="P2864">
            <v>11.297997452267936</v>
          </cell>
        </row>
        <row r="2865">
          <cell r="C2865">
            <v>2005</v>
          </cell>
          <cell r="P2865">
            <v>11.122892055018879</v>
          </cell>
        </row>
        <row r="2866">
          <cell r="C2866">
            <v>2005</v>
          </cell>
          <cell r="P2866">
            <v>9.6162184756069831</v>
          </cell>
        </row>
        <row r="2867">
          <cell r="C2867">
            <v>2005</v>
          </cell>
          <cell r="P2867">
            <v>9.6162184756069831</v>
          </cell>
        </row>
        <row r="2868">
          <cell r="C2868">
            <v>2005</v>
          </cell>
          <cell r="P2868">
            <v>9.6162184756069831</v>
          </cell>
        </row>
        <row r="2869">
          <cell r="C2869">
            <v>2005</v>
          </cell>
          <cell r="P2869">
            <v>9.0916557983652062</v>
          </cell>
        </row>
        <row r="2870">
          <cell r="C2870">
            <v>2005</v>
          </cell>
          <cell r="P2870">
            <v>9.4012706434539997</v>
          </cell>
        </row>
        <row r="2871">
          <cell r="C2871">
            <v>2005</v>
          </cell>
          <cell r="P2871">
            <v>9.9371407773615807</v>
          </cell>
        </row>
        <row r="2872">
          <cell r="C2872">
            <v>2005</v>
          </cell>
          <cell r="P2872">
            <v>10.328501520298449</v>
          </cell>
        </row>
        <row r="2873">
          <cell r="C2873">
            <v>2005</v>
          </cell>
          <cell r="P2873">
            <v>8.910091502252012</v>
          </cell>
        </row>
        <row r="2874">
          <cell r="C2874">
            <v>2005</v>
          </cell>
          <cell r="P2874">
            <v>8.910091502252012</v>
          </cell>
        </row>
        <row r="2875">
          <cell r="C2875">
            <v>2005</v>
          </cell>
          <cell r="P2875">
            <v>8.910091502252012</v>
          </cell>
        </row>
        <row r="2876">
          <cell r="C2876">
            <v>2005</v>
          </cell>
          <cell r="P2876">
            <v>9.1034817109234005</v>
          </cell>
        </row>
        <row r="2877">
          <cell r="C2877">
            <v>2005</v>
          </cell>
          <cell r="P2877">
            <v>9.5854438058264204</v>
          </cell>
        </row>
        <row r="2878">
          <cell r="C2878">
            <v>2005</v>
          </cell>
          <cell r="P2878">
            <v>12.177177325184633</v>
          </cell>
        </row>
        <row r="2879">
          <cell r="C2879">
            <v>2005</v>
          </cell>
          <cell r="P2879">
            <v>12.801240408092081</v>
          </cell>
        </row>
        <row r="2880">
          <cell r="C2880">
            <v>2005</v>
          </cell>
          <cell r="P2880">
            <v>10.857883373015271</v>
          </cell>
        </row>
        <row r="2881">
          <cell r="C2881">
            <v>2005</v>
          </cell>
          <cell r="P2881">
            <v>10.857883373015271</v>
          </cell>
        </row>
        <row r="2882">
          <cell r="C2882">
            <v>2005</v>
          </cell>
          <cell r="P2882">
            <v>10.857883373015271</v>
          </cell>
        </row>
        <row r="2883">
          <cell r="C2883">
            <v>2005</v>
          </cell>
          <cell r="P2883">
            <v>11.135977616354014</v>
          </cell>
        </row>
        <row r="2884">
          <cell r="C2884">
            <v>2005</v>
          </cell>
          <cell r="P2884">
            <v>11.792688729318634</v>
          </cell>
        </row>
        <row r="2885">
          <cell r="C2885">
            <v>2005</v>
          </cell>
          <cell r="P2885">
            <v>11.063037412232147</v>
          </cell>
        </row>
        <row r="2886">
          <cell r="C2886">
            <v>2005</v>
          </cell>
          <cell r="P2886">
            <v>11.063037412232147</v>
          </cell>
        </row>
        <row r="2887">
          <cell r="C2887">
            <v>2005</v>
          </cell>
          <cell r="P2887">
            <v>11.063037412232147</v>
          </cell>
        </row>
        <row r="2888">
          <cell r="C2888">
            <v>2005</v>
          </cell>
          <cell r="P2888">
            <v>11.063037412232147</v>
          </cell>
        </row>
        <row r="2889">
          <cell r="C2889">
            <v>2005</v>
          </cell>
          <cell r="P2889">
            <v>11.063037412232147</v>
          </cell>
        </row>
        <row r="2890">
          <cell r="C2890">
            <v>2005</v>
          </cell>
          <cell r="P2890">
            <v>11.733722191049575</v>
          </cell>
        </row>
        <row r="2891">
          <cell r="C2891">
            <v>2005</v>
          </cell>
          <cell r="P2891">
            <v>12.054083859055822</v>
          </cell>
        </row>
        <row r="2892">
          <cell r="C2892">
            <v>2005</v>
          </cell>
          <cell r="P2892">
            <v>12.508773941857115</v>
          </cell>
        </row>
        <row r="2893">
          <cell r="C2893">
            <v>2005</v>
          </cell>
          <cell r="P2893">
            <v>13.342411682413067</v>
          </cell>
        </row>
        <row r="2894">
          <cell r="C2894">
            <v>2005</v>
          </cell>
          <cell r="P2894">
            <v>13.736764209672284</v>
          </cell>
        </row>
        <row r="2895">
          <cell r="C2895">
            <v>2005</v>
          </cell>
          <cell r="P2895">
            <v>13.736764209672284</v>
          </cell>
        </row>
        <row r="2896">
          <cell r="C2896">
            <v>2005</v>
          </cell>
          <cell r="P2896">
            <v>13.736764209672284</v>
          </cell>
        </row>
        <row r="2897">
          <cell r="C2897">
            <v>2005</v>
          </cell>
          <cell r="P2897">
            <v>14.948594671752021</v>
          </cell>
        </row>
        <row r="2898">
          <cell r="C2898">
            <v>2005</v>
          </cell>
          <cell r="P2898">
            <v>14.35036528866714</v>
          </cell>
        </row>
        <row r="2899">
          <cell r="C2899">
            <v>2005</v>
          </cell>
          <cell r="P2899">
            <v>14.836248502449159</v>
          </cell>
        </row>
        <row r="2900">
          <cell r="C2900">
            <v>2005</v>
          </cell>
          <cell r="P2900">
            <v>15.039916364628988</v>
          </cell>
        </row>
        <row r="2901">
          <cell r="C2901">
            <v>2005</v>
          </cell>
          <cell r="P2901">
            <v>15.750284345096375</v>
          </cell>
        </row>
        <row r="2902">
          <cell r="C2902">
            <v>2005</v>
          </cell>
          <cell r="P2902">
            <v>15.750284345096375</v>
          </cell>
        </row>
        <row r="2903">
          <cell r="C2903">
            <v>2005</v>
          </cell>
          <cell r="P2903">
            <v>15.750284345096375</v>
          </cell>
        </row>
        <row r="2904">
          <cell r="C2904">
            <v>2005</v>
          </cell>
          <cell r="P2904">
            <v>15.530898833805979</v>
          </cell>
        </row>
        <row r="2905">
          <cell r="C2905">
            <v>2005</v>
          </cell>
          <cell r="P2905">
            <v>16.13260338787704</v>
          </cell>
        </row>
        <row r="2906">
          <cell r="C2906">
            <v>2005</v>
          </cell>
          <cell r="P2906">
            <v>15.552362149497277</v>
          </cell>
        </row>
        <row r="2907">
          <cell r="C2907">
            <v>2005</v>
          </cell>
          <cell r="P2907">
            <v>15.098679122245642</v>
          </cell>
        </row>
        <row r="2908">
          <cell r="C2908">
            <v>2005</v>
          </cell>
          <cell r="P2908">
            <v>14.199399842283254</v>
          </cell>
        </row>
        <row r="2909">
          <cell r="C2909">
            <v>2005</v>
          </cell>
          <cell r="P2909">
            <v>14.199399842283254</v>
          </cell>
        </row>
        <row r="2910">
          <cell r="C2910">
            <v>2005</v>
          </cell>
          <cell r="P2910">
            <v>14.199399842283254</v>
          </cell>
        </row>
        <row r="2911">
          <cell r="C2911">
            <v>2005</v>
          </cell>
          <cell r="P2911">
            <v>14.627186613791116</v>
          </cell>
        </row>
        <row r="2912">
          <cell r="C2912">
            <v>2005</v>
          </cell>
          <cell r="P2912">
            <v>14.88637475167195</v>
          </cell>
        </row>
        <row r="2913">
          <cell r="C2913">
            <v>2005</v>
          </cell>
          <cell r="P2913">
            <v>14.338084897863242</v>
          </cell>
        </row>
        <row r="2914">
          <cell r="C2914">
            <v>2005</v>
          </cell>
          <cell r="P2914">
            <v>13.624742193779289</v>
          </cell>
        </row>
        <row r="2915">
          <cell r="C2915">
            <v>2005</v>
          </cell>
          <cell r="P2915">
            <v>12.38261618340638</v>
          </cell>
        </row>
        <row r="2916">
          <cell r="C2916">
            <v>2005</v>
          </cell>
          <cell r="P2916">
            <v>12.38261618340638</v>
          </cell>
        </row>
        <row r="2917">
          <cell r="C2917">
            <v>2005</v>
          </cell>
          <cell r="P2917">
            <v>12.38261618340638</v>
          </cell>
        </row>
        <row r="2918">
          <cell r="C2918">
            <v>2005</v>
          </cell>
          <cell r="P2918">
            <v>12.38261618340638</v>
          </cell>
        </row>
        <row r="2919">
          <cell r="C2919">
            <v>2005</v>
          </cell>
          <cell r="P2919">
            <v>11.064736848091476</v>
          </cell>
        </row>
        <row r="2920">
          <cell r="C2920">
            <v>2005</v>
          </cell>
          <cell r="P2920">
            <v>11.070440810724739</v>
          </cell>
        </row>
        <row r="2921">
          <cell r="C2921">
            <v>2005</v>
          </cell>
          <cell r="P2921">
            <v>10.978769373379233</v>
          </cell>
        </row>
        <row r="2922">
          <cell r="C2922">
            <v>2005</v>
          </cell>
          <cell r="P2922">
            <v>10.614099630730502</v>
          </cell>
        </row>
        <row r="2923">
          <cell r="C2923">
            <v>2006</v>
          </cell>
          <cell r="P2923">
            <v>10.614099630730502</v>
          </cell>
        </row>
        <row r="2924">
          <cell r="C2924">
            <v>2006</v>
          </cell>
          <cell r="P2924">
            <v>10.614099630730502</v>
          </cell>
        </row>
        <row r="2925">
          <cell r="C2925">
            <v>2006</v>
          </cell>
          <cell r="P2925">
            <v>10.614099630730502</v>
          </cell>
        </row>
        <row r="2926">
          <cell r="C2926">
            <v>2006</v>
          </cell>
          <cell r="P2926">
            <v>10.501084776542667</v>
          </cell>
        </row>
        <row r="2927">
          <cell r="C2927">
            <v>2006</v>
          </cell>
          <cell r="P2927">
            <v>10.237437633642196</v>
          </cell>
        </row>
        <row r="2928">
          <cell r="C2928">
            <v>2006</v>
          </cell>
          <cell r="P2928">
            <v>10.207002282343305</v>
          </cell>
        </row>
        <row r="2929">
          <cell r="C2929">
            <v>2006</v>
          </cell>
          <cell r="P2929">
            <v>10.079677287271958</v>
          </cell>
        </row>
        <row r="2930">
          <cell r="C2930">
            <v>2006</v>
          </cell>
          <cell r="P2930">
            <v>10.079677287271958</v>
          </cell>
        </row>
        <row r="2931">
          <cell r="C2931">
            <v>2006</v>
          </cell>
          <cell r="P2931">
            <v>10.079677287271958</v>
          </cell>
        </row>
        <row r="2932">
          <cell r="C2932">
            <v>2006</v>
          </cell>
          <cell r="P2932">
            <v>9.7742148284072137</v>
          </cell>
        </row>
        <row r="2933">
          <cell r="C2933">
            <v>2006</v>
          </cell>
          <cell r="P2933">
            <v>9.8860306941053384</v>
          </cell>
        </row>
        <row r="2934">
          <cell r="C2934">
            <v>2006</v>
          </cell>
          <cell r="P2934">
            <v>9.817782184073641</v>
          </cell>
        </row>
        <row r="2935">
          <cell r="C2935">
            <v>2006</v>
          </cell>
          <cell r="P2935">
            <v>9.8944984910753568</v>
          </cell>
        </row>
        <row r="2936">
          <cell r="C2936">
            <v>2006</v>
          </cell>
          <cell r="P2936">
            <v>9.5705853528153959</v>
          </cell>
        </row>
        <row r="2937">
          <cell r="C2937">
            <v>2006</v>
          </cell>
          <cell r="P2937">
            <v>9.5705853528153959</v>
          </cell>
        </row>
        <row r="2938">
          <cell r="C2938">
            <v>2006</v>
          </cell>
          <cell r="P2938">
            <v>9.5705853528153959</v>
          </cell>
        </row>
        <row r="2939">
          <cell r="C2939">
            <v>2006</v>
          </cell>
          <cell r="P2939">
            <v>9.5705853528153959</v>
          </cell>
        </row>
        <row r="2940">
          <cell r="C2940">
            <v>2006</v>
          </cell>
          <cell r="P2940">
            <v>9.7829115231798109</v>
          </cell>
        </row>
        <row r="2941">
          <cell r="C2941">
            <v>2006</v>
          </cell>
          <cell r="P2941">
            <v>9.9360071882440355</v>
          </cell>
        </row>
        <row r="2942">
          <cell r="C2942">
            <v>2006</v>
          </cell>
          <cell r="P2942">
            <v>9.2588128023536189</v>
          </cell>
        </row>
        <row r="2943">
          <cell r="C2943">
            <v>2006</v>
          </cell>
          <cell r="P2943">
            <v>9.7350538739175914</v>
          </cell>
        </row>
        <row r="2944">
          <cell r="C2944">
            <v>2006</v>
          </cell>
          <cell r="P2944">
            <v>9.7350538739175914</v>
          </cell>
        </row>
        <row r="2945">
          <cell r="C2945">
            <v>2006</v>
          </cell>
          <cell r="P2945">
            <v>9.7350538739175914</v>
          </cell>
        </row>
        <row r="2946">
          <cell r="C2946">
            <v>2006</v>
          </cell>
          <cell r="P2946">
            <v>9.0836315797455285</v>
          </cell>
        </row>
        <row r="2947">
          <cell r="C2947">
            <v>2006</v>
          </cell>
          <cell r="P2947">
            <v>9.1620852352860886</v>
          </cell>
        </row>
        <row r="2948">
          <cell r="C2948">
            <v>2006</v>
          </cell>
          <cell r="P2948">
            <v>9.0825164730592505</v>
          </cell>
        </row>
        <row r="2949">
          <cell r="C2949">
            <v>2006</v>
          </cell>
          <cell r="P2949">
            <v>8.5531985979891125</v>
          </cell>
        </row>
        <row r="2950">
          <cell r="C2950">
            <v>2006</v>
          </cell>
          <cell r="P2950">
            <v>8.9938335026766332</v>
          </cell>
        </row>
        <row r="2951">
          <cell r="C2951">
            <v>2006</v>
          </cell>
          <cell r="P2951">
            <v>8.9938335026766332</v>
          </cell>
        </row>
        <row r="2952">
          <cell r="C2952">
            <v>2006</v>
          </cell>
          <cell r="P2952">
            <v>8.9938335026766332</v>
          </cell>
        </row>
        <row r="2953">
          <cell r="C2953">
            <v>2006</v>
          </cell>
          <cell r="P2953">
            <v>9.0291866024173117</v>
          </cell>
        </row>
        <row r="2954">
          <cell r="C2954">
            <v>2006</v>
          </cell>
          <cell r="P2954">
            <v>9.4597135128372329</v>
          </cell>
        </row>
        <row r="2955">
          <cell r="C2955">
            <v>2006</v>
          </cell>
          <cell r="P2955">
            <v>9.6182382736082257</v>
          </cell>
        </row>
        <row r="2956">
          <cell r="C2956">
            <v>2006</v>
          </cell>
          <cell r="P2956">
            <v>8.7116968198844411</v>
          </cell>
        </row>
        <row r="2957">
          <cell r="C2957">
            <v>2006</v>
          </cell>
          <cell r="P2957">
            <v>8.7414165693574546</v>
          </cell>
        </row>
        <row r="2958">
          <cell r="C2958">
            <v>2006</v>
          </cell>
          <cell r="P2958">
            <v>8.7414165693574546</v>
          </cell>
        </row>
        <row r="2959">
          <cell r="C2959">
            <v>2006</v>
          </cell>
          <cell r="P2959">
            <v>8.7414165693574546</v>
          </cell>
        </row>
        <row r="2960">
          <cell r="C2960">
            <v>2006</v>
          </cell>
          <cell r="P2960">
            <v>8.9099237386451513</v>
          </cell>
        </row>
        <row r="2961">
          <cell r="C2961">
            <v>2006</v>
          </cell>
          <cell r="P2961">
            <v>8.555167213873009</v>
          </cell>
        </row>
        <row r="2962">
          <cell r="C2962">
            <v>2006</v>
          </cell>
          <cell r="P2962">
            <v>8.5832031664669923</v>
          </cell>
        </row>
        <row r="2963">
          <cell r="C2963">
            <v>2006</v>
          </cell>
          <cell r="P2963">
            <v>8.3097688653493265</v>
          </cell>
        </row>
        <row r="2964">
          <cell r="C2964">
            <v>2006</v>
          </cell>
          <cell r="P2964">
            <v>8.3141747926176404</v>
          </cell>
        </row>
        <row r="2965">
          <cell r="C2965">
            <v>2006</v>
          </cell>
          <cell r="P2965">
            <v>8.3141747926176404</v>
          </cell>
        </row>
        <row r="2966">
          <cell r="C2966">
            <v>2006</v>
          </cell>
          <cell r="P2966">
            <v>8.3141747926176404</v>
          </cell>
        </row>
        <row r="2967">
          <cell r="C2967">
            <v>2006</v>
          </cell>
          <cell r="P2967">
            <v>8.219988322894709</v>
          </cell>
        </row>
        <row r="2968">
          <cell r="C2968">
            <v>2006</v>
          </cell>
          <cell r="P2968">
            <v>7.9518262537723112</v>
          </cell>
        </row>
        <row r="2969">
          <cell r="C2969">
            <v>2006</v>
          </cell>
          <cell r="P2969">
            <v>8.2040668931317384</v>
          </cell>
        </row>
        <row r="2970">
          <cell r="C2970">
            <v>2006</v>
          </cell>
          <cell r="P2970">
            <v>8.1041698260566264</v>
          </cell>
        </row>
        <row r="2971">
          <cell r="C2971">
            <v>2006</v>
          </cell>
          <cell r="P2971">
            <v>8.1687190063844959</v>
          </cell>
        </row>
        <row r="2972">
          <cell r="C2972">
            <v>2006</v>
          </cell>
          <cell r="P2972">
            <v>8.1687190063844959</v>
          </cell>
        </row>
        <row r="2973">
          <cell r="C2973">
            <v>2006</v>
          </cell>
          <cell r="P2973">
            <v>8.1687190063844959</v>
          </cell>
        </row>
        <row r="2974">
          <cell r="C2974">
            <v>2006</v>
          </cell>
          <cell r="P2974">
            <v>8.1687190063844959</v>
          </cell>
        </row>
        <row r="2975">
          <cell r="C2975">
            <v>2006</v>
          </cell>
          <cell r="P2975">
            <v>8.1058673662819789</v>
          </cell>
        </row>
        <row r="2976">
          <cell r="C2976">
            <v>2006</v>
          </cell>
          <cell r="P2976">
            <v>8.2491886686583467</v>
          </cell>
        </row>
        <row r="2977">
          <cell r="C2977">
            <v>2006</v>
          </cell>
          <cell r="P2977">
            <v>8.0368478071306182</v>
          </cell>
        </row>
        <row r="2978">
          <cell r="C2978">
            <v>2006</v>
          </cell>
          <cell r="P2978">
            <v>8.0785474894223626</v>
          </cell>
        </row>
        <row r="2979">
          <cell r="C2979">
            <v>2006</v>
          </cell>
          <cell r="P2979">
            <v>8.0785474894223626</v>
          </cell>
        </row>
        <row r="2980">
          <cell r="C2980">
            <v>2006</v>
          </cell>
          <cell r="P2980">
            <v>8.0785474894223626</v>
          </cell>
        </row>
        <row r="2981">
          <cell r="C2981">
            <v>2006</v>
          </cell>
          <cell r="P2981">
            <v>7.4469601613563627</v>
          </cell>
        </row>
        <row r="2982">
          <cell r="C2982">
            <v>2006</v>
          </cell>
          <cell r="P2982">
            <v>7.1512223047876127</v>
          </cell>
        </row>
        <row r="2983">
          <cell r="C2983">
            <v>2006</v>
          </cell>
          <cell r="P2983">
            <v>7.1119826814879969</v>
          </cell>
        </row>
        <row r="2984">
          <cell r="C2984">
            <v>2006</v>
          </cell>
          <cell r="P2984">
            <v>7.1523340941144369</v>
          </cell>
        </row>
        <row r="2985">
          <cell r="C2985">
            <v>2006</v>
          </cell>
          <cell r="P2985">
            <v>7.1336270302239884</v>
          </cell>
        </row>
        <row r="2986">
          <cell r="C2986">
            <v>2006</v>
          </cell>
          <cell r="P2986">
            <v>7.1336270302239884</v>
          </cell>
        </row>
        <row r="2987">
          <cell r="C2987">
            <v>2006</v>
          </cell>
          <cell r="P2987">
            <v>7.1336270302239884</v>
          </cell>
        </row>
        <row r="2988">
          <cell r="C2988">
            <v>2006</v>
          </cell>
          <cell r="P2988">
            <v>7.0731875843557122</v>
          </cell>
        </row>
        <row r="2989">
          <cell r="C2989">
            <v>2006</v>
          </cell>
          <cell r="P2989">
            <v>7.1697284314766234</v>
          </cell>
        </row>
        <row r="2990">
          <cell r="C2990">
            <v>2006</v>
          </cell>
          <cell r="P2990">
            <v>7.1414920155896935</v>
          </cell>
        </row>
        <row r="2991">
          <cell r="C2991">
            <v>2006</v>
          </cell>
          <cell r="P2991">
            <v>7.0885099937823206</v>
          </cell>
        </row>
        <row r="2992">
          <cell r="C2992">
            <v>2006</v>
          </cell>
          <cell r="P2992">
            <v>7.1496204940780403</v>
          </cell>
        </row>
        <row r="2993">
          <cell r="C2993">
            <v>2006</v>
          </cell>
          <cell r="P2993">
            <v>7.1496204940780403</v>
          </cell>
        </row>
        <row r="2994">
          <cell r="C2994">
            <v>2006</v>
          </cell>
          <cell r="P2994">
            <v>7.1496204940780403</v>
          </cell>
        </row>
        <row r="2995">
          <cell r="C2995">
            <v>2006</v>
          </cell>
          <cell r="P2995">
            <v>7.416405385116998</v>
          </cell>
        </row>
        <row r="2996">
          <cell r="C2996">
            <v>2006</v>
          </cell>
          <cell r="P2996">
            <v>7.5919429869125423</v>
          </cell>
        </row>
        <row r="2997">
          <cell r="C2997">
            <v>2006</v>
          </cell>
          <cell r="P2997">
            <v>7.6322403739706708</v>
          </cell>
        </row>
        <row r="2998">
          <cell r="C2998">
            <v>2006</v>
          </cell>
          <cell r="P2998">
            <v>7.7146175179326963</v>
          </cell>
        </row>
        <row r="2999">
          <cell r="C2999">
            <v>2006</v>
          </cell>
          <cell r="P2999">
            <v>7.7871620084621105</v>
          </cell>
        </row>
        <row r="3000">
          <cell r="C3000">
            <v>2006</v>
          </cell>
          <cell r="P3000">
            <v>7.7871620084621105</v>
          </cell>
        </row>
        <row r="3001">
          <cell r="C3001">
            <v>2006</v>
          </cell>
          <cell r="P3001">
            <v>7.7871620084621105</v>
          </cell>
        </row>
        <row r="3002">
          <cell r="C3002">
            <v>2006</v>
          </cell>
          <cell r="P3002">
            <v>7.6652556831106606</v>
          </cell>
        </row>
        <row r="3003">
          <cell r="C3003">
            <v>2006</v>
          </cell>
          <cell r="P3003">
            <v>7.4901137949075691</v>
          </cell>
        </row>
        <row r="3004">
          <cell r="C3004">
            <v>2006</v>
          </cell>
          <cell r="P3004">
            <v>7.6541235725876158</v>
          </cell>
        </row>
        <row r="3005">
          <cell r="C3005">
            <v>2006</v>
          </cell>
          <cell r="P3005">
            <v>7.6746404930164847</v>
          </cell>
        </row>
        <row r="3006">
          <cell r="C3006">
            <v>2006</v>
          </cell>
          <cell r="P3006">
            <v>7.9998616187197653</v>
          </cell>
        </row>
        <row r="3007">
          <cell r="C3007">
            <v>2006</v>
          </cell>
          <cell r="P3007">
            <v>7.9998616187197653</v>
          </cell>
        </row>
        <row r="3008">
          <cell r="C3008">
            <v>2006</v>
          </cell>
          <cell r="P3008">
            <v>7.9998616187197653</v>
          </cell>
        </row>
        <row r="3009">
          <cell r="C3009">
            <v>2006</v>
          </cell>
          <cell r="P3009">
            <v>7.5823003707860064</v>
          </cell>
        </row>
        <row r="3010">
          <cell r="C3010">
            <v>2006</v>
          </cell>
          <cell r="P3010">
            <v>7.6116120850457234</v>
          </cell>
        </row>
        <row r="3011">
          <cell r="C3011">
            <v>2006</v>
          </cell>
          <cell r="P3011">
            <v>7.7229834245765172</v>
          </cell>
        </row>
        <row r="3012">
          <cell r="C3012">
            <v>2006</v>
          </cell>
          <cell r="P3012">
            <v>7.7362282191656169</v>
          </cell>
        </row>
        <row r="3013">
          <cell r="C3013">
            <v>2006</v>
          </cell>
          <cell r="P3013">
            <v>7.6438226975629737</v>
          </cell>
        </row>
        <row r="3014">
          <cell r="C3014">
            <v>2006</v>
          </cell>
          <cell r="P3014">
            <v>7.6438226975629737</v>
          </cell>
        </row>
        <row r="3015">
          <cell r="C3015">
            <v>2006</v>
          </cell>
          <cell r="P3015">
            <v>7.6438226975629737</v>
          </cell>
        </row>
        <row r="3016">
          <cell r="C3016">
            <v>2006</v>
          </cell>
          <cell r="P3016">
            <v>8.1028973817503527</v>
          </cell>
        </row>
        <row r="3017">
          <cell r="C3017">
            <v>2006</v>
          </cell>
          <cell r="P3017">
            <v>8.0082185211021972</v>
          </cell>
        </row>
        <row r="3018">
          <cell r="C3018">
            <v>2006</v>
          </cell>
          <cell r="P3018">
            <v>7.7529306501266291</v>
          </cell>
        </row>
        <row r="3019">
          <cell r="C3019">
            <v>2006</v>
          </cell>
          <cell r="P3019">
            <v>7.9148557043417602</v>
          </cell>
        </row>
        <row r="3020">
          <cell r="C3020">
            <v>2006</v>
          </cell>
          <cell r="P3020">
            <v>7.5645577106807602</v>
          </cell>
        </row>
        <row r="3021">
          <cell r="C3021">
            <v>2006</v>
          </cell>
          <cell r="P3021">
            <v>7.5645577106807602</v>
          </cell>
        </row>
        <row r="3022">
          <cell r="C3022">
            <v>2006</v>
          </cell>
          <cell r="P3022">
            <v>7.5645577106807602</v>
          </cell>
        </row>
        <row r="3023">
          <cell r="C3023">
            <v>2006</v>
          </cell>
          <cell r="P3023">
            <v>7.406316821097648</v>
          </cell>
        </row>
        <row r="3024">
          <cell r="C3024">
            <v>2006</v>
          </cell>
          <cell r="P3024">
            <v>7.5640506285922262</v>
          </cell>
        </row>
        <row r="3025">
          <cell r="C3025">
            <v>2006</v>
          </cell>
          <cell r="P3025">
            <v>7.3814309382629926</v>
          </cell>
        </row>
        <row r="3026">
          <cell r="C3026">
            <v>2006</v>
          </cell>
          <cell r="P3026">
            <v>7.2446581034561186</v>
          </cell>
        </row>
        <row r="3027">
          <cell r="C3027">
            <v>2006</v>
          </cell>
          <cell r="P3027">
            <v>7.2446581034561186</v>
          </cell>
        </row>
        <row r="3028">
          <cell r="C3028">
            <v>2006</v>
          </cell>
          <cell r="P3028">
            <v>7.2446581034561186</v>
          </cell>
        </row>
        <row r="3029">
          <cell r="C3029">
            <v>2006</v>
          </cell>
          <cell r="P3029">
            <v>7.2446581034561186</v>
          </cell>
        </row>
        <row r="3030">
          <cell r="C3030">
            <v>2006</v>
          </cell>
          <cell r="P3030">
            <v>7.7778568151832701</v>
          </cell>
        </row>
        <row r="3031">
          <cell r="C3031">
            <v>2006</v>
          </cell>
          <cell r="P3031">
            <v>8.2526306660499529</v>
          </cell>
        </row>
        <row r="3032">
          <cell r="C3032">
            <v>2006</v>
          </cell>
          <cell r="P3032">
            <v>8.5306258625134603</v>
          </cell>
        </row>
        <row r="3033">
          <cell r="C3033">
            <v>2006</v>
          </cell>
          <cell r="P3033">
            <v>8.7267386754826308</v>
          </cell>
        </row>
        <row r="3034">
          <cell r="C3034">
            <v>2006</v>
          </cell>
          <cell r="P3034">
            <v>8.4349764372696807</v>
          </cell>
        </row>
        <row r="3035">
          <cell r="C3035">
            <v>2006</v>
          </cell>
          <cell r="P3035">
            <v>8.4349764372696807</v>
          </cell>
        </row>
        <row r="3036">
          <cell r="C3036">
            <v>2006</v>
          </cell>
          <cell r="P3036">
            <v>8.4349764372696807</v>
          </cell>
        </row>
        <row r="3037">
          <cell r="C3037">
            <v>2006</v>
          </cell>
          <cell r="P3037">
            <v>8.5050433341926865</v>
          </cell>
        </row>
        <row r="3038">
          <cell r="C3038">
            <v>2006</v>
          </cell>
          <cell r="P3038">
            <v>8.0494855249389587</v>
          </cell>
        </row>
        <row r="3039">
          <cell r="C3039">
            <v>2006</v>
          </cell>
          <cell r="P3039">
            <v>7.7977851412626444</v>
          </cell>
        </row>
        <row r="3040">
          <cell r="C3040">
            <v>2006</v>
          </cell>
          <cell r="P3040">
            <v>7.5020259588116645</v>
          </cell>
        </row>
        <row r="3041">
          <cell r="C3041">
            <v>2006</v>
          </cell>
          <cell r="P3041">
            <v>7.1780341517417092</v>
          </cell>
        </row>
        <row r="3042">
          <cell r="C3042">
            <v>2006</v>
          </cell>
          <cell r="P3042">
            <v>7.1780341517417092</v>
          </cell>
        </row>
        <row r="3043">
          <cell r="C3043">
            <v>2006</v>
          </cell>
          <cell r="P3043">
            <v>7.1780341517417092</v>
          </cell>
        </row>
        <row r="3044">
          <cell r="C3044">
            <v>2006</v>
          </cell>
          <cell r="P3044">
            <v>7.0012828702931396</v>
          </cell>
        </row>
        <row r="3045">
          <cell r="C3045">
            <v>2006</v>
          </cell>
          <cell r="P3045">
            <v>7.1446340289046262</v>
          </cell>
        </row>
        <row r="3046">
          <cell r="C3046">
            <v>2006</v>
          </cell>
          <cell r="P3046">
            <v>7.0731108111796912</v>
          </cell>
        </row>
        <row r="3047">
          <cell r="C3047">
            <v>2006</v>
          </cell>
          <cell r="P3047">
            <v>6.9971224276246948</v>
          </cell>
        </row>
        <row r="3048">
          <cell r="C3048">
            <v>2006</v>
          </cell>
          <cell r="P3048">
            <v>7.3249723237439532</v>
          </cell>
        </row>
        <row r="3049">
          <cell r="C3049">
            <v>2006</v>
          </cell>
          <cell r="P3049">
            <v>7.3249723237439532</v>
          </cell>
        </row>
        <row r="3050">
          <cell r="C3050">
            <v>2006</v>
          </cell>
          <cell r="P3050">
            <v>7.3249723237439532</v>
          </cell>
        </row>
        <row r="3051">
          <cell r="C3051">
            <v>2006</v>
          </cell>
          <cell r="P3051">
            <v>6.9648786415128674</v>
          </cell>
        </row>
        <row r="3052">
          <cell r="C3052">
            <v>2006</v>
          </cell>
          <cell r="P3052">
            <v>6.9360716397992146</v>
          </cell>
        </row>
        <row r="3053">
          <cell r="C3053">
            <v>2006</v>
          </cell>
          <cell r="P3053">
            <v>6.9011791791146635</v>
          </cell>
        </row>
        <row r="3054">
          <cell r="C3054">
            <v>2006</v>
          </cell>
          <cell r="P3054">
            <v>7.2030157640921431</v>
          </cell>
        </row>
        <row r="3055">
          <cell r="C3055">
            <v>2006</v>
          </cell>
          <cell r="P3055">
            <v>6.7924854225747264</v>
          </cell>
        </row>
        <row r="3056">
          <cell r="C3056">
            <v>2006</v>
          </cell>
          <cell r="P3056">
            <v>6.7924854225747264</v>
          </cell>
        </row>
        <row r="3057">
          <cell r="C3057">
            <v>2006</v>
          </cell>
          <cell r="P3057">
            <v>6.7924854225747264</v>
          </cell>
        </row>
        <row r="3058">
          <cell r="C3058">
            <v>2006</v>
          </cell>
          <cell r="P3058">
            <v>6.4566335815350095</v>
          </cell>
        </row>
        <row r="3059">
          <cell r="C3059">
            <v>2006</v>
          </cell>
          <cell r="P3059">
            <v>6.593121123428519</v>
          </cell>
        </row>
        <row r="3060">
          <cell r="C3060">
            <v>2006</v>
          </cell>
          <cell r="P3060">
            <v>6.674645706009918</v>
          </cell>
        </row>
        <row r="3061">
          <cell r="C3061">
            <v>2006</v>
          </cell>
          <cell r="P3061">
            <v>6.4776879141960233</v>
          </cell>
        </row>
        <row r="3062">
          <cell r="C3062">
            <v>2006</v>
          </cell>
          <cell r="P3062">
            <v>6.4466544903777612</v>
          </cell>
        </row>
        <row r="3063">
          <cell r="C3063">
            <v>2006</v>
          </cell>
          <cell r="P3063">
            <v>6.4466544903777612</v>
          </cell>
        </row>
        <row r="3064">
          <cell r="C3064">
            <v>2006</v>
          </cell>
          <cell r="P3064">
            <v>6.4466544903777612</v>
          </cell>
        </row>
        <row r="3065">
          <cell r="C3065">
            <v>2006</v>
          </cell>
          <cell r="P3065">
            <v>6.7021783677833211</v>
          </cell>
        </row>
        <row r="3066">
          <cell r="C3066">
            <v>2006</v>
          </cell>
          <cell r="P3066">
            <v>6.9435821416114392</v>
          </cell>
        </row>
        <row r="3067">
          <cell r="C3067">
            <v>2006</v>
          </cell>
          <cell r="P3067">
            <v>6.5720753211203959</v>
          </cell>
        </row>
        <row r="3068">
          <cell r="C3068">
            <v>2006</v>
          </cell>
          <cell r="P3068">
            <v>6.33908721432796</v>
          </cell>
        </row>
        <row r="3069">
          <cell r="C3069">
            <v>2006</v>
          </cell>
          <cell r="P3069">
            <v>6.2866113267921326</v>
          </cell>
        </row>
        <row r="3070">
          <cell r="C3070">
            <v>2006</v>
          </cell>
          <cell r="P3070">
            <v>6.2866113267921326</v>
          </cell>
        </row>
        <row r="3071">
          <cell r="C3071">
            <v>2006</v>
          </cell>
          <cell r="P3071">
            <v>6.2866113267921326</v>
          </cell>
        </row>
        <row r="3072">
          <cell r="C3072">
            <v>2006</v>
          </cell>
          <cell r="P3072">
            <v>6.2866113267921326</v>
          </cell>
        </row>
        <row r="3073">
          <cell r="C3073">
            <v>2006</v>
          </cell>
          <cell r="P3073">
            <v>6.7066828680183788</v>
          </cell>
        </row>
        <row r="3074">
          <cell r="C3074">
            <v>2006</v>
          </cell>
          <cell r="P3074">
            <v>6.491018486222532</v>
          </cell>
        </row>
        <row r="3075">
          <cell r="C3075">
            <v>2006</v>
          </cell>
          <cell r="P3075">
            <v>6.8235543895300346</v>
          </cell>
        </row>
        <row r="3076">
          <cell r="C3076">
            <v>2006</v>
          </cell>
          <cell r="P3076">
            <v>6.732421786142158</v>
          </cell>
        </row>
        <row r="3077">
          <cell r="C3077">
            <v>2006</v>
          </cell>
          <cell r="P3077">
            <v>6.732421786142158</v>
          </cell>
        </row>
        <row r="3078">
          <cell r="C3078">
            <v>2006</v>
          </cell>
          <cell r="P3078">
            <v>6.732421786142158</v>
          </cell>
        </row>
        <row r="3079">
          <cell r="C3079">
            <v>2006</v>
          </cell>
          <cell r="P3079">
            <v>6.8208151984349641</v>
          </cell>
        </row>
        <row r="3080">
          <cell r="C3080">
            <v>2006</v>
          </cell>
          <cell r="P3080">
            <v>6.6327095433796881</v>
          </cell>
        </row>
        <row r="3081">
          <cell r="C3081">
            <v>2006</v>
          </cell>
          <cell r="P3081">
            <v>6.3057562821309956</v>
          </cell>
        </row>
        <row r="3082">
          <cell r="C3082">
            <v>2006</v>
          </cell>
          <cell r="P3082">
            <v>6.2917153212720471</v>
          </cell>
        </row>
        <row r="3083">
          <cell r="C3083">
            <v>2006</v>
          </cell>
          <cell r="P3083">
            <v>6.3962329961632367</v>
          </cell>
        </row>
        <row r="3084">
          <cell r="C3084">
            <v>2006</v>
          </cell>
          <cell r="P3084">
            <v>6.3962329961632367</v>
          </cell>
        </row>
        <row r="3085">
          <cell r="C3085">
            <v>2006</v>
          </cell>
          <cell r="P3085">
            <v>6.3962329961632367</v>
          </cell>
        </row>
        <row r="3086">
          <cell r="C3086">
            <v>2006</v>
          </cell>
          <cell r="P3086">
            <v>6.2655299813469618</v>
          </cell>
        </row>
        <row r="3087">
          <cell r="C3087">
            <v>2006</v>
          </cell>
          <cell r="P3087">
            <v>6.3267708064785202</v>
          </cell>
        </row>
        <row r="3088">
          <cell r="C3088">
            <v>2006</v>
          </cell>
          <cell r="P3088">
            <v>6.5199923037260579</v>
          </cell>
        </row>
        <row r="3089">
          <cell r="C3089">
            <v>2006</v>
          </cell>
          <cell r="P3089">
            <v>6.9600940613578803</v>
          </cell>
        </row>
        <row r="3090">
          <cell r="C3090">
            <v>2006</v>
          </cell>
          <cell r="P3090">
            <v>7.442815357668219</v>
          </cell>
        </row>
        <row r="3091">
          <cell r="C3091">
            <v>2006</v>
          </cell>
          <cell r="P3091">
            <v>7.442815357668219</v>
          </cell>
        </row>
        <row r="3092">
          <cell r="C3092">
            <v>2006</v>
          </cell>
          <cell r="P3092">
            <v>7.442815357668219</v>
          </cell>
        </row>
        <row r="3093">
          <cell r="C3093">
            <v>2006</v>
          </cell>
          <cell r="P3093">
            <v>7.1255132428989549</v>
          </cell>
        </row>
        <row r="3094">
          <cell r="C3094">
            <v>2006</v>
          </cell>
          <cell r="P3094">
            <v>7.0307296484736357</v>
          </cell>
        </row>
        <row r="3095">
          <cell r="C3095">
            <v>2006</v>
          </cell>
          <cell r="P3095">
            <v>6.8184655601219273</v>
          </cell>
        </row>
        <row r="3096">
          <cell r="C3096">
            <v>2006</v>
          </cell>
          <cell r="P3096">
            <v>6.8158585894966706</v>
          </cell>
        </row>
        <row r="3097">
          <cell r="C3097">
            <v>2006</v>
          </cell>
          <cell r="P3097">
            <v>6.4352640997255124</v>
          </cell>
        </row>
        <row r="3098">
          <cell r="C3098">
            <v>2006</v>
          </cell>
          <cell r="P3098">
            <v>6.4352640997255124</v>
          </cell>
        </row>
        <row r="3099">
          <cell r="C3099">
            <v>2006</v>
          </cell>
          <cell r="P3099">
            <v>6.4352640997255124</v>
          </cell>
        </row>
        <row r="3100">
          <cell r="C3100">
            <v>2006</v>
          </cell>
          <cell r="P3100">
            <v>6.21574257669735</v>
          </cell>
        </row>
        <row r="3101">
          <cell r="C3101">
            <v>2006</v>
          </cell>
          <cell r="P3101">
            <v>6.2704444124292937</v>
          </cell>
        </row>
        <row r="3102">
          <cell r="C3102">
            <v>2006</v>
          </cell>
          <cell r="P3102">
            <v>6.3469593083210754</v>
          </cell>
        </row>
        <row r="3103">
          <cell r="C3103">
            <v>2006</v>
          </cell>
          <cell r="P3103">
            <v>6.356590550643757</v>
          </cell>
        </row>
        <row r="3104">
          <cell r="C3104">
            <v>2006</v>
          </cell>
          <cell r="P3104">
            <v>6.1031120622981154</v>
          </cell>
        </row>
        <row r="3105">
          <cell r="C3105">
            <v>2006</v>
          </cell>
          <cell r="P3105">
            <v>6.1031120622981154</v>
          </cell>
        </row>
        <row r="3106">
          <cell r="C3106">
            <v>2006</v>
          </cell>
          <cell r="P3106">
            <v>6.1031120622981154</v>
          </cell>
        </row>
        <row r="3107">
          <cell r="C3107">
            <v>2006</v>
          </cell>
          <cell r="P3107">
            <v>6.1031120622981154</v>
          </cell>
        </row>
        <row r="3108">
          <cell r="C3108">
            <v>2006</v>
          </cell>
          <cell r="P3108">
            <v>6.1031120622981154</v>
          </cell>
        </row>
        <row r="3109">
          <cell r="C3109">
            <v>2006</v>
          </cell>
          <cell r="P3109">
            <v>5.9586064625953501</v>
          </cell>
        </row>
        <row r="3110">
          <cell r="C3110">
            <v>2006</v>
          </cell>
          <cell r="P3110">
            <v>5.7426003927753593</v>
          </cell>
        </row>
        <row r="3111">
          <cell r="C3111">
            <v>2006</v>
          </cell>
          <cell r="P3111">
            <v>5.6458519737340946</v>
          </cell>
        </row>
        <row r="3112">
          <cell r="C3112">
            <v>2006</v>
          </cell>
          <cell r="P3112">
            <v>5.6458519737340946</v>
          </cell>
        </row>
        <row r="3113">
          <cell r="C3113">
            <v>2006</v>
          </cell>
          <cell r="P3113">
            <v>5.6458519737340946</v>
          </cell>
        </row>
        <row r="3114">
          <cell r="C3114">
            <v>2006</v>
          </cell>
          <cell r="P3114">
            <v>5.8145662410336518</v>
          </cell>
        </row>
        <row r="3115">
          <cell r="C3115">
            <v>2006</v>
          </cell>
          <cell r="P3115">
            <v>6.0340749685324759</v>
          </cell>
        </row>
        <row r="3116">
          <cell r="C3116">
            <v>2006</v>
          </cell>
          <cell r="P3116">
            <v>6.0861722031816319</v>
          </cell>
        </row>
        <row r="3117">
          <cell r="C3117">
            <v>2006</v>
          </cell>
          <cell r="P3117">
            <v>6.2278016522345725</v>
          </cell>
        </row>
        <row r="3118">
          <cell r="C3118">
            <v>2006</v>
          </cell>
          <cell r="P3118">
            <v>6.5770414082285678</v>
          </cell>
        </row>
        <row r="3119">
          <cell r="C3119">
            <v>2006</v>
          </cell>
          <cell r="P3119">
            <v>6.5770414082285678</v>
          </cell>
        </row>
        <row r="3120">
          <cell r="C3120">
            <v>2006</v>
          </cell>
          <cell r="P3120">
            <v>6.5770414082285678</v>
          </cell>
        </row>
        <row r="3121">
          <cell r="C3121">
            <v>2006</v>
          </cell>
          <cell r="P3121">
            <v>6.5674845695394373</v>
          </cell>
        </row>
        <row r="3122">
          <cell r="C3122">
            <v>2006</v>
          </cell>
          <cell r="P3122">
            <v>6.2586440909297698</v>
          </cell>
        </row>
        <row r="3123">
          <cell r="C3123">
            <v>2006</v>
          </cell>
          <cell r="P3123">
            <v>6.1335227703553175</v>
          </cell>
        </row>
        <row r="3124">
          <cell r="C3124">
            <v>2006</v>
          </cell>
          <cell r="P3124">
            <v>6.3850203211962215</v>
          </cell>
        </row>
        <row r="3125">
          <cell r="C3125">
            <v>2006</v>
          </cell>
          <cell r="P3125">
            <v>6.2963482507089665</v>
          </cell>
        </row>
        <row r="3126">
          <cell r="C3126">
            <v>2006</v>
          </cell>
          <cell r="P3126">
            <v>6.2963482507089665</v>
          </cell>
        </row>
        <row r="3127">
          <cell r="C3127">
            <v>2006</v>
          </cell>
          <cell r="P3127">
            <v>6.2963482507089665</v>
          </cell>
        </row>
        <row r="3128">
          <cell r="C3128">
            <v>2006</v>
          </cell>
          <cell r="P3128">
            <v>6.7951350449644377</v>
          </cell>
        </row>
        <row r="3129">
          <cell r="C3129">
            <v>2006</v>
          </cell>
          <cell r="P3129">
            <v>7.1725879953291578</v>
          </cell>
        </row>
        <row r="3130">
          <cell r="C3130">
            <v>2006</v>
          </cell>
          <cell r="P3130">
            <v>7.133789106928921</v>
          </cell>
        </row>
        <row r="3131">
          <cell r="C3131">
            <v>2006</v>
          </cell>
          <cell r="P3131">
            <v>7.4571942152833595</v>
          </cell>
        </row>
        <row r="3132">
          <cell r="C3132">
            <v>2006</v>
          </cell>
          <cell r="P3132">
            <v>7.5869271394125049</v>
          </cell>
        </row>
        <row r="3133">
          <cell r="C3133">
            <v>2006</v>
          </cell>
          <cell r="P3133">
            <v>7.5869271394125049</v>
          </cell>
        </row>
        <row r="3134">
          <cell r="C3134">
            <v>2006</v>
          </cell>
          <cell r="P3134">
            <v>7.5869271394125049</v>
          </cell>
        </row>
        <row r="3135">
          <cell r="C3135">
            <v>2006</v>
          </cell>
          <cell r="P3135">
            <v>8.24280512124475</v>
          </cell>
        </row>
        <row r="3136">
          <cell r="C3136">
            <v>2006</v>
          </cell>
          <cell r="P3136">
            <v>8.5903639238106795</v>
          </cell>
        </row>
        <row r="3137">
          <cell r="C3137">
            <v>2006</v>
          </cell>
          <cell r="P3137">
            <v>8.6065417380688789</v>
          </cell>
        </row>
        <row r="3138">
          <cell r="C3138">
            <v>2006</v>
          </cell>
          <cell r="P3138">
            <v>7.7822665337195378</v>
          </cell>
        </row>
        <row r="3139">
          <cell r="C3139">
            <v>2006</v>
          </cell>
          <cell r="P3139">
            <v>7.7069890129054759</v>
          </cell>
        </row>
        <row r="3140">
          <cell r="C3140">
            <v>2006</v>
          </cell>
          <cell r="P3140">
            <v>7.7069890129054759</v>
          </cell>
        </row>
        <row r="3141">
          <cell r="C3141">
            <v>2006</v>
          </cell>
          <cell r="P3141">
            <v>7.7069890129054759</v>
          </cell>
        </row>
        <row r="3142">
          <cell r="C3142">
            <v>2006</v>
          </cell>
          <cell r="P3142">
            <v>7.3651682943843735</v>
          </cell>
        </row>
        <row r="3143">
          <cell r="C3143">
            <v>2006</v>
          </cell>
          <cell r="P3143">
            <v>7.4123003897423461</v>
          </cell>
        </row>
        <row r="3144">
          <cell r="C3144">
            <v>2006</v>
          </cell>
          <cell r="P3144">
            <v>7.9662591369557632</v>
          </cell>
        </row>
        <row r="3145">
          <cell r="C3145">
            <v>2006</v>
          </cell>
          <cell r="P3145">
            <v>8.1932641490119948</v>
          </cell>
        </row>
        <row r="3146">
          <cell r="C3146">
            <v>2006</v>
          </cell>
          <cell r="P3146">
            <v>7.8264547095130501</v>
          </cell>
        </row>
        <row r="3147">
          <cell r="C3147">
            <v>2006</v>
          </cell>
          <cell r="P3147">
            <v>7.8264547095130501</v>
          </cell>
        </row>
        <row r="3148">
          <cell r="C3148">
            <v>2006</v>
          </cell>
          <cell r="P3148">
            <v>7.8264547095130501</v>
          </cell>
        </row>
        <row r="3149">
          <cell r="C3149">
            <v>2006</v>
          </cell>
          <cell r="P3149">
            <v>7.2763151908524293</v>
          </cell>
        </row>
        <row r="3150">
          <cell r="C3150">
            <v>2006</v>
          </cell>
          <cell r="P3150">
            <v>7.2693330970109651</v>
          </cell>
        </row>
        <row r="3151">
          <cell r="C3151">
            <v>2006</v>
          </cell>
          <cell r="P3151">
            <v>7.4367455376776217</v>
          </cell>
        </row>
        <row r="3152">
          <cell r="C3152">
            <v>2006</v>
          </cell>
          <cell r="P3152">
            <v>7.0743188039307867</v>
          </cell>
        </row>
        <row r="3153">
          <cell r="C3153">
            <v>2006</v>
          </cell>
          <cell r="P3153">
            <v>7.0535236992159662</v>
          </cell>
        </row>
        <row r="3154">
          <cell r="C3154">
            <v>2006</v>
          </cell>
          <cell r="P3154">
            <v>7.0535236992159662</v>
          </cell>
        </row>
        <row r="3155">
          <cell r="C3155">
            <v>2006</v>
          </cell>
          <cell r="P3155">
            <v>7.0535236992159662</v>
          </cell>
        </row>
        <row r="3156">
          <cell r="C3156">
            <v>2006</v>
          </cell>
          <cell r="P3156">
            <v>7.1287590421740648</v>
          </cell>
        </row>
        <row r="3157">
          <cell r="C3157">
            <v>2006</v>
          </cell>
          <cell r="P3157">
            <v>7.1730685385420303</v>
          </cell>
        </row>
        <row r="3158">
          <cell r="C3158">
            <v>2006</v>
          </cell>
          <cell r="P3158">
            <v>7.449375199041568</v>
          </cell>
        </row>
        <row r="3159">
          <cell r="C3159">
            <v>2006</v>
          </cell>
          <cell r="P3159">
            <v>7.4876793269741135</v>
          </cell>
        </row>
        <row r="3160">
          <cell r="C3160">
            <v>2006</v>
          </cell>
          <cell r="P3160">
            <v>7.6925774556042539</v>
          </cell>
        </row>
        <row r="3161">
          <cell r="C3161">
            <v>2006</v>
          </cell>
          <cell r="P3161">
            <v>7.6925774556042539</v>
          </cell>
        </row>
        <row r="3162">
          <cell r="C3162">
            <v>2006</v>
          </cell>
          <cell r="P3162">
            <v>7.6925774556042539</v>
          </cell>
        </row>
        <row r="3163">
          <cell r="C3163">
            <v>2006</v>
          </cell>
          <cell r="P3163">
            <v>6.8929800882607184</v>
          </cell>
        </row>
        <row r="3164">
          <cell r="C3164">
            <v>2006</v>
          </cell>
          <cell r="P3164">
            <v>6.7205366350222162</v>
          </cell>
        </row>
        <row r="3165">
          <cell r="C3165">
            <v>2006</v>
          </cell>
          <cell r="P3165">
            <v>6.7753749564004195</v>
          </cell>
        </row>
        <row r="3166">
          <cell r="C3166">
            <v>2006</v>
          </cell>
          <cell r="P3166">
            <v>6.1357975311263102</v>
          </cell>
        </row>
        <row r="3167">
          <cell r="C3167">
            <v>2006</v>
          </cell>
          <cell r="P3167">
            <v>5.7425274108672903</v>
          </cell>
        </row>
        <row r="3168">
          <cell r="C3168">
            <v>2006</v>
          </cell>
          <cell r="P3168">
            <v>5.7425274108672903</v>
          </cell>
        </row>
        <row r="3169">
          <cell r="C3169">
            <v>2006</v>
          </cell>
          <cell r="P3169">
            <v>5.7425274108672903</v>
          </cell>
        </row>
        <row r="3170">
          <cell r="C3170">
            <v>2006</v>
          </cell>
          <cell r="P3170">
            <v>5.7425274108672903</v>
          </cell>
        </row>
        <row r="3171">
          <cell r="C3171">
            <v>2006</v>
          </cell>
          <cell r="P3171">
            <v>6.0601569964058779</v>
          </cell>
        </row>
        <row r="3172">
          <cell r="C3172">
            <v>2006</v>
          </cell>
          <cell r="P3172">
            <v>6.3066851427791502</v>
          </cell>
        </row>
        <row r="3173">
          <cell r="C3173">
            <v>2006</v>
          </cell>
          <cell r="P3173">
            <v>6.1646149588268306</v>
          </cell>
        </row>
        <row r="3174">
          <cell r="C3174">
            <v>2006</v>
          </cell>
          <cell r="P3174">
            <v>5.9765216253923956</v>
          </cell>
        </row>
        <row r="3175">
          <cell r="C3175">
            <v>2006</v>
          </cell>
          <cell r="P3175">
            <v>5.9765216253923956</v>
          </cell>
        </row>
        <row r="3176">
          <cell r="C3176">
            <v>2006</v>
          </cell>
          <cell r="P3176">
            <v>5.9765216253923956</v>
          </cell>
        </row>
        <row r="3177">
          <cell r="C3177">
            <v>2006</v>
          </cell>
          <cell r="P3177">
            <v>5.8692012556679449</v>
          </cell>
        </row>
        <row r="3178">
          <cell r="C3178">
            <v>2006</v>
          </cell>
          <cell r="P3178">
            <v>6.0751069137562377</v>
          </cell>
        </row>
        <row r="3179">
          <cell r="C3179">
            <v>2006</v>
          </cell>
          <cell r="P3179">
            <v>5.7437012822068212</v>
          </cell>
        </row>
        <row r="3180">
          <cell r="C3180">
            <v>2006</v>
          </cell>
          <cell r="P3180">
            <v>5.3835350919761593</v>
          </cell>
        </row>
        <row r="3181">
          <cell r="C3181">
            <v>2006</v>
          </cell>
          <cell r="P3181">
            <v>4.8438353035289126</v>
          </cell>
        </row>
        <row r="3182">
          <cell r="C3182">
            <v>2006</v>
          </cell>
          <cell r="P3182">
            <v>4.8438353035289126</v>
          </cell>
        </row>
        <row r="3183">
          <cell r="C3183">
            <v>2006</v>
          </cell>
          <cell r="P3183">
            <v>4.8438353035289126</v>
          </cell>
        </row>
        <row r="3184">
          <cell r="C3184">
            <v>2006</v>
          </cell>
          <cell r="P3184">
            <v>5.4157945170682877</v>
          </cell>
        </row>
        <row r="3185">
          <cell r="C3185">
            <v>2006</v>
          </cell>
          <cell r="P3185">
            <v>5.3814925463672072</v>
          </cell>
        </row>
        <row r="3186">
          <cell r="C3186">
            <v>2006</v>
          </cell>
          <cell r="P3186">
            <v>5.2301806728742353</v>
          </cell>
        </row>
        <row r="3187">
          <cell r="C3187">
            <v>2006</v>
          </cell>
          <cell r="P3187">
            <v>5.0772731494821119</v>
          </cell>
        </row>
        <row r="3188">
          <cell r="C3188">
            <v>2006</v>
          </cell>
          <cell r="P3188">
            <v>4.8709452389257057</v>
          </cell>
        </row>
        <row r="3189">
          <cell r="C3189">
            <v>2006</v>
          </cell>
          <cell r="P3189">
            <v>4.8709452389257057</v>
          </cell>
        </row>
        <row r="3190">
          <cell r="C3190">
            <v>2006</v>
          </cell>
          <cell r="P3190">
            <v>4.8709452389257057</v>
          </cell>
        </row>
        <row r="3191">
          <cell r="C3191">
            <v>2006</v>
          </cell>
          <cell r="P3191">
            <v>4.6285457833517842</v>
          </cell>
        </row>
        <row r="3192">
          <cell r="C3192">
            <v>2006</v>
          </cell>
          <cell r="P3192">
            <v>4.7176263629608286</v>
          </cell>
        </row>
        <row r="3193">
          <cell r="C3193">
            <v>2006</v>
          </cell>
          <cell r="P3193">
            <v>4.6662608430263415</v>
          </cell>
        </row>
        <row r="3194">
          <cell r="C3194">
            <v>2006</v>
          </cell>
          <cell r="P3194">
            <v>4.3854529996512035</v>
          </cell>
        </row>
        <row r="3195">
          <cell r="C3195">
            <v>2006</v>
          </cell>
          <cell r="P3195">
            <v>4.0328375934547553</v>
          </cell>
        </row>
        <row r="3196">
          <cell r="C3196">
            <v>2006</v>
          </cell>
          <cell r="P3196">
            <v>4.0345239732034912</v>
          </cell>
        </row>
        <row r="3197">
          <cell r="C3197">
            <v>2006</v>
          </cell>
          <cell r="P3197">
            <v>4.0345239732034912</v>
          </cell>
        </row>
        <row r="3198">
          <cell r="C3198">
            <v>2006</v>
          </cell>
          <cell r="P3198">
            <v>4.3525670505350291</v>
          </cell>
        </row>
        <row r="3199">
          <cell r="C3199">
            <v>2006</v>
          </cell>
          <cell r="P3199">
            <v>4.3744176784893067</v>
          </cell>
        </row>
        <row r="3200">
          <cell r="C3200">
            <v>2006</v>
          </cell>
          <cell r="P3200">
            <v>4.7679565528652637</v>
          </cell>
        </row>
        <row r="3201">
          <cell r="C3201">
            <v>2006</v>
          </cell>
          <cell r="P3201">
            <v>5.0221455222996063</v>
          </cell>
        </row>
        <row r="3202">
          <cell r="C3202">
            <v>2006</v>
          </cell>
          <cell r="P3202">
            <v>4.7101776477671944</v>
          </cell>
        </row>
        <row r="3203">
          <cell r="C3203">
            <v>2006</v>
          </cell>
          <cell r="P3203">
            <v>4.7101776477671944</v>
          </cell>
        </row>
        <row r="3204">
          <cell r="C3204">
            <v>2006</v>
          </cell>
          <cell r="P3204">
            <v>4.7101776477671944</v>
          </cell>
        </row>
        <row r="3205">
          <cell r="C3205">
            <v>2006</v>
          </cell>
          <cell r="P3205">
            <v>5.5058879306666411</v>
          </cell>
        </row>
        <row r="3206">
          <cell r="C3206">
            <v>2006</v>
          </cell>
          <cell r="P3206">
            <v>5.7044973758196118</v>
          </cell>
        </row>
        <row r="3207">
          <cell r="C3207">
            <v>2006</v>
          </cell>
          <cell r="P3207">
            <v>6.1980239234222907</v>
          </cell>
        </row>
        <row r="3208">
          <cell r="C3208">
            <v>2006</v>
          </cell>
          <cell r="P3208">
            <v>5.712879581648278</v>
          </cell>
        </row>
        <row r="3209">
          <cell r="C3209">
            <v>2006</v>
          </cell>
          <cell r="P3209">
            <v>5.0712093986905176</v>
          </cell>
        </row>
        <row r="3210">
          <cell r="C3210">
            <v>2006</v>
          </cell>
          <cell r="P3210">
            <v>5.0712093986905176</v>
          </cell>
        </row>
        <row r="3211">
          <cell r="C3211">
            <v>2006</v>
          </cell>
          <cell r="P3211">
            <v>5.0712093986905176</v>
          </cell>
        </row>
        <row r="3212">
          <cell r="C3212">
            <v>2006</v>
          </cell>
          <cell r="P3212">
            <v>6.0130426743408734</v>
          </cell>
        </row>
        <row r="3213">
          <cell r="C3213">
            <v>2006</v>
          </cell>
          <cell r="P3213">
            <v>7.0085386610279574</v>
          </cell>
        </row>
        <row r="3214">
          <cell r="C3214">
            <v>2006</v>
          </cell>
          <cell r="P3214">
            <v>6.9323947601731426</v>
          </cell>
        </row>
        <row r="3215">
          <cell r="C3215">
            <v>2006</v>
          </cell>
          <cell r="P3215">
            <v>7.5176808598398459</v>
          </cell>
        </row>
        <row r="3216">
          <cell r="C3216">
            <v>2006</v>
          </cell>
          <cell r="P3216">
            <v>7.675876504696026</v>
          </cell>
        </row>
        <row r="3217">
          <cell r="C3217">
            <v>2006</v>
          </cell>
          <cell r="P3217">
            <v>7.675876504696026</v>
          </cell>
        </row>
        <row r="3218">
          <cell r="C3218">
            <v>2006</v>
          </cell>
          <cell r="P3218">
            <v>7.675876504696026</v>
          </cell>
        </row>
        <row r="3219">
          <cell r="C3219">
            <v>2006</v>
          </cell>
          <cell r="P3219">
            <v>8.2265641964129106</v>
          </cell>
        </row>
        <row r="3220">
          <cell r="C3220">
            <v>2006</v>
          </cell>
          <cell r="P3220">
            <v>8.0055072230150337</v>
          </cell>
        </row>
        <row r="3221">
          <cell r="C3221">
            <v>2006</v>
          </cell>
          <cell r="P3221">
            <v>8.1911067071869805</v>
          </cell>
        </row>
        <row r="3222">
          <cell r="C3222">
            <v>2006</v>
          </cell>
          <cell r="P3222">
            <v>8.6596729612228156</v>
          </cell>
        </row>
        <row r="3223">
          <cell r="C3223">
            <v>2006</v>
          </cell>
          <cell r="P3223">
            <v>8.1951517852486457</v>
          </cell>
        </row>
        <row r="3224">
          <cell r="C3224">
            <v>2006</v>
          </cell>
          <cell r="P3224">
            <v>8.1951517852486457</v>
          </cell>
        </row>
        <row r="3225">
          <cell r="C3225">
            <v>2006</v>
          </cell>
          <cell r="P3225">
            <v>8.1951517852486457</v>
          </cell>
        </row>
        <row r="3226">
          <cell r="C3226">
            <v>2006</v>
          </cell>
          <cell r="P3226">
            <v>7.9632496218999345</v>
          </cell>
        </row>
        <row r="3227">
          <cell r="C3227">
            <v>2006</v>
          </cell>
          <cell r="P3227">
            <v>7.5903064151372774</v>
          </cell>
        </row>
        <row r="3228">
          <cell r="C3228">
            <v>2006</v>
          </cell>
          <cell r="P3228">
            <v>8.1379721509745249</v>
          </cell>
        </row>
        <row r="3229">
          <cell r="C3229">
            <v>2006</v>
          </cell>
          <cell r="P3229">
            <v>8.1610018822034593</v>
          </cell>
        </row>
        <row r="3230">
          <cell r="C3230">
            <v>2006</v>
          </cell>
          <cell r="P3230">
            <v>8.1467549769347105</v>
          </cell>
        </row>
        <row r="3231">
          <cell r="C3231">
            <v>2006</v>
          </cell>
          <cell r="P3231">
            <v>8.1467549769347105</v>
          </cell>
        </row>
        <row r="3232">
          <cell r="C3232">
            <v>2006</v>
          </cell>
          <cell r="P3232">
            <v>8.1467549769347105</v>
          </cell>
        </row>
        <row r="3233">
          <cell r="C3233">
            <v>2006</v>
          </cell>
          <cell r="P3233">
            <v>7.7527173423476814</v>
          </cell>
        </row>
        <row r="3234">
          <cell r="C3234">
            <v>2006</v>
          </cell>
          <cell r="P3234">
            <v>7.7363867382883793</v>
          </cell>
        </row>
        <row r="3235">
          <cell r="C3235">
            <v>2006</v>
          </cell>
          <cell r="P3235">
            <v>8.1908393110281956</v>
          </cell>
        </row>
        <row r="3236">
          <cell r="C3236">
            <v>2006</v>
          </cell>
          <cell r="P3236">
            <v>8.2606240191918356</v>
          </cell>
        </row>
        <row r="3237">
          <cell r="C3237">
            <v>2006</v>
          </cell>
          <cell r="P3237">
            <v>8.0303646354356815</v>
          </cell>
        </row>
        <row r="3238">
          <cell r="C3238">
            <v>2006</v>
          </cell>
          <cell r="P3238">
            <v>8.0303646354356815</v>
          </cell>
        </row>
        <row r="3239">
          <cell r="C3239">
            <v>2006</v>
          </cell>
          <cell r="P3239">
            <v>8.0303646354356815</v>
          </cell>
        </row>
        <row r="3240">
          <cell r="C3240">
            <v>2006</v>
          </cell>
          <cell r="P3240">
            <v>8.2126292533294141</v>
          </cell>
        </row>
        <row r="3241">
          <cell r="C3241">
            <v>2006</v>
          </cell>
          <cell r="P3241">
            <v>8.3683879899299747</v>
          </cell>
        </row>
        <row r="3242">
          <cell r="C3242">
            <v>2006</v>
          </cell>
          <cell r="P3242">
            <v>8.3755161836309924</v>
          </cell>
        </row>
        <row r="3243">
          <cell r="C3243">
            <v>2006</v>
          </cell>
          <cell r="P3243">
            <v>8.5209787457982298</v>
          </cell>
        </row>
        <row r="3244">
          <cell r="C3244">
            <v>2006</v>
          </cell>
          <cell r="P3244">
            <v>8.306733262849475</v>
          </cell>
        </row>
        <row r="3245">
          <cell r="C3245">
            <v>2006</v>
          </cell>
          <cell r="P3245">
            <v>8.306733262849475</v>
          </cell>
        </row>
        <row r="3246">
          <cell r="C3246">
            <v>2006</v>
          </cell>
          <cell r="P3246">
            <v>8.306733262849475</v>
          </cell>
        </row>
        <row r="3247">
          <cell r="C3247">
            <v>2006</v>
          </cell>
          <cell r="P3247">
            <v>8.5888532782105305</v>
          </cell>
        </row>
        <row r="3248">
          <cell r="C3248">
            <v>2006</v>
          </cell>
          <cell r="P3248">
            <v>8.4971235948663715</v>
          </cell>
        </row>
        <row r="3249">
          <cell r="C3249">
            <v>2006</v>
          </cell>
          <cell r="P3249">
            <v>8.3924289906743219</v>
          </cell>
        </row>
        <row r="3250">
          <cell r="C3250">
            <v>2006</v>
          </cell>
          <cell r="P3250">
            <v>8.3924289906743219</v>
          </cell>
        </row>
        <row r="3251">
          <cell r="C3251">
            <v>2006</v>
          </cell>
          <cell r="P3251">
            <v>8.3924289906743219</v>
          </cell>
        </row>
        <row r="3252">
          <cell r="C3252">
            <v>2006</v>
          </cell>
          <cell r="P3252">
            <v>8.3924289906743219</v>
          </cell>
        </row>
        <row r="3253">
          <cell r="C3253">
            <v>2006</v>
          </cell>
          <cell r="P3253">
            <v>8.3924289906743219</v>
          </cell>
        </row>
        <row r="3254">
          <cell r="C3254">
            <v>2006</v>
          </cell>
          <cell r="P3254">
            <v>8.2347065042693295</v>
          </cell>
        </row>
        <row r="3255">
          <cell r="C3255">
            <v>2006</v>
          </cell>
          <cell r="P3255">
            <v>8.3388748500637675</v>
          </cell>
        </row>
        <row r="3256">
          <cell r="C3256">
            <v>2006</v>
          </cell>
          <cell r="P3256">
            <v>8.5096457000896049</v>
          </cell>
        </row>
        <row r="3257">
          <cell r="C3257">
            <v>2006</v>
          </cell>
          <cell r="P3257">
            <v>9.2111007334430095</v>
          </cell>
        </row>
        <row r="3258">
          <cell r="C3258">
            <v>2006</v>
          </cell>
          <cell r="P3258">
            <v>9.1593425088776463</v>
          </cell>
        </row>
        <row r="3259">
          <cell r="C3259">
            <v>2006</v>
          </cell>
          <cell r="P3259">
            <v>9.1593425088776463</v>
          </cell>
        </row>
        <row r="3260">
          <cell r="C3260">
            <v>2006</v>
          </cell>
          <cell r="P3260">
            <v>9.1593425088776463</v>
          </cell>
        </row>
        <row r="3261">
          <cell r="C3261">
            <v>2006</v>
          </cell>
          <cell r="P3261">
            <v>8.5800600219037264</v>
          </cell>
        </row>
        <row r="3262">
          <cell r="C3262">
            <v>2006</v>
          </cell>
          <cell r="P3262">
            <v>8.2167454473907533</v>
          </cell>
        </row>
        <row r="3263">
          <cell r="C3263">
            <v>2006</v>
          </cell>
          <cell r="P3263">
            <v>8.2432944723903976</v>
          </cell>
        </row>
        <row r="3264">
          <cell r="C3264">
            <v>2006</v>
          </cell>
          <cell r="P3264">
            <v>8.3335677000611579</v>
          </cell>
        </row>
        <row r="3265">
          <cell r="C3265">
            <v>2006</v>
          </cell>
          <cell r="P3265">
            <v>8.244483531905006</v>
          </cell>
        </row>
        <row r="3266">
          <cell r="C3266">
            <v>2006</v>
          </cell>
          <cell r="P3266">
            <v>8.244483531905006</v>
          </cell>
        </row>
        <row r="3267">
          <cell r="C3267">
            <v>2006</v>
          </cell>
          <cell r="P3267">
            <v>8.244483531905006</v>
          </cell>
        </row>
        <row r="3268">
          <cell r="C3268">
            <v>2006</v>
          </cell>
          <cell r="P3268">
            <v>7.7307714189538359</v>
          </cell>
        </row>
        <row r="3269">
          <cell r="C3269">
            <v>2006</v>
          </cell>
          <cell r="P3269">
            <v>8.0646510812002479</v>
          </cell>
        </row>
        <row r="3270">
          <cell r="C3270">
            <v>2006</v>
          </cell>
          <cell r="P3270">
            <v>8.2486570928727545</v>
          </cell>
        </row>
        <row r="3271">
          <cell r="C3271">
            <v>2006</v>
          </cell>
          <cell r="P3271">
            <v>8.2431522403910442</v>
          </cell>
        </row>
        <row r="3272">
          <cell r="C3272">
            <v>2006</v>
          </cell>
          <cell r="P3272">
            <v>7.8084428914817252</v>
          </cell>
        </row>
        <row r="3273">
          <cell r="C3273">
            <v>2006</v>
          </cell>
          <cell r="P3273">
            <v>7.8084428914817252</v>
          </cell>
        </row>
        <row r="3274">
          <cell r="C3274">
            <v>2006</v>
          </cell>
          <cell r="P3274">
            <v>7.8084428914817252</v>
          </cell>
        </row>
        <row r="3275">
          <cell r="C3275">
            <v>2006</v>
          </cell>
          <cell r="P3275">
            <v>7.5560266068660118</v>
          </cell>
        </row>
        <row r="3276">
          <cell r="C3276">
            <v>2006</v>
          </cell>
          <cell r="P3276">
            <v>7.3757096191501166</v>
          </cell>
        </row>
        <row r="3277">
          <cell r="C3277">
            <v>2006</v>
          </cell>
          <cell r="P3277">
            <v>7.4386747770513413</v>
          </cell>
        </row>
        <row r="3278">
          <cell r="C3278">
            <v>2006</v>
          </cell>
          <cell r="P3278">
            <v>7.1653968509835337</v>
          </cell>
        </row>
        <row r="3279">
          <cell r="C3279">
            <v>2006</v>
          </cell>
          <cell r="P3279">
            <v>6.68903154231639</v>
          </cell>
        </row>
        <row r="3280">
          <cell r="C3280">
            <v>2006</v>
          </cell>
          <cell r="P3280">
            <v>6.68903154231639</v>
          </cell>
        </row>
        <row r="3281">
          <cell r="C3281">
            <v>2006</v>
          </cell>
          <cell r="P3281">
            <v>6.68903154231639</v>
          </cell>
        </row>
        <row r="3282">
          <cell r="C3282">
            <v>2006</v>
          </cell>
          <cell r="P3282">
            <v>6.68903154231639</v>
          </cell>
        </row>
        <row r="3283">
          <cell r="C3283">
            <v>2006</v>
          </cell>
          <cell r="P3283">
            <v>6.68903154231639</v>
          </cell>
        </row>
        <row r="3284">
          <cell r="C3284">
            <v>2006</v>
          </cell>
          <cell r="P3284">
            <v>6.4687587413416265</v>
          </cell>
        </row>
        <row r="3285">
          <cell r="C3285">
            <v>2006</v>
          </cell>
          <cell r="P3285">
            <v>6.5715000260758654</v>
          </cell>
        </row>
        <row r="3286">
          <cell r="C3286">
            <v>2006</v>
          </cell>
          <cell r="P3286">
            <v>6.3126387354627038</v>
          </cell>
        </row>
        <row r="3287">
          <cell r="C3287">
            <v>2006</v>
          </cell>
          <cell r="P3287">
            <v>6.3126387354627038</v>
          </cell>
        </row>
        <row r="3288">
          <cell r="C3288">
            <v>2007</v>
          </cell>
          <cell r="P3288">
            <v>6.3126387354627038</v>
          </cell>
        </row>
        <row r="3289">
          <cell r="C3289">
            <v>2007</v>
          </cell>
          <cell r="P3289">
            <v>6.3126387354627038</v>
          </cell>
        </row>
        <row r="3290">
          <cell r="C3290">
            <v>2007</v>
          </cell>
          <cell r="P3290">
            <v>6.3402530781375193</v>
          </cell>
        </row>
        <row r="3291">
          <cell r="C3291">
            <v>2007</v>
          </cell>
          <cell r="P3291">
            <v>6.5837831815401815</v>
          </cell>
        </row>
        <row r="3292">
          <cell r="C3292">
            <v>2007</v>
          </cell>
          <cell r="P3292">
            <v>6.7168909981367602</v>
          </cell>
        </row>
        <row r="3293">
          <cell r="C3293">
            <v>2007</v>
          </cell>
          <cell r="P3293">
            <v>6.5707130090127661</v>
          </cell>
        </row>
        <row r="3294">
          <cell r="C3294">
            <v>2007</v>
          </cell>
          <cell r="P3294">
            <v>6.5707130090127661</v>
          </cell>
        </row>
        <row r="3295">
          <cell r="C3295">
            <v>2007</v>
          </cell>
          <cell r="P3295">
            <v>6.5707130090127661</v>
          </cell>
        </row>
        <row r="3296">
          <cell r="C3296">
            <v>2007</v>
          </cell>
          <cell r="P3296">
            <v>7.0631960478468443</v>
          </cell>
        </row>
        <row r="3297">
          <cell r="C3297">
            <v>2007</v>
          </cell>
          <cell r="P3297">
            <v>7.1176761187732005</v>
          </cell>
        </row>
        <row r="3298">
          <cell r="C3298">
            <v>2007</v>
          </cell>
          <cell r="P3298">
            <v>7.3169317713099087</v>
          </cell>
        </row>
        <row r="3299">
          <cell r="C3299">
            <v>2007</v>
          </cell>
          <cell r="P3299">
            <v>7.1434229552964821</v>
          </cell>
        </row>
        <row r="3300">
          <cell r="C3300">
            <v>2007</v>
          </cell>
          <cell r="P3300">
            <v>7.0515031551798515</v>
          </cell>
        </row>
        <row r="3301">
          <cell r="C3301">
            <v>2007</v>
          </cell>
          <cell r="P3301">
            <v>7.0515031551798515</v>
          </cell>
        </row>
        <row r="3302">
          <cell r="C3302">
            <v>2007</v>
          </cell>
          <cell r="P3302">
            <v>7.0515031551798515</v>
          </cell>
        </row>
        <row r="3303">
          <cell r="C3303">
            <v>2007</v>
          </cell>
          <cell r="P3303">
            <v>7.0515031551798515</v>
          </cell>
        </row>
        <row r="3304">
          <cell r="C3304">
            <v>2007</v>
          </cell>
          <cell r="P3304">
            <v>7.3898730816459084</v>
          </cell>
        </row>
        <row r="3305">
          <cell r="C3305">
            <v>2007</v>
          </cell>
          <cell r="P3305">
            <v>7.2729190273227662</v>
          </cell>
        </row>
        <row r="3306">
          <cell r="C3306">
            <v>2007</v>
          </cell>
          <cell r="P3306">
            <v>7.0147722154530321</v>
          </cell>
        </row>
        <row r="3307">
          <cell r="C3307">
            <v>2007</v>
          </cell>
          <cell r="P3307">
            <v>7.3068370922090047</v>
          </cell>
        </row>
        <row r="3308">
          <cell r="C3308">
            <v>2007</v>
          </cell>
          <cell r="P3308">
            <v>7.3068370922090047</v>
          </cell>
        </row>
        <row r="3309">
          <cell r="C3309">
            <v>2007</v>
          </cell>
          <cell r="P3309">
            <v>7.3068370922090047</v>
          </cell>
        </row>
        <row r="3310">
          <cell r="C3310">
            <v>2007</v>
          </cell>
          <cell r="P3310">
            <v>7.9276788211811891</v>
          </cell>
        </row>
        <row r="3311">
          <cell r="C3311">
            <v>2007</v>
          </cell>
          <cell r="P3311">
            <v>8.1789847479886006</v>
          </cell>
        </row>
        <row r="3312">
          <cell r="C3312">
            <v>2007</v>
          </cell>
          <cell r="P3312">
            <v>8.206945662635178</v>
          </cell>
        </row>
        <row r="3313">
          <cell r="C3313">
            <v>2007</v>
          </cell>
          <cell r="P3313">
            <v>7.8824087463197454</v>
          </cell>
        </row>
        <row r="3314">
          <cell r="C3314">
            <v>2007</v>
          </cell>
          <cell r="P3314">
            <v>7.8644756617343763</v>
          </cell>
        </row>
        <row r="3315">
          <cell r="C3315">
            <v>2007</v>
          </cell>
          <cell r="P3315">
            <v>7.8644756617343763</v>
          </cell>
        </row>
        <row r="3316">
          <cell r="C3316">
            <v>2007</v>
          </cell>
          <cell r="P3316">
            <v>7.8644756617343763</v>
          </cell>
        </row>
        <row r="3317">
          <cell r="C3317">
            <v>2007</v>
          </cell>
          <cell r="P3317">
            <v>8.1509745262489144</v>
          </cell>
        </row>
        <row r="3318">
          <cell r="C3318">
            <v>2007</v>
          </cell>
          <cell r="P3318">
            <v>8.1888025487974279</v>
          </cell>
        </row>
        <row r="3319">
          <cell r="C3319">
            <v>2007</v>
          </cell>
          <cell r="P3319">
            <v>8.6263973108669987</v>
          </cell>
        </row>
        <row r="3320">
          <cell r="C3320">
            <v>2007</v>
          </cell>
          <cell r="P3320">
            <v>8.7442313071594828</v>
          </cell>
        </row>
        <row r="3321">
          <cell r="C3321">
            <v>2007</v>
          </cell>
          <cell r="P3321">
            <v>8.7049482512575658</v>
          </cell>
        </row>
        <row r="3322">
          <cell r="C3322">
            <v>2007</v>
          </cell>
          <cell r="P3322">
            <v>8.7049482512575658</v>
          </cell>
        </row>
        <row r="3323">
          <cell r="C3323">
            <v>2007</v>
          </cell>
          <cell r="P3323">
            <v>8.7049482512575658</v>
          </cell>
        </row>
        <row r="3324">
          <cell r="C3324">
            <v>2007</v>
          </cell>
          <cell r="P3324">
            <v>8.8247132839946332</v>
          </cell>
        </row>
        <row r="3325">
          <cell r="C3325">
            <v>2007</v>
          </cell>
          <cell r="P3325">
            <v>8.6300687928770206</v>
          </cell>
        </row>
        <row r="3326">
          <cell r="C3326">
            <v>2007</v>
          </cell>
          <cell r="P3326">
            <v>8.8388634715038172</v>
          </cell>
        </row>
        <row r="3327">
          <cell r="C3327">
            <v>2007</v>
          </cell>
          <cell r="P3327">
            <v>8.9351422082940211</v>
          </cell>
        </row>
        <row r="3328">
          <cell r="C3328">
            <v>2007</v>
          </cell>
          <cell r="P3328">
            <v>8.8825988630922179</v>
          </cell>
        </row>
        <row r="3329">
          <cell r="C3329">
            <v>2007</v>
          </cell>
          <cell r="P3329">
            <v>8.8825988630922179</v>
          </cell>
        </row>
        <row r="3330">
          <cell r="C3330">
            <v>2007</v>
          </cell>
          <cell r="P3330">
            <v>8.8825988630922179</v>
          </cell>
        </row>
        <row r="3331">
          <cell r="C3331">
            <v>2007</v>
          </cell>
          <cell r="P3331">
            <v>8.5147821716929872</v>
          </cell>
        </row>
        <row r="3332">
          <cell r="C3332">
            <v>2007</v>
          </cell>
          <cell r="P3332">
            <v>8.3992622900300109</v>
          </cell>
        </row>
        <row r="3333">
          <cell r="C3333">
            <v>2007</v>
          </cell>
          <cell r="P3333">
            <v>8.5685297478226641</v>
          </cell>
        </row>
        <row r="3334">
          <cell r="C3334">
            <v>2007</v>
          </cell>
          <cell r="P3334">
            <v>8.2827093299450496</v>
          </cell>
        </row>
        <row r="3335">
          <cell r="C3335">
            <v>2007</v>
          </cell>
          <cell r="P3335">
            <v>8.3585265713080119</v>
          </cell>
        </row>
        <row r="3336">
          <cell r="C3336">
            <v>2007</v>
          </cell>
          <cell r="P3336">
            <v>8.3585265713080119</v>
          </cell>
        </row>
        <row r="3337">
          <cell r="C3337">
            <v>2007</v>
          </cell>
          <cell r="P3337">
            <v>8.3585265713080119</v>
          </cell>
        </row>
        <row r="3338">
          <cell r="C3338">
            <v>2007</v>
          </cell>
          <cell r="P3338">
            <v>8.3585265713080119</v>
          </cell>
        </row>
        <row r="3339">
          <cell r="C3339">
            <v>2007</v>
          </cell>
          <cell r="P3339">
            <v>8.2304120461021313</v>
          </cell>
        </row>
        <row r="3340">
          <cell r="C3340">
            <v>2007</v>
          </cell>
          <cell r="P3340">
            <v>8.4837082726871884</v>
          </cell>
        </row>
        <row r="3341">
          <cell r="C3341">
            <v>2007</v>
          </cell>
          <cell r="P3341">
            <v>8.5306884502875455</v>
          </cell>
        </row>
        <row r="3342">
          <cell r="C3342">
            <v>2007</v>
          </cell>
          <cell r="P3342">
            <v>8.5738326308652919</v>
          </cell>
        </row>
        <row r="3343">
          <cell r="C3343">
            <v>2007</v>
          </cell>
          <cell r="P3343">
            <v>8.5738326308652919</v>
          </cell>
        </row>
        <row r="3344">
          <cell r="C3344">
            <v>2007</v>
          </cell>
          <cell r="P3344">
            <v>8.5738326308652919</v>
          </cell>
        </row>
        <row r="3345">
          <cell r="C3345">
            <v>2007</v>
          </cell>
          <cell r="P3345">
            <v>8.6894269472745975</v>
          </cell>
        </row>
        <row r="3346">
          <cell r="C3346">
            <v>2007</v>
          </cell>
          <cell r="P3346">
            <v>8.5310250660193532</v>
          </cell>
        </row>
        <row r="3347">
          <cell r="C3347">
            <v>2007</v>
          </cell>
          <cell r="P3347">
            <v>8.4204188258274346</v>
          </cell>
        </row>
        <row r="3348">
          <cell r="C3348">
            <v>2007</v>
          </cell>
          <cell r="P3348">
            <v>8.1909867582008591</v>
          </cell>
        </row>
        <row r="3349">
          <cell r="C3349">
            <v>2007</v>
          </cell>
          <cell r="P3349">
            <v>8.3916964958776425</v>
          </cell>
        </row>
        <row r="3350">
          <cell r="C3350">
            <v>2007</v>
          </cell>
          <cell r="P3350">
            <v>8.3916964958776425</v>
          </cell>
        </row>
        <row r="3351">
          <cell r="C3351">
            <v>2007</v>
          </cell>
          <cell r="P3351">
            <v>8.3916964958776425</v>
          </cell>
        </row>
        <row r="3352">
          <cell r="C3352">
            <v>2007</v>
          </cell>
          <cell r="P3352">
            <v>8.4667068076975962</v>
          </cell>
        </row>
        <row r="3353">
          <cell r="C3353">
            <v>2007</v>
          </cell>
          <cell r="P3353">
            <v>8.4914779327052994</v>
          </cell>
        </row>
        <row r="3354">
          <cell r="C3354">
            <v>2007</v>
          </cell>
          <cell r="P3354">
            <v>8.5773054621828813</v>
          </cell>
        </row>
        <row r="3355">
          <cell r="C3355">
            <v>2007</v>
          </cell>
          <cell r="P3355">
            <v>8.3700193909625771</v>
          </cell>
        </row>
        <row r="3356">
          <cell r="C3356">
            <v>2007</v>
          </cell>
          <cell r="P3356">
            <v>8.2458148234189732</v>
          </cell>
        </row>
        <row r="3357">
          <cell r="C3357">
            <v>2007</v>
          </cell>
          <cell r="P3357">
            <v>8.2458148234189732</v>
          </cell>
        </row>
        <row r="3358">
          <cell r="C3358">
            <v>2007</v>
          </cell>
          <cell r="P3358">
            <v>8.2458148234189732</v>
          </cell>
        </row>
        <row r="3359">
          <cell r="C3359">
            <v>2007</v>
          </cell>
          <cell r="P3359">
            <v>7.8825087828259601</v>
          </cell>
        </row>
        <row r="3360">
          <cell r="C3360">
            <v>2007</v>
          </cell>
          <cell r="P3360">
            <v>7.9179240765587435</v>
          </cell>
        </row>
        <row r="3361">
          <cell r="C3361">
            <v>2007</v>
          </cell>
          <cell r="P3361">
            <v>8.002325019082793</v>
          </cell>
        </row>
        <row r="3362">
          <cell r="C3362">
            <v>2007</v>
          </cell>
          <cell r="P3362">
            <v>8.1555610341214564</v>
          </cell>
        </row>
        <row r="3363">
          <cell r="C3363">
            <v>2007</v>
          </cell>
          <cell r="P3363">
            <v>7.9816615542164664</v>
          </cell>
        </row>
        <row r="3364">
          <cell r="C3364">
            <v>2007</v>
          </cell>
          <cell r="P3364">
            <v>7.9816615542164664</v>
          </cell>
        </row>
        <row r="3365">
          <cell r="C3365">
            <v>2007</v>
          </cell>
          <cell r="P3365">
            <v>7.9816615542164664</v>
          </cell>
        </row>
        <row r="3366">
          <cell r="C3366">
            <v>2007</v>
          </cell>
          <cell r="P3366">
            <v>7.9285312649639916</v>
          </cell>
        </row>
        <row r="3367">
          <cell r="C3367">
            <v>2007</v>
          </cell>
          <cell r="P3367">
            <v>7.9516216818459799</v>
          </cell>
        </row>
        <row r="3368">
          <cell r="C3368">
            <v>2007</v>
          </cell>
          <cell r="P3368">
            <v>7.8989688180046738</v>
          </cell>
        </row>
        <row r="3369">
          <cell r="C3369">
            <v>2007</v>
          </cell>
          <cell r="P3369">
            <v>8.1226229477107754</v>
          </cell>
        </row>
        <row r="3370">
          <cell r="C3370">
            <v>2007</v>
          </cell>
          <cell r="P3370">
            <v>8.1504624910512362</v>
          </cell>
        </row>
        <row r="3371">
          <cell r="C3371">
            <v>2007</v>
          </cell>
          <cell r="P3371">
            <v>8.1504624910512362</v>
          </cell>
        </row>
        <row r="3372">
          <cell r="C3372">
            <v>2007</v>
          </cell>
          <cell r="P3372">
            <v>8.1504624910512362</v>
          </cell>
        </row>
        <row r="3373">
          <cell r="C3373">
            <v>2007</v>
          </cell>
          <cell r="P3373">
            <v>8.1363587659951726</v>
          </cell>
        </row>
        <row r="3374">
          <cell r="C3374">
            <v>2007</v>
          </cell>
          <cell r="P3374">
            <v>8.1337284222204325</v>
          </cell>
        </row>
        <row r="3375">
          <cell r="C3375">
            <v>2007</v>
          </cell>
          <cell r="P3375">
            <v>8.5591519179985109</v>
          </cell>
        </row>
        <row r="3376">
          <cell r="C3376">
            <v>2007</v>
          </cell>
          <cell r="P3376">
            <v>8.3984866515268592</v>
          </cell>
        </row>
        <row r="3377">
          <cell r="C3377">
            <v>2007</v>
          </cell>
          <cell r="P3377">
            <v>8.526922146944619</v>
          </cell>
        </row>
        <row r="3378">
          <cell r="C3378">
            <v>2007</v>
          </cell>
          <cell r="P3378">
            <v>8.526922146944619</v>
          </cell>
        </row>
        <row r="3379">
          <cell r="C3379">
            <v>2007</v>
          </cell>
          <cell r="P3379">
            <v>8.526922146944619</v>
          </cell>
        </row>
        <row r="3380">
          <cell r="C3380">
            <v>2007</v>
          </cell>
          <cell r="P3380">
            <v>8.6766559360524926</v>
          </cell>
        </row>
        <row r="3381">
          <cell r="C3381">
            <v>2007</v>
          </cell>
          <cell r="P3381">
            <v>8.5923858469678507</v>
          </cell>
        </row>
        <row r="3382">
          <cell r="C3382">
            <v>2007</v>
          </cell>
          <cell r="P3382">
            <v>8.4797276731319009</v>
          </cell>
        </row>
        <row r="3383">
          <cell r="C3383">
            <v>2007</v>
          </cell>
          <cell r="P3383">
            <v>8.5175865126136063</v>
          </cell>
        </row>
        <row r="3384">
          <cell r="C3384">
            <v>2007</v>
          </cell>
          <cell r="P3384">
            <v>8.5175865126136063</v>
          </cell>
        </row>
        <row r="3385">
          <cell r="C3385">
            <v>2007</v>
          </cell>
          <cell r="P3385">
            <v>8.5175865126136063</v>
          </cell>
        </row>
        <row r="3386">
          <cell r="C3386">
            <v>2007</v>
          </cell>
          <cell r="P3386">
            <v>8.5175865126136063</v>
          </cell>
        </row>
        <row r="3387">
          <cell r="C3387">
            <v>2007</v>
          </cell>
          <cell r="P3387">
            <v>8.7293258677337224</v>
          </cell>
        </row>
        <row r="3388">
          <cell r="C3388">
            <v>2007</v>
          </cell>
          <cell r="P3388">
            <v>8.7737041479592062</v>
          </cell>
        </row>
        <row r="3389">
          <cell r="C3389">
            <v>2007</v>
          </cell>
          <cell r="P3389">
            <v>8.9462031167772125</v>
          </cell>
        </row>
        <row r="3390">
          <cell r="C3390">
            <v>2007</v>
          </cell>
          <cell r="P3390">
            <v>8.8566785035297251</v>
          </cell>
        </row>
        <row r="3391">
          <cell r="C3391">
            <v>2007</v>
          </cell>
          <cell r="P3391">
            <v>8.8105801643253674</v>
          </cell>
        </row>
        <row r="3392">
          <cell r="C3392">
            <v>2007</v>
          </cell>
          <cell r="P3392">
            <v>8.8105801643253674</v>
          </cell>
        </row>
        <row r="3393">
          <cell r="C3393">
            <v>2007</v>
          </cell>
          <cell r="P3393">
            <v>8.8105801643253674</v>
          </cell>
        </row>
        <row r="3394">
          <cell r="C3394">
            <v>2007</v>
          </cell>
          <cell r="P3394">
            <v>8.541899176476722</v>
          </cell>
        </row>
        <row r="3395">
          <cell r="C3395">
            <v>2007</v>
          </cell>
          <cell r="P3395">
            <v>8.4816240997899701</v>
          </cell>
        </row>
        <row r="3396">
          <cell r="C3396">
            <v>2007</v>
          </cell>
          <cell r="P3396">
            <v>8.3807873015270964</v>
          </cell>
        </row>
        <row r="3397">
          <cell r="C3397">
            <v>2007</v>
          </cell>
          <cell r="P3397">
            <v>8.2936901144019384</v>
          </cell>
        </row>
        <row r="3398">
          <cell r="C3398">
            <v>2007</v>
          </cell>
          <cell r="P3398">
            <v>8.1758139226163102</v>
          </cell>
        </row>
        <row r="3399">
          <cell r="C3399">
            <v>2007</v>
          </cell>
          <cell r="P3399">
            <v>8.1758139226163102</v>
          </cell>
        </row>
        <row r="3400">
          <cell r="C3400">
            <v>2007</v>
          </cell>
          <cell r="P3400">
            <v>8.1758139226163102</v>
          </cell>
        </row>
        <row r="3401">
          <cell r="C3401">
            <v>2007</v>
          </cell>
          <cell r="P3401">
            <v>8.1066175808233343</v>
          </cell>
        </row>
        <row r="3402">
          <cell r="C3402">
            <v>2007</v>
          </cell>
          <cell r="P3402">
            <v>8.3902201277243353</v>
          </cell>
        </row>
        <row r="3403">
          <cell r="C3403">
            <v>2007</v>
          </cell>
          <cell r="P3403">
            <v>8.3750112600332827</v>
          </cell>
        </row>
        <row r="3404">
          <cell r="C3404">
            <v>2007</v>
          </cell>
          <cell r="P3404">
            <v>8.3169365123765555</v>
          </cell>
        </row>
        <row r="3405">
          <cell r="C3405">
            <v>2007</v>
          </cell>
          <cell r="P3405">
            <v>8.2065284487704027</v>
          </cell>
        </row>
        <row r="3406">
          <cell r="C3406">
            <v>2007</v>
          </cell>
          <cell r="P3406">
            <v>8.2065284487704027</v>
          </cell>
        </row>
        <row r="3407">
          <cell r="C3407">
            <v>2007</v>
          </cell>
          <cell r="P3407">
            <v>8.2065284487704027</v>
          </cell>
        </row>
        <row r="3408">
          <cell r="C3408">
            <v>2007</v>
          </cell>
          <cell r="P3408">
            <v>8.3793607145735649</v>
          </cell>
        </row>
        <row r="3409">
          <cell r="C3409">
            <v>2007</v>
          </cell>
          <cell r="P3409">
            <v>8.4012753469275516</v>
          </cell>
        </row>
        <row r="3410">
          <cell r="C3410">
            <v>2007</v>
          </cell>
          <cell r="P3410">
            <v>8.3419394755432066</v>
          </cell>
        </row>
        <row r="3411">
          <cell r="C3411">
            <v>2007</v>
          </cell>
          <cell r="P3411">
            <v>8.2451747794218733</v>
          </cell>
        </row>
        <row r="3412">
          <cell r="C3412">
            <v>2007</v>
          </cell>
          <cell r="P3412">
            <v>8.5015764046595201</v>
          </cell>
        </row>
        <row r="3413">
          <cell r="C3413">
            <v>2007</v>
          </cell>
          <cell r="P3413">
            <v>8.5015764046595201</v>
          </cell>
        </row>
        <row r="3414">
          <cell r="C3414">
            <v>2007</v>
          </cell>
          <cell r="P3414">
            <v>8.5015764046595201</v>
          </cell>
        </row>
        <row r="3415">
          <cell r="C3415">
            <v>2007</v>
          </cell>
          <cell r="P3415">
            <v>8.3049909208573744</v>
          </cell>
        </row>
        <row r="3416">
          <cell r="C3416">
            <v>2007</v>
          </cell>
          <cell r="P3416">
            <v>8.1816473310165314</v>
          </cell>
        </row>
        <row r="3417">
          <cell r="C3417">
            <v>2007</v>
          </cell>
          <cell r="P3417">
            <v>8.1672686240950494</v>
          </cell>
        </row>
        <row r="3418">
          <cell r="C3418">
            <v>2007</v>
          </cell>
          <cell r="P3418">
            <v>8.2421594610355431</v>
          </cell>
        </row>
        <row r="3419">
          <cell r="C3419">
            <v>2007</v>
          </cell>
          <cell r="P3419">
            <v>8.2671922929220614</v>
          </cell>
        </row>
        <row r="3420">
          <cell r="C3420">
            <v>2007</v>
          </cell>
          <cell r="P3420">
            <v>8.2671922929220614</v>
          </cell>
        </row>
        <row r="3421">
          <cell r="C3421">
            <v>2007</v>
          </cell>
          <cell r="P3421">
            <v>8.2671922929220614</v>
          </cell>
        </row>
        <row r="3422">
          <cell r="C3422">
            <v>2007</v>
          </cell>
          <cell r="P3422">
            <v>8.5645510446940349</v>
          </cell>
        </row>
        <row r="3423">
          <cell r="C3423">
            <v>2007</v>
          </cell>
          <cell r="P3423">
            <v>8.3632600522465523</v>
          </cell>
        </row>
        <row r="3424">
          <cell r="C3424">
            <v>2007</v>
          </cell>
          <cell r="P3424">
            <v>8.3192155431128896</v>
          </cell>
        </row>
        <row r="3425">
          <cell r="C3425">
            <v>2007</v>
          </cell>
          <cell r="P3425">
            <v>8.3996899342414046</v>
          </cell>
        </row>
        <row r="3426">
          <cell r="C3426">
            <v>2007</v>
          </cell>
          <cell r="P3426">
            <v>8.5607335378313412</v>
          </cell>
        </row>
        <row r="3427">
          <cell r="C3427">
            <v>2007</v>
          </cell>
          <cell r="P3427">
            <v>8.5607335378313412</v>
          </cell>
        </row>
        <row r="3428">
          <cell r="C3428">
            <v>2007</v>
          </cell>
          <cell r="P3428">
            <v>8.5607335378313412</v>
          </cell>
        </row>
        <row r="3429">
          <cell r="C3429">
            <v>2007</v>
          </cell>
          <cell r="P3429">
            <v>8.256283098571517</v>
          </cell>
        </row>
        <row r="3430">
          <cell r="C3430">
            <v>2007</v>
          </cell>
          <cell r="P3430">
            <v>8.2548702607112521</v>
          </cell>
        </row>
        <row r="3431">
          <cell r="C3431">
            <v>2007</v>
          </cell>
          <cell r="P3431">
            <v>8.1600574617277388</v>
          </cell>
        </row>
        <row r="3432">
          <cell r="C3432">
            <v>2007</v>
          </cell>
          <cell r="P3432">
            <v>8.1414279144521924</v>
          </cell>
        </row>
        <row r="3433">
          <cell r="C3433">
            <v>2007</v>
          </cell>
          <cell r="P3433">
            <v>8.0155013915030597</v>
          </cell>
        </row>
        <row r="3434">
          <cell r="C3434">
            <v>2007</v>
          </cell>
          <cell r="P3434">
            <v>8.0155013915030597</v>
          </cell>
        </row>
        <row r="3435">
          <cell r="C3435">
            <v>2007</v>
          </cell>
          <cell r="P3435">
            <v>8.0155013915030597</v>
          </cell>
        </row>
        <row r="3436">
          <cell r="C3436">
            <v>2007</v>
          </cell>
          <cell r="P3436">
            <v>8.0155013915030597</v>
          </cell>
        </row>
        <row r="3437">
          <cell r="C3437">
            <v>2007</v>
          </cell>
          <cell r="P3437">
            <v>7.9125951176495697</v>
          </cell>
        </row>
        <row r="3438">
          <cell r="C3438">
            <v>2007</v>
          </cell>
          <cell r="P3438">
            <v>8.1168805677901403</v>
          </cell>
        </row>
        <row r="3439">
          <cell r="C3439">
            <v>2007</v>
          </cell>
          <cell r="P3439">
            <v>8.1058025914670289</v>
          </cell>
        </row>
        <row r="3440">
          <cell r="C3440">
            <v>2007</v>
          </cell>
          <cell r="P3440">
            <v>7.9533896255979668</v>
          </cell>
        </row>
        <row r="3441">
          <cell r="C3441">
            <v>2007</v>
          </cell>
          <cell r="P3441">
            <v>7.9533896255979668</v>
          </cell>
        </row>
        <row r="3442">
          <cell r="C3442">
            <v>2007</v>
          </cell>
          <cell r="P3442">
            <v>7.9533896255979668</v>
          </cell>
        </row>
        <row r="3443">
          <cell r="C3443">
            <v>2007</v>
          </cell>
          <cell r="P3443">
            <v>8.0908862475879815</v>
          </cell>
        </row>
        <row r="3444">
          <cell r="C3444">
            <v>2007</v>
          </cell>
          <cell r="P3444">
            <v>8.1308828340199977</v>
          </cell>
        </row>
        <row r="3445">
          <cell r="C3445">
            <v>2007</v>
          </cell>
          <cell r="P3445">
            <v>8.1004935450377626</v>
          </cell>
        </row>
        <row r="3446">
          <cell r="C3446">
            <v>2007</v>
          </cell>
          <cell r="P3446">
            <v>8.0205202846536405</v>
          </cell>
        </row>
        <row r="3447">
          <cell r="C3447">
            <v>2007</v>
          </cell>
          <cell r="P3447">
            <v>7.6848764715085585</v>
          </cell>
        </row>
        <row r="3448">
          <cell r="C3448">
            <v>2007</v>
          </cell>
          <cell r="P3448">
            <v>7.6848764715085585</v>
          </cell>
        </row>
        <row r="3449">
          <cell r="C3449">
            <v>2007</v>
          </cell>
          <cell r="P3449">
            <v>7.6848764715085585</v>
          </cell>
        </row>
        <row r="3450">
          <cell r="C3450">
            <v>2007</v>
          </cell>
          <cell r="P3450">
            <v>7.6287668959762547</v>
          </cell>
        </row>
        <row r="3451">
          <cell r="C3451">
            <v>2007</v>
          </cell>
          <cell r="P3451">
            <v>7.5984814363535493</v>
          </cell>
        </row>
        <row r="3452">
          <cell r="C3452">
            <v>2007</v>
          </cell>
          <cell r="P3452">
            <v>7.7224906719513742</v>
          </cell>
        </row>
        <row r="3453">
          <cell r="C3453">
            <v>2007</v>
          </cell>
          <cell r="P3453">
            <v>7.6841444508185441</v>
          </cell>
        </row>
        <row r="3454">
          <cell r="C3454">
            <v>2007</v>
          </cell>
          <cell r="P3454">
            <v>7.8780047695130451</v>
          </cell>
        </row>
        <row r="3455">
          <cell r="C3455">
            <v>2007</v>
          </cell>
          <cell r="P3455">
            <v>7.8780047695130451</v>
          </cell>
        </row>
        <row r="3456">
          <cell r="C3456">
            <v>2007</v>
          </cell>
          <cell r="P3456">
            <v>7.8780047695130451</v>
          </cell>
        </row>
        <row r="3457">
          <cell r="C3457">
            <v>2007</v>
          </cell>
          <cell r="P3457">
            <v>7.9344030760040392</v>
          </cell>
        </row>
        <row r="3458">
          <cell r="C3458">
            <v>2007</v>
          </cell>
          <cell r="P3458">
            <v>7.6870877049918684</v>
          </cell>
        </row>
        <row r="3459">
          <cell r="C3459">
            <v>2007</v>
          </cell>
          <cell r="P3459">
            <v>7.6214827211826108</v>
          </cell>
        </row>
        <row r="3460">
          <cell r="C3460">
            <v>2007</v>
          </cell>
          <cell r="P3460">
            <v>7.5239163106915781</v>
          </cell>
        </row>
        <row r="3461">
          <cell r="C3461">
            <v>2007</v>
          </cell>
          <cell r="P3461">
            <v>7.3190197370604446</v>
          </cell>
        </row>
        <row r="3462">
          <cell r="C3462">
            <v>2007</v>
          </cell>
          <cell r="P3462">
            <v>7.3190197370604446</v>
          </cell>
        </row>
        <row r="3463">
          <cell r="C3463">
            <v>2007</v>
          </cell>
          <cell r="P3463">
            <v>7.3190197370604446</v>
          </cell>
        </row>
        <row r="3464">
          <cell r="C3464">
            <v>2007</v>
          </cell>
          <cell r="P3464">
            <v>7.1412212039464631</v>
          </cell>
        </row>
        <row r="3465">
          <cell r="C3465">
            <v>2007</v>
          </cell>
          <cell r="P3465">
            <v>7.0924019665944433</v>
          </cell>
        </row>
        <row r="3466">
          <cell r="C3466">
            <v>2007</v>
          </cell>
          <cell r="P3466">
            <v>7.0162078104331913</v>
          </cell>
        </row>
        <row r="3467">
          <cell r="C3467">
            <v>2007</v>
          </cell>
          <cell r="P3467">
            <v>7.0133574811661115</v>
          </cell>
        </row>
        <row r="3468">
          <cell r="C3468">
            <v>2007</v>
          </cell>
          <cell r="P3468">
            <v>6.7860612640631883</v>
          </cell>
        </row>
        <row r="3469">
          <cell r="C3469">
            <v>2007</v>
          </cell>
          <cell r="P3469">
            <v>6.7860612640631883</v>
          </cell>
        </row>
        <row r="3470">
          <cell r="C3470">
            <v>2007</v>
          </cell>
          <cell r="P3470">
            <v>6.7860612640631883</v>
          </cell>
        </row>
        <row r="3471">
          <cell r="C3471">
            <v>2007</v>
          </cell>
          <cell r="P3471">
            <v>6.695311559194586</v>
          </cell>
        </row>
        <row r="3472">
          <cell r="C3472">
            <v>2007</v>
          </cell>
          <cell r="P3472">
            <v>6.7517643879520017</v>
          </cell>
        </row>
        <row r="3473">
          <cell r="C3473">
            <v>2007</v>
          </cell>
          <cell r="P3473">
            <v>6.7517643879520017</v>
          </cell>
        </row>
        <row r="3474">
          <cell r="C3474">
            <v>2007</v>
          </cell>
          <cell r="P3474">
            <v>6.5923848987545215</v>
          </cell>
        </row>
        <row r="3475">
          <cell r="C3475">
            <v>2007</v>
          </cell>
          <cell r="P3475">
            <v>6.4343860081641164</v>
          </cell>
        </row>
        <row r="3476">
          <cell r="C3476">
            <v>2007</v>
          </cell>
          <cell r="P3476">
            <v>6.4343860081641164</v>
          </cell>
        </row>
        <row r="3477">
          <cell r="C3477">
            <v>2007</v>
          </cell>
          <cell r="P3477">
            <v>6.4343860081641164</v>
          </cell>
        </row>
        <row r="3478">
          <cell r="C3478">
            <v>2007</v>
          </cell>
          <cell r="P3478">
            <v>6.5281671510456425</v>
          </cell>
        </row>
        <row r="3479">
          <cell r="C3479">
            <v>2007</v>
          </cell>
          <cell r="P3479">
            <v>6.5293917685600897</v>
          </cell>
        </row>
        <row r="3480">
          <cell r="C3480">
            <v>2007</v>
          </cell>
          <cell r="P3480">
            <v>6.7876182303494641</v>
          </cell>
        </row>
        <row r="3481">
          <cell r="C3481">
            <v>2007</v>
          </cell>
          <cell r="P3481">
            <v>6.4028152453739038</v>
          </cell>
        </row>
        <row r="3482">
          <cell r="C3482">
            <v>2007</v>
          </cell>
          <cell r="P3482">
            <v>6.507052336634696</v>
          </cell>
        </row>
        <row r="3483">
          <cell r="C3483">
            <v>2007</v>
          </cell>
          <cell r="P3483">
            <v>6.507052336634696</v>
          </cell>
        </row>
        <row r="3484">
          <cell r="C3484">
            <v>2007</v>
          </cell>
          <cell r="P3484">
            <v>6.507052336634696</v>
          </cell>
        </row>
        <row r="3485">
          <cell r="C3485">
            <v>2007</v>
          </cell>
          <cell r="P3485">
            <v>6.4036876016366149</v>
          </cell>
        </row>
        <row r="3486">
          <cell r="C3486">
            <v>2007</v>
          </cell>
          <cell r="P3486">
            <v>6.4073714104199162</v>
          </cell>
        </row>
        <row r="3487">
          <cell r="C3487">
            <v>2007</v>
          </cell>
          <cell r="P3487">
            <v>6.3288133584293789</v>
          </cell>
        </row>
        <row r="3488">
          <cell r="C3488">
            <v>2007</v>
          </cell>
          <cell r="P3488">
            <v>6.5742379920634546</v>
          </cell>
        </row>
        <row r="3489">
          <cell r="C3489">
            <v>2007</v>
          </cell>
          <cell r="P3489">
            <v>6.5385187959587157</v>
          </cell>
        </row>
        <row r="3490">
          <cell r="C3490">
            <v>2007</v>
          </cell>
          <cell r="P3490">
            <v>6.5385187959587157</v>
          </cell>
        </row>
        <row r="3491">
          <cell r="C3491">
            <v>2007</v>
          </cell>
          <cell r="P3491">
            <v>6.5385187959587157</v>
          </cell>
        </row>
        <row r="3492">
          <cell r="C3492">
            <v>2007</v>
          </cell>
          <cell r="P3492">
            <v>6.0796484973189262</v>
          </cell>
        </row>
        <row r="3493">
          <cell r="C3493">
            <v>2007</v>
          </cell>
          <cell r="P3493">
            <v>5.7829027654641738</v>
          </cell>
        </row>
        <row r="3494">
          <cell r="C3494">
            <v>2007</v>
          </cell>
          <cell r="P3494">
            <v>5.80751032367262</v>
          </cell>
        </row>
        <row r="3495">
          <cell r="C3495">
            <v>2007</v>
          </cell>
          <cell r="P3495">
            <v>5.9865495939276414</v>
          </cell>
        </row>
        <row r="3496">
          <cell r="C3496">
            <v>2007</v>
          </cell>
          <cell r="P3496">
            <v>6.0400098614186204</v>
          </cell>
        </row>
        <row r="3497">
          <cell r="C3497">
            <v>2007</v>
          </cell>
          <cell r="P3497">
            <v>6.0400098614186204</v>
          </cell>
        </row>
        <row r="3498">
          <cell r="C3498">
            <v>2007</v>
          </cell>
          <cell r="P3498">
            <v>6.0400098614186204</v>
          </cell>
        </row>
        <row r="3499">
          <cell r="C3499">
            <v>2007</v>
          </cell>
          <cell r="P3499">
            <v>6.5355319239722549</v>
          </cell>
        </row>
        <row r="3500">
          <cell r="C3500">
            <v>2007</v>
          </cell>
          <cell r="P3500">
            <v>6.5481109219952307</v>
          </cell>
        </row>
        <row r="3501">
          <cell r="C3501">
            <v>2007</v>
          </cell>
          <cell r="P3501">
            <v>6.4339100050729412</v>
          </cell>
        </row>
        <row r="3502">
          <cell r="C3502">
            <v>2007</v>
          </cell>
          <cell r="P3502">
            <v>6.43329698515572</v>
          </cell>
        </row>
        <row r="3503">
          <cell r="C3503">
            <v>2007</v>
          </cell>
          <cell r="P3503">
            <v>6.1893297554083713</v>
          </cell>
        </row>
        <row r="3504">
          <cell r="C3504">
            <v>2007</v>
          </cell>
          <cell r="P3504">
            <v>6.1893297554083713</v>
          </cell>
        </row>
        <row r="3505">
          <cell r="C3505">
            <v>2007</v>
          </cell>
          <cell r="P3505">
            <v>6.1893297554083713</v>
          </cell>
        </row>
        <row r="3506">
          <cell r="C3506">
            <v>2007</v>
          </cell>
          <cell r="P3506">
            <v>6.1344244108039412</v>
          </cell>
        </row>
        <row r="3507">
          <cell r="C3507">
            <v>2007</v>
          </cell>
          <cell r="P3507">
            <v>6.4491861959103556</v>
          </cell>
        </row>
        <row r="3508">
          <cell r="C3508">
            <v>2007</v>
          </cell>
          <cell r="P3508">
            <v>6.2569008595553823</v>
          </cell>
        </row>
        <row r="3509">
          <cell r="C3509">
            <v>2007</v>
          </cell>
          <cell r="P3509">
            <v>6.421457119422727</v>
          </cell>
        </row>
        <row r="3510">
          <cell r="C3510">
            <v>2007</v>
          </cell>
          <cell r="P3510">
            <v>6.603638294543507</v>
          </cell>
        </row>
        <row r="3511">
          <cell r="C3511">
            <v>2007</v>
          </cell>
          <cell r="P3511">
            <v>6.603638294543507</v>
          </cell>
        </row>
        <row r="3512">
          <cell r="C3512">
            <v>2007</v>
          </cell>
          <cell r="P3512">
            <v>6.603638294543507</v>
          </cell>
        </row>
        <row r="3513">
          <cell r="C3513">
            <v>2007</v>
          </cell>
          <cell r="P3513">
            <v>7.0500775164396474</v>
          </cell>
        </row>
        <row r="3514">
          <cell r="C3514">
            <v>2007</v>
          </cell>
          <cell r="P3514">
            <v>6.86801913494498</v>
          </cell>
        </row>
        <row r="3515">
          <cell r="C3515">
            <v>2007</v>
          </cell>
          <cell r="P3515">
            <v>7.2294505577864898</v>
          </cell>
        </row>
        <row r="3516">
          <cell r="C3516">
            <v>2007</v>
          </cell>
          <cell r="P3516">
            <v>6.9907525495085876</v>
          </cell>
        </row>
        <row r="3517">
          <cell r="C3517">
            <v>2007</v>
          </cell>
          <cell r="P3517">
            <v>7.0085528842278926</v>
          </cell>
        </row>
        <row r="3518">
          <cell r="C3518">
            <v>2007</v>
          </cell>
          <cell r="P3518">
            <v>7.0085528842278926</v>
          </cell>
        </row>
        <row r="3519">
          <cell r="C3519">
            <v>2007</v>
          </cell>
          <cell r="P3519">
            <v>7.0085528842278926</v>
          </cell>
        </row>
        <row r="3520">
          <cell r="C3520">
            <v>2007</v>
          </cell>
          <cell r="P3520">
            <v>6.3916538262778362</v>
          </cell>
        </row>
        <row r="3521">
          <cell r="C3521">
            <v>2007</v>
          </cell>
          <cell r="P3521">
            <v>5.8603215391398749</v>
          </cell>
        </row>
        <row r="3522">
          <cell r="C3522">
            <v>2007</v>
          </cell>
          <cell r="P3522">
            <v>5.7706679688796392</v>
          </cell>
        </row>
        <row r="3523">
          <cell r="C3523">
            <v>2007</v>
          </cell>
          <cell r="P3523">
            <v>5.7067991636758428</v>
          </cell>
        </row>
        <row r="3524">
          <cell r="C3524">
            <v>2007</v>
          </cell>
          <cell r="P3524">
            <v>5.6636189509915935</v>
          </cell>
        </row>
        <row r="3525">
          <cell r="C3525">
            <v>2007</v>
          </cell>
          <cell r="P3525">
            <v>5.6636189509915935</v>
          </cell>
        </row>
        <row r="3526">
          <cell r="C3526">
            <v>2007</v>
          </cell>
          <cell r="P3526">
            <v>5.6636189509915935</v>
          </cell>
        </row>
        <row r="3527">
          <cell r="C3527">
            <v>2007</v>
          </cell>
          <cell r="P3527">
            <v>5.3446764933174666</v>
          </cell>
        </row>
        <row r="3528">
          <cell r="C3528">
            <v>2007</v>
          </cell>
          <cell r="P3528">
            <v>5.5912655329195955</v>
          </cell>
        </row>
        <row r="3529">
          <cell r="C3529">
            <v>2007</v>
          </cell>
          <cell r="P3529">
            <v>5.6645202277608409</v>
          </cell>
        </row>
        <row r="3530">
          <cell r="C3530">
            <v>2007</v>
          </cell>
          <cell r="P3530">
            <v>5.5208934065986162</v>
          </cell>
        </row>
        <row r="3531">
          <cell r="C3531">
            <v>2007</v>
          </cell>
          <cell r="P3531">
            <v>5.5894444892211848</v>
          </cell>
        </row>
        <row r="3532">
          <cell r="C3532">
            <v>2007</v>
          </cell>
          <cell r="P3532">
            <v>5.5894444892211848</v>
          </cell>
        </row>
        <row r="3533">
          <cell r="C3533">
            <v>2007</v>
          </cell>
          <cell r="P3533">
            <v>5.5894444892211848</v>
          </cell>
        </row>
        <row r="3534">
          <cell r="C3534">
            <v>2007</v>
          </cell>
          <cell r="P3534">
            <v>5.5894444892211848</v>
          </cell>
        </row>
        <row r="3535">
          <cell r="C3535">
            <v>2007</v>
          </cell>
          <cell r="P3535">
            <v>5.4340361174457037</v>
          </cell>
        </row>
        <row r="3536">
          <cell r="C3536">
            <v>2007</v>
          </cell>
          <cell r="P3536">
            <v>5.7989465349914422</v>
          </cell>
        </row>
        <row r="3537">
          <cell r="C3537">
            <v>2007</v>
          </cell>
          <cell r="P3537">
            <v>5.9775373003418304</v>
          </cell>
        </row>
        <row r="3538">
          <cell r="C3538">
            <v>2007</v>
          </cell>
          <cell r="P3538">
            <v>5.5749207056603591</v>
          </cell>
        </row>
        <row r="3539">
          <cell r="C3539">
            <v>2007</v>
          </cell>
          <cell r="P3539">
            <v>5.5749207056603591</v>
          </cell>
        </row>
        <row r="3540">
          <cell r="C3540">
            <v>2007</v>
          </cell>
          <cell r="P3540">
            <v>5.5749207056603591</v>
          </cell>
        </row>
        <row r="3541">
          <cell r="C3541">
            <v>2007</v>
          </cell>
          <cell r="P3541">
            <v>5.6928926669922193</v>
          </cell>
        </row>
        <row r="3542">
          <cell r="C3542">
            <v>2007</v>
          </cell>
          <cell r="P3542">
            <v>5.9196517212442448</v>
          </cell>
        </row>
        <row r="3543">
          <cell r="C3543">
            <v>2007</v>
          </cell>
          <cell r="P3543">
            <v>6.1265324312663862</v>
          </cell>
        </row>
        <row r="3544">
          <cell r="C3544">
            <v>2007</v>
          </cell>
          <cell r="P3544">
            <v>6.1293230230937343</v>
          </cell>
        </row>
        <row r="3545">
          <cell r="C3545">
            <v>2007</v>
          </cell>
          <cell r="P3545">
            <v>6.2170943898958395</v>
          </cell>
        </row>
        <row r="3546">
          <cell r="C3546">
            <v>2007</v>
          </cell>
          <cell r="P3546">
            <v>6.2170943898958395</v>
          </cell>
        </row>
        <row r="3547">
          <cell r="C3547">
            <v>2007</v>
          </cell>
          <cell r="P3547">
            <v>6.2170943898958395</v>
          </cell>
        </row>
        <row r="3548">
          <cell r="C3548">
            <v>2007</v>
          </cell>
          <cell r="P3548">
            <v>6.2114932937612304</v>
          </cell>
        </row>
        <row r="3549">
          <cell r="C3549">
            <v>2007</v>
          </cell>
          <cell r="P3549">
            <v>6.1098713748619158</v>
          </cell>
        </row>
        <row r="3550">
          <cell r="C3550">
            <v>2007</v>
          </cell>
          <cell r="P3550">
            <v>6.0134504060723577</v>
          </cell>
        </row>
        <row r="3551">
          <cell r="C3551">
            <v>2007</v>
          </cell>
          <cell r="P3551">
            <v>5.7078801268709434</v>
          </cell>
        </row>
        <row r="3552">
          <cell r="C3552">
            <v>2007</v>
          </cell>
          <cell r="P3552">
            <v>5.6896549925802304</v>
          </cell>
        </row>
        <row r="3553">
          <cell r="C3553">
            <v>2007</v>
          </cell>
          <cell r="P3553">
            <v>5.6896549925802304</v>
          </cell>
        </row>
        <row r="3554">
          <cell r="C3554">
            <v>2007</v>
          </cell>
          <cell r="P3554">
            <v>5.6896549925802304</v>
          </cell>
        </row>
        <row r="3555">
          <cell r="C3555">
            <v>2007</v>
          </cell>
          <cell r="P3555">
            <v>5.8717370794081249</v>
          </cell>
        </row>
        <row r="3556">
          <cell r="C3556">
            <v>2007</v>
          </cell>
          <cell r="P3556">
            <v>6.1742958330765241</v>
          </cell>
        </row>
        <row r="3557">
          <cell r="C3557">
            <v>2007</v>
          </cell>
          <cell r="P3557">
            <v>6.1310411856459446</v>
          </cell>
        </row>
        <row r="3558">
          <cell r="C3558">
            <v>2007</v>
          </cell>
          <cell r="P3558">
            <v>5.9542164676208857</v>
          </cell>
        </row>
        <row r="3559">
          <cell r="C3559">
            <v>2007</v>
          </cell>
          <cell r="P3559">
            <v>5.8146589039602121</v>
          </cell>
        </row>
        <row r="3560">
          <cell r="C3560">
            <v>2007</v>
          </cell>
          <cell r="P3560">
            <v>5.8146589039602121</v>
          </cell>
        </row>
        <row r="3561">
          <cell r="C3561">
            <v>2007</v>
          </cell>
          <cell r="P3561">
            <v>5.8146589039602121</v>
          </cell>
        </row>
        <row r="3562">
          <cell r="C3562">
            <v>2007</v>
          </cell>
          <cell r="P3562">
            <v>5.998442085500395</v>
          </cell>
        </row>
        <row r="3563">
          <cell r="C3563">
            <v>2007</v>
          </cell>
          <cell r="P3563">
            <v>6.412486073116729</v>
          </cell>
        </row>
        <row r="3564">
          <cell r="C3564">
            <v>2007</v>
          </cell>
          <cell r="P3564">
            <v>6.6541102677280328</v>
          </cell>
        </row>
        <row r="3565">
          <cell r="C3565">
            <v>2007</v>
          </cell>
          <cell r="P3565">
            <v>6.5883455099728332</v>
          </cell>
        </row>
        <row r="3566">
          <cell r="C3566">
            <v>2007</v>
          </cell>
          <cell r="P3566">
            <v>6.4057139335207625</v>
          </cell>
        </row>
        <row r="3567">
          <cell r="C3567">
            <v>2007</v>
          </cell>
          <cell r="P3567">
            <v>6.4057139335207625</v>
          </cell>
        </row>
        <row r="3568">
          <cell r="C3568">
            <v>2007</v>
          </cell>
          <cell r="P3568">
            <v>6.4057139335207625</v>
          </cell>
        </row>
        <row r="3569">
          <cell r="C3569">
            <v>2007</v>
          </cell>
          <cell r="P3569">
            <v>6.4754929524044309</v>
          </cell>
        </row>
        <row r="3570">
          <cell r="C3570">
            <v>2007</v>
          </cell>
          <cell r="P3570">
            <v>6.4792592557473583</v>
          </cell>
        </row>
        <row r="3571">
          <cell r="C3571">
            <v>2007</v>
          </cell>
          <cell r="P3571">
            <v>6.537300341830905</v>
          </cell>
        </row>
        <row r="3572">
          <cell r="C3572">
            <v>2007</v>
          </cell>
          <cell r="P3572">
            <v>6.471528946582402</v>
          </cell>
        </row>
        <row r="3573">
          <cell r="C3573">
            <v>2007</v>
          </cell>
          <cell r="P3573">
            <v>6.1179553675986025</v>
          </cell>
        </row>
        <row r="3574">
          <cell r="C3574">
            <v>2007</v>
          </cell>
          <cell r="P3574">
            <v>6.1179553675986025</v>
          </cell>
        </row>
        <row r="3575">
          <cell r="C3575">
            <v>2007</v>
          </cell>
          <cell r="P3575">
            <v>6.1179553675986025</v>
          </cell>
        </row>
        <row r="3576">
          <cell r="C3576">
            <v>2007</v>
          </cell>
          <cell r="P3576">
            <v>6.67117194426402</v>
          </cell>
        </row>
        <row r="3577">
          <cell r="C3577">
            <v>2007</v>
          </cell>
          <cell r="P3577">
            <v>6.8153449363037684</v>
          </cell>
        </row>
        <row r="3578">
          <cell r="C3578">
            <v>2007</v>
          </cell>
          <cell r="P3578">
            <v>6.7352934483200029</v>
          </cell>
        </row>
        <row r="3579">
          <cell r="C3579">
            <v>2007</v>
          </cell>
          <cell r="P3579">
            <v>6.7332182834494105</v>
          </cell>
        </row>
        <row r="3580">
          <cell r="C3580">
            <v>2007</v>
          </cell>
          <cell r="P3580">
            <v>6.4109243657638082</v>
          </cell>
        </row>
        <row r="3581">
          <cell r="C3581">
            <v>2007</v>
          </cell>
          <cell r="P3581">
            <v>6.4109243657638082</v>
          </cell>
        </row>
        <row r="3582">
          <cell r="C3582">
            <v>2007</v>
          </cell>
          <cell r="P3582">
            <v>6.4109243657638082</v>
          </cell>
        </row>
        <row r="3583">
          <cell r="C3583">
            <v>2007</v>
          </cell>
          <cell r="P3583">
            <v>6.2887745765042213</v>
          </cell>
        </row>
        <row r="3584">
          <cell r="C3584">
            <v>2007</v>
          </cell>
          <cell r="P3584">
            <v>5.8248649981272784</v>
          </cell>
        </row>
        <row r="3585">
          <cell r="C3585">
            <v>2007</v>
          </cell>
          <cell r="P3585">
            <v>5.8891861010890221</v>
          </cell>
        </row>
        <row r="3586">
          <cell r="C3586">
            <v>2007</v>
          </cell>
          <cell r="P3586">
            <v>6.1229880098424543</v>
          </cell>
        </row>
        <row r="3587">
          <cell r="C3587">
            <v>2007</v>
          </cell>
          <cell r="P3587">
            <v>6.0516932719523231</v>
          </cell>
        </row>
        <row r="3588">
          <cell r="C3588">
            <v>2007</v>
          </cell>
          <cell r="P3588">
            <v>6.0516932719523231</v>
          </cell>
        </row>
        <row r="3589">
          <cell r="C3589">
            <v>2007</v>
          </cell>
          <cell r="P3589">
            <v>6.0516932719523231</v>
          </cell>
        </row>
        <row r="3590">
          <cell r="C3590">
            <v>2007</v>
          </cell>
          <cell r="P3590">
            <v>6.197148722519592</v>
          </cell>
        </row>
        <row r="3591">
          <cell r="C3591">
            <v>2007</v>
          </cell>
          <cell r="P3591">
            <v>6.6091275015052879</v>
          </cell>
        </row>
        <row r="3592">
          <cell r="C3592">
            <v>2007</v>
          </cell>
          <cell r="P3592">
            <v>6.7778265054071856</v>
          </cell>
        </row>
        <row r="3593">
          <cell r="C3593">
            <v>2007</v>
          </cell>
          <cell r="P3593">
            <v>6.7372946525509301</v>
          </cell>
        </row>
        <row r="3594">
          <cell r="C3594">
            <v>2007</v>
          </cell>
          <cell r="P3594">
            <v>6.189844161139372</v>
          </cell>
        </row>
        <row r="3595">
          <cell r="C3595">
            <v>2007</v>
          </cell>
          <cell r="P3595">
            <v>6.189844161139372</v>
          </cell>
        </row>
        <row r="3596">
          <cell r="C3596">
            <v>2007</v>
          </cell>
          <cell r="P3596">
            <v>6.189844161139372</v>
          </cell>
        </row>
        <row r="3597">
          <cell r="C3597">
            <v>2007</v>
          </cell>
          <cell r="P3597">
            <v>6.4201391028953685</v>
          </cell>
        </row>
        <row r="3598">
          <cell r="C3598">
            <v>2007</v>
          </cell>
          <cell r="P3598">
            <v>6.8332780208891393</v>
          </cell>
        </row>
        <row r="3599">
          <cell r="C3599">
            <v>2007</v>
          </cell>
          <cell r="P3599">
            <v>6.6517639138453371</v>
          </cell>
        </row>
        <row r="3600">
          <cell r="C3600">
            <v>2007</v>
          </cell>
          <cell r="P3600">
            <v>6.3842169891382161</v>
          </cell>
        </row>
        <row r="3601">
          <cell r="C3601">
            <v>2007</v>
          </cell>
          <cell r="P3601">
            <v>6.166484925778601</v>
          </cell>
        </row>
        <row r="3602">
          <cell r="C3602">
            <v>2007</v>
          </cell>
          <cell r="P3602">
            <v>6.166484925778601</v>
          </cell>
        </row>
        <row r="3603">
          <cell r="C3603">
            <v>2007</v>
          </cell>
          <cell r="P3603">
            <v>6.166484925778601</v>
          </cell>
        </row>
        <row r="3604">
          <cell r="C3604">
            <v>2007</v>
          </cell>
          <cell r="P3604">
            <v>6.3401260175514285</v>
          </cell>
        </row>
        <row r="3605">
          <cell r="C3605">
            <v>2007</v>
          </cell>
          <cell r="P3605">
            <v>6.6565561840102792</v>
          </cell>
        </row>
        <row r="3606">
          <cell r="C3606">
            <v>2007</v>
          </cell>
          <cell r="P3606">
            <v>6.6909170645211749</v>
          </cell>
        </row>
        <row r="3607">
          <cell r="C3607">
            <v>2007</v>
          </cell>
          <cell r="P3607">
            <v>7.0913082025194027</v>
          </cell>
        </row>
        <row r="3608">
          <cell r="C3608">
            <v>2007</v>
          </cell>
          <cell r="P3608">
            <v>7.112604125676194</v>
          </cell>
        </row>
        <row r="3609">
          <cell r="C3609">
            <v>2007</v>
          </cell>
          <cell r="P3609">
            <v>7.112604125676194</v>
          </cell>
        </row>
        <row r="3610">
          <cell r="C3610">
            <v>2007</v>
          </cell>
          <cell r="P3610">
            <v>7.112604125676194</v>
          </cell>
        </row>
        <row r="3611">
          <cell r="C3611">
            <v>2007</v>
          </cell>
          <cell r="P3611">
            <v>7.1729048041228314</v>
          </cell>
        </row>
        <row r="3612">
          <cell r="C3612">
            <v>2007</v>
          </cell>
          <cell r="P3612">
            <v>6.7760983866150193</v>
          </cell>
        </row>
        <row r="3613">
          <cell r="C3613">
            <v>2007</v>
          </cell>
          <cell r="P3613">
            <v>6.7695248977114861</v>
          </cell>
        </row>
        <row r="3614">
          <cell r="C3614">
            <v>2007</v>
          </cell>
          <cell r="P3614">
            <v>6.7695248977114861</v>
          </cell>
        </row>
        <row r="3615">
          <cell r="C3615">
            <v>2007</v>
          </cell>
          <cell r="P3615">
            <v>6.7695248977114861</v>
          </cell>
        </row>
        <row r="3616">
          <cell r="C3616">
            <v>2007</v>
          </cell>
          <cell r="P3616">
            <v>6.7695248977114861</v>
          </cell>
        </row>
        <row r="3617">
          <cell r="C3617">
            <v>2007</v>
          </cell>
          <cell r="P3617">
            <v>6.7695248977114861</v>
          </cell>
        </row>
        <row r="3618">
          <cell r="C3618">
            <v>2007</v>
          </cell>
          <cell r="P3618">
            <v>7.4408921739212888</v>
          </cell>
        </row>
        <row r="3619">
          <cell r="C3619">
            <v>2007</v>
          </cell>
          <cell r="P3619">
            <v>7.4221469446196009</v>
          </cell>
        </row>
        <row r="3620">
          <cell r="C3620">
            <v>2007</v>
          </cell>
          <cell r="P3620">
            <v>7.3233227291476028</v>
          </cell>
        </row>
        <row r="3621">
          <cell r="C3621">
            <v>2007</v>
          </cell>
          <cell r="P3621">
            <v>7.2446964057973764</v>
          </cell>
        </row>
        <row r="3622">
          <cell r="C3622">
            <v>2007</v>
          </cell>
          <cell r="P3622">
            <v>7.2928490491790834</v>
          </cell>
        </row>
        <row r="3623">
          <cell r="C3623">
            <v>2007</v>
          </cell>
          <cell r="P3623">
            <v>7.2928490491790834</v>
          </cell>
        </row>
        <row r="3624">
          <cell r="C3624">
            <v>2007</v>
          </cell>
          <cell r="P3624">
            <v>7.2928490491790834</v>
          </cell>
        </row>
        <row r="3625">
          <cell r="C3625">
            <v>2007</v>
          </cell>
          <cell r="P3625">
            <v>7.2928490491790834</v>
          </cell>
        </row>
        <row r="3626">
          <cell r="C3626">
            <v>2007</v>
          </cell>
          <cell r="P3626">
            <v>7.1951413549020247</v>
          </cell>
        </row>
        <row r="3627">
          <cell r="C3627">
            <v>2007</v>
          </cell>
          <cell r="P3627">
            <v>7.1855492288655087</v>
          </cell>
        </row>
        <row r="3628">
          <cell r="C3628">
            <v>2007</v>
          </cell>
          <cell r="P3628">
            <v>7.329379915893476</v>
          </cell>
        </row>
        <row r="3629">
          <cell r="C3629">
            <v>2007</v>
          </cell>
          <cell r="P3629">
            <v>7.1826548076786318</v>
          </cell>
        </row>
        <row r="3630">
          <cell r="C3630">
            <v>2007</v>
          </cell>
          <cell r="P3630">
            <v>7.1826548076786318</v>
          </cell>
        </row>
        <row r="3631">
          <cell r="C3631">
            <v>2007</v>
          </cell>
          <cell r="P3631">
            <v>7.1826548076786318</v>
          </cell>
        </row>
        <row r="3632">
          <cell r="C3632">
            <v>2007</v>
          </cell>
          <cell r="P3632">
            <v>7.1177908525860136</v>
          </cell>
        </row>
        <row r="3633">
          <cell r="C3633">
            <v>2007</v>
          </cell>
          <cell r="P3633">
            <v>7.1884052474125619</v>
          </cell>
        </row>
        <row r="3634">
          <cell r="C3634">
            <v>2007</v>
          </cell>
          <cell r="P3634">
            <v>7.3026971928144384</v>
          </cell>
        </row>
        <row r="3635">
          <cell r="C3635">
            <v>2007</v>
          </cell>
          <cell r="P3635">
            <v>7.5565585545436011</v>
          </cell>
        </row>
        <row r="3636">
          <cell r="C3636">
            <v>2007</v>
          </cell>
          <cell r="P3636">
            <v>7.1849987910280042</v>
          </cell>
        </row>
        <row r="3637">
          <cell r="C3637">
            <v>2007</v>
          </cell>
          <cell r="P3637">
            <v>7.1849987910280042</v>
          </cell>
        </row>
        <row r="3638">
          <cell r="C3638">
            <v>2007</v>
          </cell>
          <cell r="P3638">
            <v>7.1849987910280042</v>
          </cell>
        </row>
        <row r="3639">
          <cell r="C3639">
            <v>2007</v>
          </cell>
          <cell r="P3639">
            <v>7.1157578832085644</v>
          </cell>
        </row>
        <row r="3640">
          <cell r="C3640">
            <v>2007</v>
          </cell>
          <cell r="P3640">
            <v>7.2054351588020262</v>
          </cell>
        </row>
        <row r="3641">
          <cell r="C3641">
            <v>2007</v>
          </cell>
          <cell r="P3641">
            <v>7.1466573109618201</v>
          </cell>
        </row>
        <row r="3642">
          <cell r="C3642">
            <v>2007</v>
          </cell>
          <cell r="P3642">
            <v>7.1373743024705689</v>
          </cell>
        </row>
        <row r="3643">
          <cell r="C3643">
            <v>2007</v>
          </cell>
          <cell r="P3643">
            <v>7.0576314579254031</v>
          </cell>
        </row>
        <row r="3644">
          <cell r="C3644">
            <v>2007</v>
          </cell>
          <cell r="P3644">
            <v>7.0576314579254031</v>
          </cell>
        </row>
        <row r="3645">
          <cell r="C3645">
            <v>2007</v>
          </cell>
          <cell r="P3645">
            <v>7.0576314579254031</v>
          </cell>
        </row>
        <row r="3646">
          <cell r="C3646">
            <v>2007</v>
          </cell>
          <cell r="P3646">
            <v>7.0576314579254031</v>
          </cell>
        </row>
        <row r="3647">
          <cell r="C3647">
            <v>2007</v>
          </cell>
          <cell r="P3647">
            <v>7.0576314579254031</v>
          </cell>
        </row>
        <row r="3648">
          <cell r="C3648">
            <v>2007</v>
          </cell>
          <cell r="P3648">
            <v>7.0576314579254031</v>
          </cell>
        </row>
        <row r="3649">
          <cell r="C3649">
            <v>2007</v>
          </cell>
          <cell r="P3649">
            <v>6.7539206250622259</v>
          </cell>
        </row>
        <row r="3650">
          <cell r="C3650">
            <v>2007</v>
          </cell>
          <cell r="P3650">
            <v>7.0654006438368508</v>
          </cell>
        </row>
        <row r="3651">
          <cell r="C3651">
            <v>2007</v>
          </cell>
          <cell r="P3651">
            <v>7.0654006438368508</v>
          </cell>
        </row>
        <row r="3652">
          <cell r="C3652">
            <v>2007</v>
          </cell>
          <cell r="P3652">
            <v>7.0654006438368508</v>
          </cell>
        </row>
        <row r="3653">
          <cell r="C3653">
            <v>2008</v>
          </cell>
          <cell r="P3653">
            <v>7.1347188310426066</v>
          </cell>
        </row>
        <row r="3654">
          <cell r="C3654">
            <v>2008</v>
          </cell>
          <cell r="P3654">
            <v>7.1347188310426066</v>
          </cell>
        </row>
        <row r="3655">
          <cell r="C3655">
            <v>2008</v>
          </cell>
          <cell r="P3655">
            <v>7.5773955424491399</v>
          </cell>
        </row>
        <row r="3656">
          <cell r="C3656">
            <v>2008</v>
          </cell>
          <cell r="P3656">
            <v>7.5699947374160246</v>
          </cell>
        </row>
        <row r="3657">
          <cell r="C3657">
            <v>2008</v>
          </cell>
          <cell r="P3657">
            <v>7.4178283070125115</v>
          </cell>
        </row>
        <row r="3658">
          <cell r="C3658">
            <v>2008</v>
          </cell>
          <cell r="P3658">
            <v>7.4178283070125115</v>
          </cell>
        </row>
        <row r="3659">
          <cell r="C3659">
            <v>2008</v>
          </cell>
          <cell r="P3659">
            <v>7.4178283070125115</v>
          </cell>
        </row>
        <row r="3660">
          <cell r="C3660">
            <v>2008</v>
          </cell>
          <cell r="P3660">
            <v>7.5052625839761431</v>
          </cell>
        </row>
        <row r="3661">
          <cell r="C3661">
            <v>2008</v>
          </cell>
          <cell r="P3661">
            <v>7.5750866429929404</v>
          </cell>
        </row>
        <row r="3662">
          <cell r="C3662">
            <v>2008</v>
          </cell>
          <cell r="P3662">
            <v>7.8270956699838328</v>
          </cell>
        </row>
        <row r="3663">
          <cell r="C3663">
            <v>2008</v>
          </cell>
          <cell r="P3663">
            <v>7.8738127183853823</v>
          </cell>
        </row>
        <row r="3664">
          <cell r="C3664">
            <v>2008</v>
          </cell>
          <cell r="P3664">
            <v>8.0799765791307738</v>
          </cell>
        </row>
        <row r="3665">
          <cell r="C3665">
            <v>2008</v>
          </cell>
          <cell r="P3665">
            <v>8.0799765791307738</v>
          </cell>
        </row>
        <row r="3666">
          <cell r="C3666">
            <v>2008</v>
          </cell>
          <cell r="P3666">
            <v>8.0799765791307738</v>
          </cell>
        </row>
        <row r="3667">
          <cell r="C3667">
            <v>2008</v>
          </cell>
          <cell r="P3667">
            <v>8.3073330077800893</v>
          </cell>
        </row>
        <row r="3668">
          <cell r="C3668">
            <v>2008</v>
          </cell>
          <cell r="P3668">
            <v>8.176739378825447</v>
          </cell>
        </row>
        <row r="3669">
          <cell r="C3669">
            <v>2008</v>
          </cell>
          <cell r="P3669">
            <v>8.1650640281050428</v>
          </cell>
        </row>
        <row r="3670">
          <cell r="C3670">
            <v>2008</v>
          </cell>
          <cell r="P3670">
            <v>8.0714867510892603</v>
          </cell>
        </row>
        <row r="3671">
          <cell r="C3671">
            <v>2008</v>
          </cell>
          <cell r="P3671">
            <v>8.2194829392716766</v>
          </cell>
        </row>
        <row r="3672">
          <cell r="C3672">
            <v>2008</v>
          </cell>
          <cell r="P3672">
            <v>8.2194829392716766</v>
          </cell>
        </row>
        <row r="3673">
          <cell r="C3673">
            <v>2008</v>
          </cell>
          <cell r="P3673">
            <v>8.2194829392716766</v>
          </cell>
        </row>
        <row r="3674">
          <cell r="C3674">
            <v>2008</v>
          </cell>
          <cell r="P3674">
            <v>8.2194829392716766</v>
          </cell>
        </row>
        <row r="3675">
          <cell r="C3675">
            <v>2008</v>
          </cell>
          <cell r="P3675">
            <v>7.8942893852258873</v>
          </cell>
        </row>
        <row r="3676">
          <cell r="C3676">
            <v>2008</v>
          </cell>
          <cell r="P3676">
            <v>7.7880278585076068</v>
          </cell>
        </row>
        <row r="3677">
          <cell r="C3677">
            <v>2008</v>
          </cell>
          <cell r="P3677">
            <v>7.5877964944553229</v>
          </cell>
        </row>
        <row r="3678">
          <cell r="C3678">
            <v>2008</v>
          </cell>
          <cell r="P3678">
            <v>7.6905126515363413</v>
          </cell>
        </row>
        <row r="3679">
          <cell r="C3679">
            <v>2008</v>
          </cell>
          <cell r="P3679">
            <v>7.6905126515363413</v>
          </cell>
        </row>
        <row r="3680">
          <cell r="C3680">
            <v>2008</v>
          </cell>
          <cell r="P3680">
            <v>7.6905126515363413</v>
          </cell>
        </row>
        <row r="3681">
          <cell r="C3681">
            <v>2008</v>
          </cell>
          <cell r="P3681">
            <v>7.8714658903960206</v>
          </cell>
        </row>
        <row r="3682">
          <cell r="C3682">
            <v>2008</v>
          </cell>
          <cell r="P3682">
            <v>7.885180373880516</v>
          </cell>
        </row>
        <row r="3683">
          <cell r="C3683">
            <v>2008</v>
          </cell>
          <cell r="P3683">
            <v>7.8912565248929694</v>
          </cell>
        </row>
        <row r="3684">
          <cell r="C3684">
            <v>2008</v>
          </cell>
          <cell r="P3684">
            <v>7.9254969823110795</v>
          </cell>
        </row>
        <row r="3685">
          <cell r="C3685">
            <v>2008</v>
          </cell>
          <cell r="P3685">
            <v>7.7310298070859975</v>
          </cell>
        </row>
        <row r="3686">
          <cell r="C3686">
            <v>2008</v>
          </cell>
          <cell r="P3686">
            <v>7.7310298070859975</v>
          </cell>
        </row>
        <row r="3687">
          <cell r="C3687">
            <v>2008</v>
          </cell>
          <cell r="P3687">
            <v>7.7310298070859975</v>
          </cell>
        </row>
        <row r="3688">
          <cell r="C3688">
            <v>2008</v>
          </cell>
          <cell r="P3688">
            <v>7.4862817236621888</v>
          </cell>
        </row>
        <row r="3689">
          <cell r="C3689">
            <v>2008</v>
          </cell>
          <cell r="P3689">
            <v>7.8325905662255879</v>
          </cell>
        </row>
        <row r="3690">
          <cell r="C3690">
            <v>2008</v>
          </cell>
          <cell r="P3690">
            <v>7.9334136153951915</v>
          </cell>
        </row>
        <row r="3691">
          <cell r="C3691">
            <v>2008</v>
          </cell>
          <cell r="P3691">
            <v>8.008633482360862</v>
          </cell>
        </row>
        <row r="3692">
          <cell r="C3692">
            <v>2008</v>
          </cell>
          <cell r="P3692">
            <v>8.0241386667172367</v>
          </cell>
        </row>
        <row r="3693">
          <cell r="C3693">
            <v>2008</v>
          </cell>
          <cell r="P3693">
            <v>8.0241386667172367</v>
          </cell>
        </row>
        <row r="3694">
          <cell r="C3694">
            <v>2008</v>
          </cell>
          <cell r="P3694">
            <v>8.0241386667172367</v>
          </cell>
        </row>
        <row r="3695">
          <cell r="C3695">
            <v>2008</v>
          </cell>
          <cell r="P3695">
            <v>8.3489643139913614</v>
          </cell>
        </row>
        <row r="3696">
          <cell r="C3696">
            <v>2008</v>
          </cell>
          <cell r="P3696">
            <v>8.337021093005502</v>
          </cell>
        </row>
        <row r="3697">
          <cell r="C3697">
            <v>2008</v>
          </cell>
          <cell r="P3697">
            <v>8.2832408035159748</v>
          </cell>
        </row>
        <row r="3698">
          <cell r="C3698">
            <v>2008</v>
          </cell>
          <cell r="P3698">
            <v>8.4090544890789509</v>
          </cell>
        </row>
        <row r="3699">
          <cell r="C3699">
            <v>2008</v>
          </cell>
          <cell r="P3699">
            <v>8.6613569880951822</v>
          </cell>
        </row>
        <row r="3700">
          <cell r="C3700">
            <v>2008</v>
          </cell>
          <cell r="P3700">
            <v>8.6613569880951822</v>
          </cell>
        </row>
        <row r="3701">
          <cell r="C3701">
            <v>2008</v>
          </cell>
          <cell r="P3701">
            <v>8.6613569880951822</v>
          </cell>
        </row>
        <row r="3702">
          <cell r="C3702">
            <v>2008</v>
          </cell>
          <cell r="P3702">
            <v>8.6613569880951822</v>
          </cell>
        </row>
        <row r="3703">
          <cell r="C3703">
            <v>2008</v>
          </cell>
          <cell r="P3703">
            <v>8.9305765611147176</v>
          </cell>
        </row>
        <row r="3704">
          <cell r="C3704">
            <v>2008</v>
          </cell>
          <cell r="P3704">
            <v>9.0535693120238179</v>
          </cell>
        </row>
        <row r="3705">
          <cell r="C3705">
            <v>2008</v>
          </cell>
          <cell r="P3705">
            <v>8.8472807612256599</v>
          </cell>
        </row>
        <row r="3706">
          <cell r="C3706">
            <v>2008</v>
          </cell>
          <cell r="P3706">
            <v>8.7585346311213108</v>
          </cell>
        </row>
        <row r="3707">
          <cell r="C3707">
            <v>2008</v>
          </cell>
          <cell r="P3707">
            <v>8.7585346311213108</v>
          </cell>
        </row>
        <row r="3708">
          <cell r="C3708">
            <v>2008</v>
          </cell>
          <cell r="P3708">
            <v>8.7585346311213108</v>
          </cell>
        </row>
        <row r="3709">
          <cell r="C3709">
            <v>2008</v>
          </cell>
          <cell r="P3709">
            <v>9.0136684951380364</v>
          </cell>
        </row>
        <row r="3710">
          <cell r="C3710">
            <v>2008</v>
          </cell>
          <cell r="P3710">
            <v>8.9698235849101327</v>
          </cell>
        </row>
        <row r="3711">
          <cell r="C3711">
            <v>2008</v>
          </cell>
          <cell r="P3711">
            <v>8.8034126197711942</v>
          </cell>
        </row>
        <row r="3712">
          <cell r="C3712">
            <v>2008</v>
          </cell>
          <cell r="P3712">
            <v>8.7410775496271143</v>
          </cell>
        </row>
        <row r="3713">
          <cell r="C3713">
            <v>2008</v>
          </cell>
          <cell r="P3713">
            <v>8.9607781038578054</v>
          </cell>
        </row>
        <row r="3714">
          <cell r="C3714">
            <v>2008</v>
          </cell>
          <cell r="P3714">
            <v>8.9607781038578054</v>
          </cell>
        </row>
        <row r="3715">
          <cell r="C3715">
            <v>2008</v>
          </cell>
          <cell r="P3715">
            <v>8.9607781038578054</v>
          </cell>
        </row>
        <row r="3716">
          <cell r="C3716">
            <v>2008</v>
          </cell>
          <cell r="P3716">
            <v>9.1202144858550263</v>
          </cell>
        </row>
        <row r="3717">
          <cell r="C3717">
            <v>2008</v>
          </cell>
          <cell r="P3717">
            <v>9.1524793408020937</v>
          </cell>
        </row>
        <row r="3718">
          <cell r="C3718">
            <v>2008</v>
          </cell>
          <cell r="P3718">
            <v>9.2540197133551096</v>
          </cell>
        </row>
        <row r="3719">
          <cell r="C3719">
            <v>2008</v>
          </cell>
          <cell r="P3719">
            <v>9.3753568837917136</v>
          </cell>
        </row>
        <row r="3720">
          <cell r="C3720">
            <v>2008</v>
          </cell>
          <cell r="P3720">
            <v>9.5754635577912328</v>
          </cell>
        </row>
        <row r="3721">
          <cell r="C3721">
            <v>2008</v>
          </cell>
          <cell r="P3721">
            <v>9.5754635577912328</v>
          </cell>
        </row>
        <row r="3722">
          <cell r="C3722">
            <v>2008</v>
          </cell>
          <cell r="P3722">
            <v>9.5754635577912328</v>
          </cell>
        </row>
        <row r="3723">
          <cell r="C3723">
            <v>2008</v>
          </cell>
          <cell r="P3723">
            <v>9.4593761704508275</v>
          </cell>
        </row>
        <row r="3724">
          <cell r="C3724">
            <v>2008</v>
          </cell>
          <cell r="P3724">
            <v>9.6357561764245716</v>
          </cell>
        </row>
        <row r="3725">
          <cell r="C3725">
            <v>2008</v>
          </cell>
          <cell r="P3725">
            <v>9.5768488974649522</v>
          </cell>
        </row>
        <row r="3726">
          <cell r="C3726">
            <v>2008</v>
          </cell>
          <cell r="P3726">
            <v>9.5796219473457125</v>
          </cell>
        </row>
        <row r="3727">
          <cell r="C3727">
            <v>2008</v>
          </cell>
          <cell r="P3727">
            <v>9.78469394044272</v>
          </cell>
        </row>
        <row r="3728">
          <cell r="C3728">
            <v>2008</v>
          </cell>
          <cell r="P3728">
            <v>9.78469394044272</v>
          </cell>
        </row>
        <row r="3729">
          <cell r="C3729">
            <v>2008</v>
          </cell>
          <cell r="P3729">
            <v>9.78469394044272</v>
          </cell>
        </row>
        <row r="3730">
          <cell r="C3730">
            <v>2008</v>
          </cell>
          <cell r="P3730">
            <v>9.4565419608103412</v>
          </cell>
        </row>
        <row r="3731">
          <cell r="C3731">
            <v>2008</v>
          </cell>
          <cell r="P3731">
            <v>9.0511219734215818</v>
          </cell>
        </row>
        <row r="3732">
          <cell r="C3732">
            <v>2008</v>
          </cell>
          <cell r="P3732">
            <v>9.0855468583321848</v>
          </cell>
        </row>
        <row r="3733">
          <cell r="C3733">
            <v>2008</v>
          </cell>
          <cell r="P3733">
            <v>8.9144090497480093</v>
          </cell>
        </row>
        <row r="3734">
          <cell r="C3734">
            <v>2008</v>
          </cell>
          <cell r="P3734">
            <v>8.9144090497480093</v>
          </cell>
        </row>
        <row r="3735">
          <cell r="C3735">
            <v>2008</v>
          </cell>
          <cell r="P3735">
            <v>8.9144090497480093</v>
          </cell>
        </row>
        <row r="3736">
          <cell r="C3736">
            <v>2008</v>
          </cell>
          <cell r="P3736">
            <v>8.9144090497480093</v>
          </cell>
        </row>
        <row r="3737">
          <cell r="C3737">
            <v>2008</v>
          </cell>
          <cell r="P3737">
            <v>9.2392626693153428</v>
          </cell>
        </row>
        <row r="3738">
          <cell r="C3738">
            <v>2008</v>
          </cell>
          <cell r="P3738">
            <v>9.408717873347145</v>
          </cell>
        </row>
        <row r="3739">
          <cell r="C3739">
            <v>2008</v>
          </cell>
          <cell r="P3739">
            <v>9.4887138908511623</v>
          </cell>
        </row>
        <row r="3740">
          <cell r="C3740">
            <v>2008</v>
          </cell>
          <cell r="P3740">
            <v>9.4771978399700352</v>
          </cell>
        </row>
        <row r="3741">
          <cell r="C3741">
            <v>2008</v>
          </cell>
          <cell r="P3741">
            <v>9.7020287024174703</v>
          </cell>
        </row>
        <row r="3742">
          <cell r="C3742">
            <v>2008</v>
          </cell>
          <cell r="P3742">
            <v>9.7020287024174703</v>
          </cell>
        </row>
        <row r="3743">
          <cell r="C3743">
            <v>2008</v>
          </cell>
          <cell r="P3743">
            <v>9.7020287024174703</v>
          </cell>
        </row>
        <row r="3744">
          <cell r="C3744">
            <v>2008</v>
          </cell>
          <cell r="P3744">
            <v>10.204778995178335</v>
          </cell>
        </row>
        <row r="3745">
          <cell r="C3745">
            <v>2008</v>
          </cell>
          <cell r="P3745">
            <v>10.18123675464506</v>
          </cell>
        </row>
        <row r="3746">
          <cell r="C3746">
            <v>2008</v>
          </cell>
          <cell r="P3746">
            <v>9.7223418024587165</v>
          </cell>
        </row>
        <row r="3747">
          <cell r="C3747">
            <v>2008</v>
          </cell>
          <cell r="P3747">
            <v>9.7271848020367617</v>
          </cell>
        </row>
        <row r="3748">
          <cell r="C3748">
            <v>2008</v>
          </cell>
          <cell r="P3748">
            <v>9.5253628101250225</v>
          </cell>
        </row>
        <row r="3749">
          <cell r="C3749">
            <v>2008</v>
          </cell>
          <cell r="P3749">
            <v>9.5253628101250225</v>
          </cell>
        </row>
        <row r="3750">
          <cell r="C3750">
            <v>2008</v>
          </cell>
          <cell r="P3750">
            <v>9.5253628101250225</v>
          </cell>
        </row>
        <row r="3751">
          <cell r="C3751">
            <v>2008</v>
          </cell>
          <cell r="P3751">
            <v>9.6775079057286302</v>
          </cell>
        </row>
        <row r="3752">
          <cell r="C3752">
            <v>2008</v>
          </cell>
          <cell r="P3752">
            <v>9.9130962483939626</v>
          </cell>
        </row>
        <row r="3753">
          <cell r="C3753">
            <v>2008</v>
          </cell>
          <cell r="P3753">
            <v>10.120392749960887</v>
          </cell>
        </row>
        <row r="3754">
          <cell r="C3754">
            <v>2008</v>
          </cell>
          <cell r="P3754">
            <v>10.327493919582027</v>
          </cell>
        </row>
        <row r="3755">
          <cell r="C3755">
            <v>2008</v>
          </cell>
          <cell r="P3755">
            <v>10.194514111784871</v>
          </cell>
        </row>
        <row r="3756">
          <cell r="C3756">
            <v>2008</v>
          </cell>
          <cell r="P3756">
            <v>10.194514111784871</v>
          </cell>
        </row>
        <row r="3757">
          <cell r="C3757">
            <v>2008</v>
          </cell>
          <cell r="P3757">
            <v>10.194514111784871</v>
          </cell>
        </row>
        <row r="3758">
          <cell r="C3758">
            <v>2008</v>
          </cell>
          <cell r="P3758">
            <v>10.13913134176927</v>
          </cell>
        </row>
        <row r="3759">
          <cell r="C3759">
            <v>2008</v>
          </cell>
          <cell r="P3759">
            <v>10.295734936445999</v>
          </cell>
        </row>
        <row r="3760">
          <cell r="C3760">
            <v>2008</v>
          </cell>
          <cell r="P3760">
            <v>10.047671425117223</v>
          </cell>
        </row>
        <row r="3761">
          <cell r="C3761">
            <v>2008</v>
          </cell>
          <cell r="P3761">
            <v>10.33724534545782</v>
          </cell>
        </row>
        <row r="3762">
          <cell r="C3762">
            <v>2008</v>
          </cell>
          <cell r="P3762">
            <v>10.283697842340569</v>
          </cell>
        </row>
        <row r="3763">
          <cell r="C3763">
            <v>2008</v>
          </cell>
          <cell r="P3763">
            <v>10.283697842340569</v>
          </cell>
        </row>
        <row r="3764">
          <cell r="C3764">
            <v>2008</v>
          </cell>
          <cell r="P3764">
            <v>10.283697842340569</v>
          </cell>
        </row>
        <row r="3765">
          <cell r="C3765">
            <v>2008</v>
          </cell>
          <cell r="P3765">
            <v>10.508731622440415</v>
          </cell>
        </row>
        <row r="3766">
          <cell r="C3766">
            <v>2008</v>
          </cell>
          <cell r="P3766">
            <v>10.536117445702933</v>
          </cell>
        </row>
        <row r="3767">
          <cell r="C3767">
            <v>2008</v>
          </cell>
          <cell r="P3767">
            <v>10.541901547010045</v>
          </cell>
        </row>
        <row r="3768">
          <cell r="C3768">
            <v>2008</v>
          </cell>
          <cell r="P3768">
            <v>10.716940305229871</v>
          </cell>
        </row>
        <row r="3769">
          <cell r="C3769">
            <v>2008</v>
          </cell>
          <cell r="P3769">
            <v>10.919446433058509</v>
          </cell>
        </row>
        <row r="3770">
          <cell r="C3770">
            <v>2008</v>
          </cell>
          <cell r="P3770">
            <v>10.919446433058509</v>
          </cell>
        </row>
        <row r="3771">
          <cell r="C3771">
            <v>2008</v>
          </cell>
          <cell r="P3771">
            <v>10.919446433058509</v>
          </cell>
        </row>
        <row r="3772">
          <cell r="C3772">
            <v>2008</v>
          </cell>
          <cell r="P3772">
            <v>11.117459926134179</v>
          </cell>
        </row>
        <row r="3773">
          <cell r="C3773">
            <v>2008</v>
          </cell>
          <cell r="P3773">
            <v>11.028088923445996</v>
          </cell>
        </row>
        <row r="3774">
          <cell r="C3774">
            <v>2008</v>
          </cell>
          <cell r="P3774">
            <v>10.783098571516621</v>
          </cell>
        </row>
        <row r="3775">
          <cell r="C3775">
            <v>2008</v>
          </cell>
          <cell r="P3775">
            <v>10.709601608169805</v>
          </cell>
        </row>
        <row r="3776">
          <cell r="C3776">
            <v>2008</v>
          </cell>
          <cell r="P3776">
            <v>10.553632368210199</v>
          </cell>
        </row>
        <row r="3777">
          <cell r="C3777">
            <v>2008</v>
          </cell>
          <cell r="P3777">
            <v>10.553632368210199</v>
          </cell>
        </row>
        <row r="3778">
          <cell r="C3778">
            <v>2008</v>
          </cell>
          <cell r="P3778">
            <v>10.553632368210199</v>
          </cell>
        </row>
        <row r="3779">
          <cell r="C3779">
            <v>2008</v>
          </cell>
          <cell r="P3779">
            <v>10.843945420840779</v>
          </cell>
        </row>
        <row r="3780">
          <cell r="C3780">
            <v>2008</v>
          </cell>
          <cell r="P3780">
            <v>11.042529738340534</v>
          </cell>
        </row>
        <row r="3781">
          <cell r="C3781">
            <v>2008</v>
          </cell>
          <cell r="P3781">
            <v>10.936854681566256</v>
          </cell>
        </row>
        <row r="3782">
          <cell r="C3782">
            <v>2008</v>
          </cell>
          <cell r="P3782">
            <v>11.264209687895582</v>
          </cell>
        </row>
        <row r="3783">
          <cell r="C3783">
            <v>2008</v>
          </cell>
          <cell r="P3783">
            <v>11.233319742275617</v>
          </cell>
        </row>
        <row r="3784">
          <cell r="C3784">
            <v>2008</v>
          </cell>
          <cell r="P3784">
            <v>11.233319742275617</v>
          </cell>
        </row>
        <row r="3785">
          <cell r="C3785">
            <v>2008</v>
          </cell>
          <cell r="P3785">
            <v>11.233319742275617</v>
          </cell>
        </row>
        <row r="3786">
          <cell r="C3786">
            <v>2008</v>
          </cell>
          <cell r="P3786">
            <v>11.237313616817511</v>
          </cell>
        </row>
        <row r="3787">
          <cell r="C3787">
            <v>2008</v>
          </cell>
          <cell r="P3787">
            <v>11.080669248967631</v>
          </cell>
        </row>
        <row r="3788">
          <cell r="C3788">
            <v>2008</v>
          </cell>
          <cell r="P3788">
            <v>11.368063226864779</v>
          </cell>
        </row>
        <row r="3789">
          <cell r="C3789">
            <v>2008</v>
          </cell>
          <cell r="P3789">
            <v>11.295702223086149</v>
          </cell>
        </row>
        <row r="3790">
          <cell r="C3790">
            <v>2008</v>
          </cell>
          <cell r="P3790">
            <v>11.138935061610161</v>
          </cell>
        </row>
        <row r="3791">
          <cell r="C3791">
            <v>2008</v>
          </cell>
          <cell r="P3791">
            <v>11.138935061610161</v>
          </cell>
        </row>
        <row r="3792">
          <cell r="C3792">
            <v>2008</v>
          </cell>
          <cell r="P3792">
            <v>11.138935061610161</v>
          </cell>
        </row>
        <row r="3793">
          <cell r="C3793">
            <v>2008</v>
          </cell>
          <cell r="P3793">
            <v>10.860107242927512</v>
          </cell>
        </row>
        <row r="3794">
          <cell r="C3794">
            <v>2008</v>
          </cell>
          <cell r="P3794">
            <v>10.823414231733853</v>
          </cell>
        </row>
        <row r="3795">
          <cell r="C3795">
            <v>2008</v>
          </cell>
          <cell r="P3795">
            <v>11.005035960990503</v>
          </cell>
        </row>
        <row r="3796">
          <cell r="C3796">
            <v>2008</v>
          </cell>
          <cell r="P3796">
            <v>11.136244980395688</v>
          </cell>
        </row>
        <row r="3797">
          <cell r="C3797">
            <v>2008</v>
          </cell>
          <cell r="P3797">
            <v>11.278229970178689</v>
          </cell>
        </row>
        <row r="3798">
          <cell r="C3798">
            <v>2008</v>
          </cell>
          <cell r="P3798">
            <v>11.278229970178689</v>
          </cell>
        </row>
        <row r="3799">
          <cell r="C3799">
            <v>2008</v>
          </cell>
          <cell r="P3799">
            <v>11.278229970178689</v>
          </cell>
        </row>
        <row r="3800">
          <cell r="C3800">
            <v>2008</v>
          </cell>
          <cell r="P3800">
            <v>11.278229970178689</v>
          </cell>
        </row>
        <row r="3801">
          <cell r="C3801">
            <v>2008</v>
          </cell>
          <cell r="P3801">
            <v>11.484830009055436</v>
          </cell>
        </row>
        <row r="3802">
          <cell r="C3802">
            <v>2008</v>
          </cell>
          <cell r="P3802">
            <v>11.319448329485166</v>
          </cell>
        </row>
        <row r="3803">
          <cell r="C3803">
            <v>2008</v>
          </cell>
          <cell r="P3803">
            <v>11.167389047187836</v>
          </cell>
        </row>
        <row r="3804">
          <cell r="C3804">
            <v>2008</v>
          </cell>
          <cell r="P3804">
            <v>11.105167288536572</v>
          </cell>
        </row>
        <row r="3805">
          <cell r="C3805">
            <v>2008</v>
          </cell>
          <cell r="P3805">
            <v>11.105167288536572</v>
          </cell>
        </row>
        <row r="3806">
          <cell r="C3806">
            <v>2008</v>
          </cell>
          <cell r="P3806">
            <v>11.105167288536572</v>
          </cell>
        </row>
        <row r="3807">
          <cell r="C3807">
            <v>2008</v>
          </cell>
          <cell r="P3807">
            <v>11.474054986890952</v>
          </cell>
        </row>
        <row r="3808">
          <cell r="C3808">
            <v>2008</v>
          </cell>
          <cell r="P3808">
            <v>11.813045044874196</v>
          </cell>
        </row>
        <row r="3809">
          <cell r="C3809">
            <v>2008</v>
          </cell>
          <cell r="P3809">
            <v>11.764800424799571</v>
          </cell>
        </row>
        <row r="3810">
          <cell r="C3810">
            <v>2008</v>
          </cell>
          <cell r="P3810">
            <v>11.985815676810969</v>
          </cell>
        </row>
        <row r="3811">
          <cell r="C3811">
            <v>2008</v>
          </cell>
          <cell r="P3811">
            <v>12.151587072059471</v>
          </cell>
        </row>
        <row r="3812">
          <cell r="C3812">
            <v>2008</v>
          </cell>
          <cell r="P3812">
            <v>12.151587072059471</v>
          </cell>
        </row>
        <row r="3813">
          <cell r="C3813">
            <v>2008</v>
          </cell>
          <cell r="P3813">
            <v>12.151587072059471</v>
          </cell>
        </row>
        <row r="3814">
          <cell r="C3814">
            <v>2008</v>
          </cell>
          <cell r="P3814">
            <v>12.226001905908788</v>
          </cell>
        </row>
        <row r="3815">
          <cell r="C3815">
            <v>2008</v>
          </cell>
          <cell r="P3815">
            <v>12.344649943344253</v>
          </cell>
        </row>
        <row r="3816">
          <cell r="C3816">
            <v>2008</v>
          </cell>
          <cell r="P3816">
            <v>12.242198337782034</v>
          </cell>
        </row>
        <row r="3817">
          <cell r="C3817">
            <v>2008</v>
          </cell>
          <cell r="P3817">
            <v>12.326541913399677</v>
          </cell>
        </row>
        <row r="3818">
          <cell r="C3818">
            <v>2008</v>
          </cell>
          <cell r="P3818">
            <v>12.38677716512661</v>
          </cell>
        </row>
        <row r="3819">
          <cell r="C3819">
            <v>2008</v>
          </cell>
          <cell r="P3819">
            <v>12.38677716512661</v>
          </cell>
        </row>
        <row r="3820">
          <cell r="C3820">
            <v>2008</v>
          </cell>
          <cell r="P3820">
            <v>12.38677716512661</v>
          </cell>
        </row>
        <row r="3821">
          <cell r="C3821">
            <v>2008</v>
          </cell>
          <cell r="P3821">
            <v>12.557821574697874</v>
          </cell>
        </row>
        <row r="3822">
          <cell r="C3822">
            <v>2008</v>
          </cell>
          <cell r="P3822">
            <v>12.66878434310151</v>
          </cell>
        </row>
        <row r="3823">
          <cell r="C3823">
            <v>2008</v>
          </cell>
          <cell r="P3823">
            <v>12.749221279803528</v>
          </cell>
        </row>
        <row r="3824">
          <cell r="C3824">
            <v>2008</v>
          </cell>
          <cell r="P3824">
            <v>12.840153041631307</v>
          </cell>
        </row>
        <row r="3825">
          <cell r="C3825">
            <v>2008</v>
          </cell>
          <cell r="P3825">
            <v>12.760633975431794</v>
          </cell>
        </row>
        <row r="3826">
          <cell r="C3826">
            <v>2008</v>
          </cell>
          <cell r="P3826">
            <v>12.760633975431794</v>
          </cell>
        </row>
        <row r="3827">
          <cell r="C3827">
            <v>2008</v>
          </cell>
          <cell r="P3827">
            <v>12.760633975431794</v>
          </cell>
        </row>
        <row r="3828">
          <cell r="C3828">
            <v>2008</v>
          </cell>
          <cell r="P3828">
            <v>12.889075634236189</v>
          </cell>
        </row>
        <row r="3829">
          <cell r="C3829">
            <v>2008</v>
          </cell>
          <cell r="P3829">
            <v>12.840416644936777</v>
          </cell>
        </row>
        <row r="3830">
          <cell r="C3830">
            <v>2008</v>
          </cell>
          <cell r="P3830">
            <v>12.651752061178723</v>
          </cell>
        </row>
        <row r="3831">
          <cell r="C3831">
            <v>2008</v>
          </cell>
          <cell r="P3831">
            <v>12.547903737382834</v>
          </cell>
        </row>
        <row r="3832">
          <cell r="C3832">
            <v>2008</v>
          </cell>
          <cell r="P3832">
            <v>12.862343129957376</v>
          </cell>
        </row>
        <row r="3833">
          <cell r="C3833">
            <v>2008</v>
          </cell>
          <cell r="P3833">
            <v>12.862343129957376</v>
          </cell>
        </row>
        <row r="3834">
          <cell r="C3834">
            <v>2008</v>
          </cell>
          <cell r="P3834">
            <v>12.862343129957376</v>
          </cell>
        </row>
        <row r="3835">
          <cell r="C3835">
            <v>2008</v>
          </cell>
          <cell r="P3835">
            <v>13.08243956325294</v>
          </cell>
        </row>
        <row r="3836">
          <cell r="C3836">
            <v>2008</v>
          </cell>
          <cell r="P3836">
            <v>13.164536821494099</v>
          </cell>
        </row>
        <row r="3837">
          <cell r="C3837">
            <v>2008</v>
          </cell>
          <cell r="P3837">
            <v>13.018835783674609</v>
          </cell>
        </row>
        <row r="3838">
          <cell r="C3838">
            <v>2008</v>
          </cell>
          <cell r="P3838">
            <v>12.900061159759721</v>
          </cell>
        </row>
        <row r="3839">
          <cell r="C3839">
            <v>2008</v>
          </cell>
          <cell r="P3839">
            <v>12.631665110016453</v>
          </cell>
        </row>
        <row r="3840">
          <cell r="C3840">
            <v>2008</v>
          </cell>
          <cell r="P3840">
            <v>12.631665110016453</v>
          </cell>
        </row>
        <row r="3841">
          <cell r="C3841">
            <v>2008</v>
          </cell>
          <cell r="P3841">
            <v>12.631665110016453</v>
          </cell>
        </row>
        <row r="3842">
          <cell r="C3842">
            <v>2008</v>
          </cell>
          <cell r="P3842">
            <v>12.631665110016453</v>
          </cell>
        </row>
        <row r="3843">
          <cell r="C3843">
            <v>2008</v>
          </cell>
          <cell r="P3843">
            <v>12.151248085794339</v>
          </cell>
        </row>
        <row r="3844">
          <cell r="C3844">
            <v>2008</v>
          </cell>
          <cell r="P3844">
            <v>11.731477363777302</v>
          </cell>
        </row>
        <row r="3845">
          <cell r="C3845">
            <v>2008</v>
          </cell>
          <cell r="P3845">
            <v>11.585620344865188</v>
          </cell>
        </row>
        <row r="3846">
          <cell r="C3846">
            <v>2008</v>
          </cell>
          <cell r="P3846">
            <v>11.741615660691343</v>
          </cell>
        </row>
        <row r="3847">
          <cell r="C3847">
            <v>2008</v>
          </cell>
          <cell r="P3847">
            <v>11.741615660691343</v>
          </cell>
        </row>
        <row r="3848">
          <cell r="C3848">
            <v>2008</v>
          </cell>
          <cell r="P3848">
            <v>11.741615660691343</v>
          </cell>
        </row>
        <row r="3849">
          <cell r="C3849">
            <v>2008</v>
          </cell>
          <cell r="P3849">
            <v>11.385959331130316</v>
          </cell>
        </row>
        <row r="3850">
          <cell r="C3850">
            <v>2008</v>
          </cell>
          <cell r="P3850">
            <v>11.368063226864779</v>
          </cell>
        </row>
        <row r="3851">
          <cell r="C3851">
            <v>2008</v>
          </cell>
          <cell r="P3851">
            <v>10.91824172802397</v>
          </cell>
        </row>
        <row r="3852">
          <cell r="C3852">
            <v>2008</v>
          </cell>
          <cell r="P3852">
            <v>10.85067062387696</v>
          </cell>
        </row>
        <row r="3853">
          <cell r="C3853">
            <v>2008</v>
          </cell>
          <cell r="P3853">
            <v>10.266382518739064</v>
          </cell>
        </row>
        <row r="3854">
          <cell r="C3854">
            <v>2008</v>
          </cell>
          <cell r="P3854">
            <v>10.266382518739064</v>
          </cell>
        </row>
        <row r="3855">
          <cell r="C3855">
            <v>2008</v>
          </cell>
          <cell r="P3855">
            <v>10.266382518739064</v>
          </cell>
        </row>
        <row r="3856">
          <cell r="C3856">
            <v>2008</v>
          </cell>
          <cell r="P3856">
            <v>10.205197157256439</v>
          </cell>
        </row>
        <row r="3857">
          <cell r="C3857">
            <v>2008</v>
          </cell>
          <cell r="P3857">
            <v>9.8687388288617157</v>
          </cell>
        </row>
        <row r="3858">
          <cell r="C3858">
            <v>2008</v>
          </cell>
          <cell r="P3858">
            <v>9.847760557170151</v>
          </cell>
        </row>
        <row r="3859">
          <cell r="C3859">
            <v>2008</v>
          </cell>
          <cell r="P3859">
            <v>9.4751468545393358</v>
          </cell>
        </row>
        <row r="3860">
          <cell r="C3860">
            <v>2008</v>
          </cell>
          <cell r="P3860">
            <v>9.122026521526811</v>
          </cell>
        </row>
        <row r="3861">
          <cell r="C3861">
            <v>2008</v>
          </cell>
          <cell r="P3861">
            <v>9.122026521526811</v>
          </cell>
        </row>
        <row r="3862">
          <cell r="C3862">
            <v>2008</v>
          </cell>
          <cell r="P3862">
            <v>9.122026521526811</v>
          </cell>
        </row>
        <row r="3863">
          <cell r="C3863">
            <v>2008</v>
          </cell>
          <cell r="P3863">
            <v>9.1450026787026548</v>
          </cell>
        </row>
        <row r="3864">
          <cell r="C3864">
            <v>2008</v>
          </cell>
          <cell r="P3864">
            <v>9.0242197389568712</v>
          </cell>
        </row>
        <row r="3865">
          <cell r="C3865">
            <v>2008</v>
          </cell>
          <cell r="P3865">
            <v>8.8229894321624478</v>
          </cell>
        </row>
        <row r="3866">
          <cell r="C3866">
            <v>2008</v>
          </cell>
          <cell r="P3866">
            <v>9.0498793398538808</v>
          </cell>
        </row>
        <row r="3867">
          <cell r="C3867">
            <v>2008</v>
          </cell>
          <cell r="P3867">
            <v>9.0026009491615433</v>
          </cell>
        </row>
        <row r="3868">
          <cell r="C3868">
            <v>2008</v>
          </cell>
          <cell r="P3868">
            <v>9.0026009491615433</v>
          </cell>
        </row>
        <row r="3869">
          <cell r="C3869">
            <v>2008</v>
          </cell>
          <cell r="P3869">
            <v>9.0026009491615433</v>
          </cell>
        </row>
        <row r="3870">
          <cell r="C3870">
            <v>2008</v>
          </cell>
          <cell r="P3870">
            <v>9.0123229804241358</v>
          </cell>
        </row>
        <row r="3871">
          <cell r="C3871">
            <v>2008</v>
          </cell>
          <cell r="P3871">
            <v>8.7096295804630124</v>
          </cell>
        </row>
        <row r="3872">
          <cell r="C3872">
            <v>2008</v>
          </cell>
          <cell r="P3872">
            <v>8.6917832573972476</v>
          </cell>
        </row>
        <row r="3873">
          <cell r="C3873">
            <v>2008</v>
          </cell>
          <cell r="P3873">
            <v>8.775653200457036</v>
          </cell>
        </row>
        <row r="3874">
          <cell r="C3874">
            <v>2008</v>
          </cell>
          <cell r="P3874">
            <v>8.429080754588167</v>
          </cell>
        </row>
        <row r="3875">
          <cell r="C3875">
            <v>2008</v>
          </cell>
          <cell r="P3875">
            <v>8.429080754588167</v>
          </cell>
        </row>
        <row r="3876">
          <cell r="C3876">
            <v>2008</v>
          </cell>
          <cell r="P3876">
            <v>8.429080754588167</v>
          </cell>
        </row>
        <row r="3877">
          <cell r="C3877">
            <v>2008</v>
          </cell>
          <cell r="P3877">
            <v>8.3971326028929987</v>
          </cell>
        </row>
        <row r="3878">
          <cell r="C3878">
            <v>2008</v>
          </cell>
          <cell r="P3878">
            <v>8.4394399852078728</v>
          </cell>
        </row>
        <row r="3879">
          <cell r="C3879">
            <v>2008</v>
          </cell>
          <cell r="P3879">
            <v>8.2811371922455113</v>
          </cell>
        </row>
        <row r="3880">
          <cell r="C3880">
            <v>2008</v>
          </cell>
          <cell r="P3880">
            <v>8.3681912356642005</v>
          </cell>
        </row>
        <row r="3881">
          <cell r="C3881">
            <v>2008</v>
          </cell>
          <cell r="P3881">
            <v>8.0627655589954621</v>
          </cell>
        </row>
        <row r="3882">
          <cell r="C3882">
            <v>2008</v>
          </cell>
          <cell r="P3882">
            <v>8.0627655589954621</v>
          </cell>
        </row>
        <row r="3883">
          <cell r="C3883">
            <v>2008</v>
          </cell>
          <cell r="P3883">
            <v>8.0627655589954621</v>
          </cell>
        </row>
        <row r="3884">
          <cell r="C3884">
            <v>2008</v>
          </cell>
          <cell r="P3884">
            <v>8.0094465752905073</v>
          </cell>
        </row>
        <row r="3885">
          <cell r="C3885">
            <v>2008</v>
          </cell>
          <cell r="P3885">
            <v>8.0159859285141959</v>
          </cell>
        </row>
        <row r="3886">
          <cell r="C3886">
            <v>2008</v>
          </cell>
          <cell r="P3886">
            <v>8.1880591495474633</v>
          </cell>
        </row>
        <row r="3887">
          <cell r="C3887">
            <v>2008</v>
          </cell>
          <cell r="P3887">
            <v>8.1001616703726</v>
          </cell>
        </row>
        <row r="3888">
          <cell r="C3888">
            <v>2008</v>
          </cell>
          <cell r="P3888">
            <v>8.0322961459869244</v>
          </cell>
        </row>
        <row r="3889">
          <cell r="C3889">
            <v>2008</v>
          </cell>
          <cell r="P3889">
            <v>8.0322961459869244</v>
          </cell>
        </row>
        <row r="3890">
          <cell r="C3890">
            <v>2008</v>
          </cell>
          <cell r="P3890">
            <v>8.0322961459869244</v>
          </cell>
        </row>
        <row r="3891">
          <cell r="C3891">
            <v>2008</v>
          </cell>
          <cell r="P3891">
            <v>7.6251371353527118</v>
          </cell>
        </row>
        <row r="3892">
          <cell r="C3892">
            <v>2008</v>
          </cell>
          <cell r="P3892">
            <v>8.1061681277053701</v>
          </cell>
        </row>
        <row r="3893">
          <cell r="C3893">
            <v>2008</v>
          </cell>
          <cell r="P3893">
            <v>8.4266628105991277</v>
          </cell>
        </row>
        <row r="3894">
          <cell r="C3894">
            <v>2008</v>
          </cell>
          <cell r="P3894">
            <v>8.2791511594278457</v>
          </cell>
        </row>
        <row r="3895">
          <cell r="C3895">
            <v>2008</v>
          </cell>
          <cell r="P3895">
            <v>8.2268211622250771</v>
          </cell>
        </row>
        <row r="3896">
          <cell r="C3896">
            <v>2008</v>
          </cell>
          <cell r="P3896">
            <v>8.2268211622250771</v>
          </cell>
        </row>
        <row r="3897">
          <cell r="C3897">
            <v>2008</v>
          </cell>
          <cell r="P3897">
            <v>8.2268211622250771</v>
          </cell>
        </row>
        <row r="3898">
          <cell r="C3898">
            <v>2008</v>
          </cell>
          <cell r="P3898">
            <v>8.2268211622250771</v>
          </cell>
        </row>
        <row r="3899">
          <cell r="C3899">
            <v>2008</v>
          </cell>
          <cell r="P3899">
            <v>7.6151965409177755</v>
          </cell>
        </row>
        <row r="3900">
          <cell r="C3900">
            <v>2008</v>
          </cell>
          <cell r="P3900">
            <v>7.2516008211527421</v>
          </cell>
        </row>
        <row r="3901">
          <cell r="C3901">
            <v>2008</v>
          </cell>
          <cell r="P3901">
            <v>7.305801643253699</v>
          </cell>
        </row>
        <row r="3902">
          <cell r="C3902">
            <v>2008</v>
          </cell>
          <cell r="P3902">
            <v>7.5270937735571746</v>
          </cell>
        </row>
        <row r="3903">
          <cell r="C3903">
            <v>2008</v>
          </cell>
          <cell r="P3903">
            <v>7.5270937735571746</v>
          </cell>
        </row>
        <row r="3904">
          <cell r="C3904">
            <v>2008</v>
          </cell>
          <cell r="P3904">
            <v>7.5270937735571746</v>
          </cell>
        </row>
        <row r="3905">
          <cell r="C3905">
            <v>2008</v>
          </cell>
          <cell r="P3905">
            <v>7.7840538964456218</v>
          </cell>
        </row>
        <row r="3906">
          <cell r="C3906">
            <v>2008</v>
          </cell>
          <cell r="P3906">
            <v>7.3970211878268373</v>
          </cell>
        </row>
        <row r="3907">
          <cell r="C3907">
            <v>2008</v>
          </cell>
          <cell r="P3907">
            <v>7.6822546616537792</v>
          </cell>
        </row>
        <row r="3908">
          <cell r="C3908">
            <v>2008</v>
          </cell>
          <cell r="P3908">
            <v>7.6828017807446303</v>
          </cell>
        </row>
        <row r="3909">
          <cell r="C3909">
            <v>2008</v>
          </cell>
          <cell r="P3909">
            <v>7.4843388345509965</v>
          </cell>
        </row>
        <row r="3910">
          <cell r="C3910">
            <v>2008</v>
          </cell>
          <cell r="P3910">
            <v>7.4843388345509965</v>
          </cell>
        </row>
        <row r="3911">
          <cell r="C3911">
            <v>2008</v>
          </cell>
          <cell r="P3911">
            <v>7.4843388345509965</v>
          </cell>
        </row>
        <row r="3912">
          <cell r="C3912">
            <v>2008</v>
          </cell>
          <cell r="P3912">
            <v>7.3197052952973367</v>
          </cell>
        </row>
        <row r="3913">
          <cell r="C3913">
            <v>2008</v>
          </cell>
          <cell r="P3913">
            <v>7.3893164804217637</v>
          </cell>
        </row>
        <row r="3914">
          <cell r="C3914">
            <v>2008</v>
          </cell>
          <cell r="P3914">
            <v>7.6173153236015043</v>
          </cell>
        </row>
        <row r="3915">
          <cell r="C3915">
            <v>2008</v>
          </cell>
          <cell r="P3915">
            <v>7.965262204690811</v>
          </cell>
        </row>
        <row r="3916">
          <cell r="C3916">
            <v>2008</v>
          </cell>
          <cell r="P3916">
            <v>7.5302314114629505</v>
          </cell>
        </row>
        <row r="3917">
          <cell r="C3917">
            <v>2008</v>
          </cell>
          <cell r="P3917">
            <v>7.5302314114629505</v>
          </cell>
        </row>
        <row r="3918">
          <cell r="C3918">
            <v>2008</v>
          </cell>
          <cell r="P3918">
            <v>7.5302314114629505</v>
          </cell>
        </row>
        <row r="3919">
          <cell r="C3919">
            <v>2008</v>
          </cell>
          <cell r="P3919">
            <v>7.3094304556639145</v>
          </cell>
        </row>
        <row r="3920">
          <cell r="C3920">
            <v>2008</v>
          </cell>
          <cell r="P3920">
            <v>7.6488054882587493</v>
          </cell>
        </row>
        <row r="3921">
          <cell r="C3921">
            <v>2008</v>
          </cell>
          <cell r="P3921">
            <v>7.7440004172138632</v>
          </cell>
        </row>
        <row r="3922">
          <cell r="C3922">
            <v>2008</v>
          </cell>
          <cell r="P3922">
            <v>7.3960838789510861</v>
          </cell>
        </row>
        <row r="3923">
          <cell r="C3923">
            <v>2008</v>
          </cell>
          <cell r="P3923">
            <v>7.40395357547541</v>
          </cell>
        </row>
        <row r="3924">
          <cell r="C3924">
            <v>2008</v>
          </cell>
          <cell r="P3924">
            <v>7.40395357547541</v>
          </cell>
        </row>
        <row r="3925">
          <cell r="C3925">
            <v>2008</v>
          </cell>
          <cell r="P3925">
            <v>7.40395357547541</v>
          </cell>
        </row>
        <row r="3926">
          <cell r="C3926">
            <v>2008</v>
          </cell>
          <cell r="P3926">
            <v>7.1158365849148737</v>
          </cell>
        </row>
        <row r="3927">
          <cell r="C3927">
            <v>2008</v>
          </cell>
          <cell r="P3927">
            <v>7.3365825443408257</v>
          </cell>
        </row>
        <row r="3928">
          <cell r="C3928">
            <v>2008</v>
          </cell>
          <cell r="P3928">
            <v>7.5949943818360239</v>
          </cell>
        </row>
        <row r="3929">
          <cell r="C3929">
            <v>2008</v>
          </cell>
          <cell r="P3929">
            <v>7.8831308107698064</v>
          </cell>
        </row>
        <row r="3930">
          <cell r="C3930">
            <v>2008</v>
          </cell>
          <cell r="P3930">
            <v>7.3712473272236778</v>
          </cell>
        </row>
        <row r="3931">
          <cell r="C3931">
            <v>2008</v>
          </cell>
          <cell r="P3931">
            <v>7.3712473272236778</v>
          </cell>
        </row>
        <row r="3932">
          <cell r="C3932">
            <v>2008</v>
          </cell>
          <cell r="P3932">
            <v>7.3712473272236778</v>
          </cell>
        </row>
        <row r="3933">
          <cell r="C3933">
            <v>2008</v>
          </cell>
          <cell r="P3933">
            <v>7.2721120977797575</v>
          </cell>
        </row>
        <row r="3934">
          <cell r="C3934">
            <v>2008</v>
          </cell>
          <cell r="P3934">
            <v>7.1562465923583476</v>
          </cell>
        </row>
        <row r="3935">
          <cell r="C3935">
            <v>2008</v>
          </cell>
          <cell r="P3935">
            <v>7.0985236318466924</v>
          </cell>
        </row>
        <row r="3936">
          <cell r="C3936">
            <v>2008</v>
          </cell>
          <cell r="P3936">
            <v>7.2644159242946476</v>
          </cell>
        </row>
        <row r="3937">
          <cell r="C3937">
            <v>2008</v>
          </cell>
          <cell r="P3937">
            <v>7.3443896587854338</v>
          </cell>
        </row>
        <row r="3938">
          <cell r="C3938">
            <v>2008</v>
          </cell>
          <cell r="P3938">
            <v>7.3443896587854338</v>
          </cell>
        </row>
        <row r="3939">
          <cell r="C3939">
            <v>2008</v>
          </cell>
          <cell r="P3939">
            <v>7.3443896587854338</v>
          </cell>
        </row>
        <row r="3940">
          <cell r="C3940">
            <v>2008</v>
          </cell>
          <cell r="P3940">
            <v>7.4347126676559698</v>
          </cell>
        </row>
        <row r="3941">
          <cell r="C3941">
            <v>2008</v>
          </cell>
          <cell r="P3941">
            <v>7.4862968950754523</v>
          </cell>
        </row>
        <row r="3942">
          <cell r="C3942">
            <v>2008</v>
          </cell>
          <cell r="P3942">
            <v>7.5314176263375723</v>
          </cell>
        </row>
        <row r="3943">
          <cell r="C3943">
            <v>2008</v>
          </cell>
          <cell r="P3943">
            <v>7.6668054218838151</v>
          </cell>
        </row>
        <row r="3944">
          <cell r="C3944">
            <v>2008</v>
          </cell>
          <cell r="P3944">
            <v>7.7297957074382584</v>
          </cell>
        </row>
        <row r="3945">
          <cell r="C3945">
            <v>2008</v>
          </cell>
          <cell r="P3945">
            <v>7.7297957074382584</v>
          </cell>
        </row>
        <row r="3946">
          <cell r="C3946">
            <v>2008</v>
          </cell>
          <cell r="P3946">
            <v>7.7297957074382584</v>
          </cell>
        </row>
        <row r="3947">
          <cell r="C3947">
            <v>2008</v>
          </cell>
          <cell r="P3947">
            <v>8.170500135120399</v>
          </cell>
        </row>
        <row r="3948">
          <cell r="C3948">
            <v>2008</v>
          </cell>
          <cell r="P3948">
            <v>8.191630120944609</v>
          </cell>
        </row>
        <row r="3949">
          <cell r="C3949">
            <v>2008</v>
          </cell>
          <cell r="P3949">
            <v>8.5924958397140188</v>
          </cell>
        </row>
        <row r="3950">
          <cell r="C3950">
            <v>2008</v>
          </cell>
          <cell r="P3950">
            <v>8.3095546716100195</v>
          </cell>
        </row>
        <row r="3951">
          <cell r="C3951">
            <v>2008</v>
          </cell>
          <cell r="P3951">
            <v>8.4146385173736391</v>
          </cell>
        </row>
        <row r="3952">
          <cell r="C3952">
            <v>2008</v>
          </cell>
          <cell r="P3952">
            <v>8.4146385173736391</v>
          </cell>
        </row>
        <row r="3953">
          <cell r="C3953">
            <v>2008</v>
          </cell>
          <cell r="P3953">
            <v>8.4146385173736391</v>
          </cell>
        </row>
        <row r="3954">
          <cell r="C3954">
            <v>2008</v>
          </cell>
          <cell r="P3954">
            <v>8.0612119114558372</v>
          </cell>
        </row>
        <row r="3955">
          <cell r="C3955">
            <v>2008</v>
          </cell>
          <cell r="P3955">
            <v>8.1245440279154</v>
          </cell>
        </row>
        <row r="3956">
          <cell r="C3956">
            <v>2008</v>
          </cell>
          <cell r="P3956">
            <v>7.9593557838642521</v>
          </cell>
        </row>
        <row r="3957">
          <cell r="C3957">
            <v>2008</v>
          </cell>
          <cell r="P3957">
            <v>8.0131815875935768</v>
          </cell>
        </row>
        <row r="3958">
          <cell r="C3958">
            <v>2008</v>
          </cell>
          <cell r="P3958">
            <v>7.5669699368964016</v>
          </cell>
        </row>
        <row r="3959">
          <cell r="C3959">
            <v>2008</v>
          </cell>
          <cell r="P3959">
            <v>7.5669699368964016</v>
          </cell>
        </row>
        <row r="3960">
          <cell r="C3960">
            <v>2008</v>
          </cell>
          <cell r="P3960">
            <v>7.5669699368964016</v>
          </cell>
        </row>
        <row r="3961">
          <cell r="C3961">
            <v>2008</v>
          </cell>
          <cell r="P3961">
            <v>7.2908715502813815</v>
          </cell>
        </row>
        <row r="3962">
          <cell r="C3962">
            <v>2008</v>
          </cell>
          <cell r="P3962">
            <v>7.4143834479881274</v>
          </cell>
        </row>
        <row r="3963">
          <cell r="C3963">
            <v>2008</v>
          </cell>
          <cell r="P3963">
            <v>7.7133304570862347</v>
          </cell>
        </row>
        <row r="3964">
          <cell r="C3964">
            <v>2008</v>
          </cell>
          <cell r="P3964">
            <v>7.8722045485793384</v>
          </cell>
        </row>
        <row r="3965">
          <cell r="C3965">
            <v>2008</v>
          </cell>
          <cell r="P3965">
            <v>7.642253334155118</v>
          </cell>
        </row>
        <row r="3966">
          <cell r="C3966">
            <v>2008</v>
          </cell>
          <cell r="P3966">
            <v>7.642253334155118</v>
          </cell>
        </row>
        <row r="3967">
          <cell r="C3967">
            <v>2008</v>
          </cell>
          <cell r="P3967">
            <v>7.642253334155118</v>
          </cell>
        </row>
        <row r="3968">
          <cell r="C3968">
            <v>2008</v>
          </cell>
          <cell r="P3968">
            <v>8.3907606093218838</v>
          </cell>
        </row>
        <row r="3969">
          <cell r="C3969">
            <v>2008</v>
          </cell>
          <cell r="P3969">
            <v>8.2775249735685534</v>
          </cell>
        </row>
        <row r="3970">
          <cell r="C3970">
            <v>2008</v>
          </cell>
          <cell r="P3970">
            <v>8.079190036174337</v>
          </cell>
        </row>
        <row r="3971">
          <cell r="C3971">
            <v>2008</v>
          </cell>
          <cell r="P3971">
            <v>7.4500836798262871</v>
          </cell>
        </row>
        <row r="3972">
          <cell r="C3972">
            <v>2008</v>
          </cell>
          <cell r="P3972">
            <v>7.5018485418849519</v>
          </cell>
        </row>
        <row r="3973">
          <cell r="C3973">
            <v>2008</v>
          </cell>
          <cell r="P3973">
            <v>7.5018485418849519</v>
          </cell>
        </row>
        <row r="3974">
          <cell r="C3974">
            <v>2008</v>
          </cell>
          <cell r="P3974">
            <v>7.5018485418849519</v>
          </cell>
        </row>
        <row r="3975">
          <cell r="C3975">
            <v>2008</v>
          </cell>
          <cell r="P3975">
            <v>7.8792597298540228</v>
          </cell>
        </row>
        <row r="3976">
          <cell r="C3976">
            <v>2008</v>
          </cell>
          <cell r="P3976">
            <v>8.0597995477022426</v>
          </cell>
        </row>
        <row r="3977">
          <cell r="C3977">
            <v>2008</v>
          </cell>
          <cell r="P3977">
            <v>8.2164439155521212</v>
          </cell>
        </row>
        <row r="3978">
          <cell r="C3978">
            <v>2008</v>
          </cell>
          <cell r="P3978">
            <v>8.4166994590442954</v>
          </cell>
        </row>
        <row r="3979">
          <cell r="C3979">
            <v>2008</v>
          </cell>
          <cell r="P3979">
            <v>8.3307263788207067</v>
          </cell>
        </row>
        <row r="3980">
          <cell r="C3980">
            <v>2008</v>
          </cell>
          <cell r="P3980">
            <v>8.3307263788207067</v>
          </cell>
        </row>
        <row r="3981">
          <cell r="C3981">
            <v>2008</v>
          </cell>
          <cell r="P3981">
            <v>8.3307263788207067</v>
          </cell>
        </row>
        <row r="3982">
          <cell r="C3982">
            <v>2008</v>
          </cell>
          <cell r="P3982">
            <v>8.21804639607819</v>
          </cell>
        </row>
        <row r="3983">
          <cell r="C3983">
            <v>2008</v>
          </cell>
          <cell r="P3983">
            <v>7.9821598403208744</v>
          </cell>
        </row>
        <row r="3984">
          <cell r="C3984">
            <v>2008</v>
          </cell>
          <cell r="P3984">
            <v>8.0691143213400132</v>
          </cell>
        </row>
        <row r="3985">
          <cell r="C3985">
            <v>2008</v>
          </cell>
          <cell r="P3985">
            <v>8.0691143213400132</v>
          </cell>
        </row>
        <row r="3986">
          <cell r="C3986">
            <v>2008</v>
          </cell>
          <cell r="P3986">
            <v>8.0691143213400132</v>
          </cell>
        </row>
        <row r="3987">
          <cell r="C3987">
            <v>2008</v>
          </cell>
          <cell r="P3987">
            <v>8.0691143213400132</v>
          </cell>
        </row>
        <row r="3988">
          <cell r="C3988">
            <v>2008</v>
          </cell>
          <cell r="P3988">
            <v>8.0691143213400132</v>
          </cell>
        </row>
        <row r="3989">
          <cell r="C3989">
            <v>2008</v>
          </cell>
          <cell r="P3989">
            <v>7.9276925702744592</v>
          </cell>
        </row>
        <row r="3990">
          <cell r="C3990">
            <v>2008</v>
          </cell>
          <cell r="P3990">
            <v>8.0972084599593206</v>
          </cell>
        </row>
        <row r="3991">
          <cell r="C3991">
            <v>2008</v>
          </cell>
          <cell r="P3991">
            <v>7.9757418584033042</v>
          </cell>
        </row>
        <row r="3992">
          <cell r="C3992">
            <v>2008</v>
          </cell>
          <cell r="P3992">
            <v>7.9666987478842985</v>
          </cell>
        </row>
        <row r="3993">
          <cell r="C3993">
            <v>2008</v>
          </cell>
          <cell r="P3993">
            <v>7.6120773931719148</v>
          </cell>
        </row>
        <row r="3994">
          <cell r="C3994">
            <v>2008</v>
          </cell>
          <cell r="P3994">
            <v>7.6120773931719148</v>
          </cell>
        </row>
        <row r="3995">
          <cell r="C3995">
            <v>2008</v>
          </cell>
          <cell r="P3995">
            <v>7.6120773931719148</v>
          </cell>
        </row>
        <row r="3996">
          <cell r="C3996">
            <v>2008</v>
          </cell>
          <cell r="P3996">
            <v>7.206207004451862</v>
          </cell>
        </row>
        <row r="3997">
          <cell r="C3997">
            <v>2008</v>
          </cell>
          <cell r="P3997">
            <v>7.1582492189092699</v>
          </cell>
        </row>
        <row r="3998">
          <cell r="C3998">
            <v>2008</v>
          </cell>
          <cell r="P3998">
            <v>7.2630960113406307</v>
          </cell>
        </row>
        <row r="3999">
          <cell r="C3999">
            <v>2008</v>
          </cell>
          <cell r="P3999">
            <v>7.162291452330944</v>
          </cell>
        </row>
        <row r="4000">
          <cell r="C4000">
            <v>2008</v>
          </cell>
          <cell r="P4000">
            <v>7.1433271857502501</v>
          </cell>
        </row>
        <row r="4001">
          <cell r="C4001">
            <v>2008</v>
          </cell>
          <cell r="P4001">
            <v>7.1433271857502501</v>
          </cell>
        </row>
        <row r="4002">
          <cell r="C4002">
            <v>2008</v>
          </cell>
          <cell r="P4002">
            <v>7.1433271857502501</v>
          </cell>
        </row>
        <row r="4003">
          <cell r="C4003">
            <v>2008</v>
          </cell>
          <cell r="P4003">
            <v>7.4139055484702947</v>
          </cell>
        </row>
        <row r="4004">
          <cell r="C4004">
            <v>2008</v>
          </cell>
          <cell r="P4004">
            <v>7.3054626569885688</v>
          </cell>
        </row>
        <row r="4005">
          <cell r="C4005">
            <v>2008</v>
          </cell>
          <cell r="P4005">
            <v>7.2488747078317672</v>
          </cell>
        </row>
        <row r="4006">
          <cell r="C4006">
            <v>2008</v>
          </cell>
          <cell r="P4006">
            <v>7.0227855662967045</v>
          </cell>
        </row>
        <row r="4007">
          <cell r="C4007">
            <v>2008</v>
          </cell>
          <cell r="P4007">
            <v>7.2687544743816463</v>
          </cell>
        </row>
        <row r="4008">
          <cell r="C4008">
            <v>2008</v>
          </cell>
          <cell r="P4008">
            <v>7.2687544743816463</v>
          </cell>
        </row>
        <row r="4009">
          <cell r="C4009">
            <v>2008</v>
          </cell>
          <cell r="P4009">
            <v>7.2687544743816463</v>
          </cell>
        </row>
        <row r="4010">
          <cell r="C4010">
            <v>2008</v>
          </cell>
          <cell r="P4010">
            <v>6.9687649047282667</v>
          </cell>
        </row>
        <row r="4011">
          <cell r="C4011">
            <v>2008</v>
          </cell>
          <cell r="P4011">
            <v>6.933113979983216</v>
          </cell>
        </row>
        <row r="4012">
          <cell r="C4012">
            <v>2008</v>
          </cell>
          <cell r="P4012">
            <v>7.059211181331575</v>
          </cell>
        </row>
        <row r="4013">
          <cell r="C4013">
            <v>2008</v>
          </cell>
          <cell r="P4013">
            <v>7.059211181331575</v>
          </cell>
        </row>
        <row r="4014">
          <cell r="C4014">
            <v>2008</v>
          </cell>
          <cell r="P4014">
            <v>7.059211181331575</v>
          </cell>
        </row>
        <row r="4015">
          <cell r="C4015">
            <v>2008</v>
          </cell>
          <cell r="P4015">
            <v>7.059211181331575</v>
          </cell>
        </row>
        <row r="4016">
          <cell r="C4016">
            <v>2008</v>
          </cell>
          <cell r="P4016">
            <v>7.059211181331575</v>
          </cell>
        </row>
        <row r="4017">
          <cell r="C4017">
            <v>2008</v>
          </cell>
          <cell r="P4017">
            <v>7.4586133328276176</v>
          </cell>
        </row>
        <row r="4018">
          <cell r="C4018">
            <v>2008</v>
          </cell>
          <cell r="P4018">
            <v>7.4429270397253973</v>
          </cell>
        </row>
        <row r="4019">
          <cell r="C4019">
            <v>2009</v>
          </cell>
          <cell r="P4019">
            <v>7.1993286649630424</v>
          </cell>
        </row>
        <row r="4020">
          <cell r="C4020">
            <v>2009</v>
          </cell>
          <cell r="P4020">
            <v>7.1993286649630424</v>
          </cell>
        </row>
        <row r="4021">
          <cell r="C4021">
            <v>2009</v>
          </cell>
          <cell r="P4021">
            <v>7.0544715370063953</v>
          </cell>
        </row>
        <row r="4022">
          <cell r="C4022">
            <v>2009</v>
          </cell>
          <cell r="P4022">
            <v>7.0544715370063953</v>
          </cell>
        </row>
        <row r="4023">
          <cell r="C4023">
            <v>2009</v>
          </cell>
          <cell r="P4023">
            <v>7.0544715370063953</v>
          </cell>
        </row>
        <row r="4024">
          <cell r="C4024">
            <v>2009</v>
          </cell>
          <cell r="P4024">
            <v>7.2639797461632911</v>
          </cell>
        </row>
        <row r="4025">
          <cell r="C4025">
            <v>2009</v>
          </cell>
          <cell r="P4025">
            <v>7.4999758205601088</v>
          </cell>
        </row>
        <row r="4026">
          <cell r="C4026">
            <v>2009</v>
          </cell>
          <cell r="P4026">
            <v>7.3167013554709532</v>
          </cell>
        </row>
        <row r="4027">
          <cell r="C4027">
            <v>2009</v>
          </cell>
          <cell r="P4027">
            <v>7.3721234763397065</v>
          </cell>
        </row>
        <row r="4028">
          <cell r="C4028">
            <v>2009</v>
          </cell>
          <cell r="P4028">
            <v>7.0377033324957434</v>
          </cell>
        </row>
        <row r="4029">
          <cell r="C4029">
            <v>2009</v>
          </cell>
          <cell r="P4029">
            <v>7.0377033324957434</v>
          </cell>
        </row>
        <row r="4030">
          <cell r="C4030">
            <v>2009</v>
          </cell>
          <cell r="P4030">
            <v>7.0377033324957434</v>
          </cell>
        </row>
        <row r="4031">
          <cell r="C4031">
            <v>2009</v>
          </cell>
          <cell r="P4031">
            <v>7.0656201552225211</v>
          </cell>
        </row>
        <row r="4032">
          <cell r="C4032">
            <v>2009</v>
          </cell>
          <cell r="P4032">
            <v>7.1011952229012483</v>
          </cell>
        </row>
        <row r="4033">
          <cell r="C4033">
            <v>2009</v>
          </cell>
          <cell r="P4033">
            <v>7.0567771177159422</v>
          </cell>
        </row>
        <row r="4034">
          <cell r="C4034">
            <v>2009</v>
          </cell>
          <cell r="P4034">
            <v>6.9612488917756714</v>
          </cell>
        </row>
        <row r="4035">
          <cell r="C4035">
            <v>2009</v>
          </cell>
          <cell r="P4035">
            <v>6.784666442256178</v>
          </cell>
        </row>
        <row r="4036">
          <cell r="C4036">
            <v>2009</v>
          </cell>
          <cell r="P4036">
            <v>6.784666442256178</v>
          </cell>
        </row>
        <row r="4037">
          <cell r="C4037">
            <v>2009</v>
          </cell>
          <cell r="P4037">
            <v>6.784666442256178</v>
          </cell>
        </row>
        <row r="4038">
          <cell r="C4038">
            <v>2009</v>
          </cell>
          <cell r="P4038">
            <v>6.784666442256178</v>
          </cell>
        </row>
        <row r="4039">
          <cell r="C4039">
            <v>2009</v>
          </cell>
          <cell r="P4039">
            <v>6.6155587584094668</v>
          </cell>
        </row>
        <row r="4040">
          <cell r="C4040">
            <v>2009</v>
          </cell>
          <cell r="P4040">
            <v>6.7413018020794313</v>
          </cell>
        </row>
        <row r="4041">
          <cell r="C4041">
            <v>2009</v>
          </cell>
          <cell r="P4041">
            <v>6.4131128421272212</v>
          </cell>
        </row>
        <row r="4042">
          <cell r="C4042">
            <v>2009</v>
          </cell>
          <cell r="P4042">
            <v>6.4848688858019274</v>
          </cell>
        </row>
        <row r="4043">
          <cell r="C4043">
            <v>2009</v>
          </cell>
          <cell r="P4043">
            <v>6.4848688858019274</v>
          </cell>
        </row>
        <row r="4044">
          <cell r="C4044">
            <v>2009</v>
          </cell>
          <cell r="P4044">
            <v>6.4848688858019274</v>
          </cell>
        </row>
        <row r="4045">
          <cell r="C4045">
            <v>2009</v>
          </cell>
          <cell r="P4045">
            <v>6.1973113411055216</v>
          </cell>
        </row>
        <row r="4046">
          <cell r="C4046">
            <v>2009</v>
          </cell>
          <cell r="P4046">
            <v>6.3500002370533322</v>
          </cell>
        </row>
        <row r="4047">
          <cell r="C4047">
            <v>2009</v>
          </cell>
          <cell r="P4047">
            <v>6.2404877609364551</v>
          </cell>
        </row>
        <row r="4048">
          <cell r="C4048">
            <v>2009</v>
          </cell>
          <cell r="P4048">
            <v>6.1771224570103787</v>
          </cell>
        </row>
        <row r="4049">
          <cell r="C4049">
            <v>2009</v>
          </cell>
          <cell r="P4049">
            <v>6.2663227812993361</v>
          </cell>
        </row>
        <row r="4050">
          <cell r="C4050">
            <v>2009</v>
          </cell>
          <cell r="P4050">
            <v>6.2663227812993361</v>
          </cell>
        </row>
        <row r="4051">
          <cell r="C4051">
            <v>2009</v>
          </cell>
          <cell r="P4051">
            <v>6.2663227812993361</v>
          </cell>
        </row>
        <row r="4052">
          <cell r="C4052">
            <v>2009</v>
          </cell>
          <cell r="P4052">
            <v>5.9925546289404181</v>
          </cell>
        </row>
        <row r="4053">
          <cell r="C4053">
            <v>2009</v>
          </cell>
          <cell r="P4053">
            <v>6.3228272876831824</v>
          </cell>
        </row>
        <row r="4054">
          <cell r="C4054">
            <v>2009</v>
          </cell>
          <cell r="P4054">
            <v>6.2282852036051066</v>
          </cell>
        </row>
        <row r="4055">
          <cell r="C4055">
            <v>2009</v>
          </cell>
          <cell r="P4055">
            <v>6.2004091540514779</v>
          </cell>
        </row>
        <row r="4056">
          <cell r="C4056">
            <v>2009</v>
          </cell>
          <cell r="P4056">
            <v>6.0675398131071523</v>
          </cell>
        </row>
        <row r="4057">
          <cell r="C4057">
            <v>2009</v>
          </cell>
          <cell r="P4057">
            <v>6.0675398131071523</v>
          </cell>
        </row>
        <row r="4058">
          <cell r="C4058">
            <v>2009</v>
          </cell>
          <cell r="P4058">
            <v>6.0675398131071523</v>
          </cell>
        </row>
        <row r="4059">
          <cell r="C4059">
            <v>2009</v>
          </cell>
          <cell r="P4059">
            <v>6.046202642670548</v>
          </cell>
        </row>
        <row r="4060">
          <cell r="C4060">
            <v>2009</v>
          </cell>
          <cell r="P4060">
            <v>6.1156308226224736</v>
          </cell>
        </row>
        <row r="4061">
          <cell r="C4061">
            <v>2009</v>
          </cell>
          <cell r="P4061">
            <v>5.9845460191633908</v>
          </cell>
        </row>
        <row r="4062">
          <cell r="C4062">
            <v>2009</v>
          </cell>
          <cell r="P4062">
            <v>5.9331751397429393</v>
          </cell>
        </row>
        <row r="4063">
          <cell r="C4063">
            <v>2009</v>
          </cell>
          <cell r="P4063">
            <v>5.8021211532170502</v>
          </cell>
        </row>
        <row r="4064">
          <cell r="C4064">
            <v>2009</v>
          </cell>
          <cell r="P4064">
            <v>5.8021211532170502</v>
          </cell>
        </row>
        <row r="4065">
          <cell r="C4065">
            <v>2009</v>
          </cell>
          <cell r="P4065">
            <v>5.8021211532170502</v>
          </cell>
        </row>
        <row r="4066">
          <cell r="C4066">
            <v>2009</v>
          </cell>
          <cell r="P4066">
            <v>5.8021211532170502</v>
          </cell>
        </row>
        <row r="4067">
          <cell r="C4067">
            <v>2009</v>
          </cell>
          <cell r="P4067">
            <v>5.609790776728949</v>
          </cell>
        </row>
        <row r="4068">
          <cell r="C4068">
            <v>2009</v>
          </cell>
          <cell r="P4068">
            <v>5.5179871327451249</v>
          </cell>
        </row>
        <row r="4069">
          <cell r="C4069">
            <v>2009</v>
          </cell>
          <cell r="P4069">
            <v>5.559348672264286</v>
          </cell>
        </row>
        <row r="4070">
          <cell r="C4070">
            <v>2009</v>
          </cell>
          <cell r="P4070">
            <v>5.3036283383035512</v>
          </cell>
        </row>
        <row r="4071">
          <cell r="C4071">
            <v>2009</v>
          </cell>
          <cell r="P4071">
            <v>5.3036283383035512</v>
          </cell>
        </row>
        <row r="4072">
          <cell r="C4072">
            <v>2009</v>
          </cell>
          <cell r="P4072">
            <v>5.3036283383035512</v>
          </cell>
        </row>
        <row r="4073">
          <cell r="C4073">
            <v>2009</v>
          </cell>
          <cell r="P4073">
            <v>5.5049169602177095</v>
          </cell>
        </row>
        <row r="4074">
          <cell r="C4074">
            <v>2009</v>
          </cell>
          <cell r="P4074">
            <v>5.4391412980092255</v>
          </cell>
        </row>
        <row r="4075">
          <cell r="C4075">
            <v>2009</v>
          </cell>
          <cell r="P4075">
            <v>5.4171237845090383</v>
          </cell>
        </row>
        <row r="4076">
          <cell r="C4076">
            <v>2009</v>
          </cell>
          <cell r="P4076">
            <v>5.2086268448675579</v>
          </cell>
        </row>
        <row r="4077">
          <cell r="C4077">
            <v>2009</v>
          </cell>
          <cell r="P4077">
            <v>5.2352673724534542</v>
          </cell>
        </row>
        <row r="4078">
          <cell r="C4078">
            <v>2009</v>
          </cell>
          <cell r="P4078">
            <v>5.2352673724534542</v>
          </cell>
        </row>
        <row r="4079">
          <cell r="C4079">
            <v>2009</v>
          </cell>
          <cell r="P4079">
            <v>5.2352673724534542</v>
          </cell>
        </row>
        <row r="4080">
          <cell r="C4080">
            <v>2009</v>
          </cell>
          <cell r="P4080">
            <v>5.6956709320462915</v>
          </cell>
        </row>
        <row r="4081">
          <cell r="C4081">
            <v>2009</v>
          </cell>
          <cell r="P4081">
            <v>5.6862106076625114</v>
          </cell>
        </row>
        <row r="4082">
          <cell r="C4082">
            <v>2009</v>
          </cell>
          <cell r="P4082">
            <v>5.4528263868805196</v>
          </cell>
        </row>
        <row r="4083">
          <cell r="C4083">
            <v>2009</v>
          </cell>
          <cell r="P4083">
            <v>5.5678252253191918</v>
          </cell>
        </row>
        <row r="4084">
          <cell r="C4084">
            <v>2009</v>
          </cell>
          <cell r="P4084">
            <v>5.2141610919624695</v>
          </cell>
        </row>
        <row r="4085">
          <cell r="C4085">
            <v>2009</v>
          </cell>
          <cell r="P4085">
            <v>5.2141610919624695</v>
          </cell>
        </row>
        <row r="4086">
          <cell r="C4086">
            <v>2009</v>
          </cell>
          <cell r="P4086">
            <v>5.2141610919624695</v>
          </cell>
        </row>
        <row r="4087">
          <cell r="C4087">
            <v>2009</v>
          </cell>
          <cell r="P4087">
            <v>5.1341010700587413</v>
          </cell>
        </row>
        <row r="4088">
          <cell r="C4088">
            <v>2009</v>
          </cell>
          <cell r="P4088">
            <v>5.0296615352522007</v>
          </cell>
        </row>
        <row r="4089">
          <cell r="C4089">
            <v>2009</v>
          </cell>
          <cell r="P4089">
            <v>5.0639512997634197</v>
          </cell>
        </row>
        <row r="4090">
          <cell r="C4090">
            <v>2009</v>
          </cell>
          <cell r="P4090">
            <v>5.0048074415782056</v>
          </cell>
        </row>
        <row r="4091">
          <cell r="C4091">
            <v>2009</v>
          </cell>
          <cell r="P4091">
            <v>4.9926627252599287</v>
          </cell>
        </row>
        <row r="4092">
          <cell r="C4092">
            <v>2009</v>
          </cell>
          <cell r="P4092">
            <v>4.9926627252599287</v>
          </cell>
        </row>
        <row r="4093">
          <cell r="C4093">
            <v>2009</v>
          </cell>
          <cell r="P4093">
            <v>4.9926627252599287</v>
          </cell>
        </row>
        <row r="4094">
          <cell r="C4094">
            <v>2009</v>
          </cell>
          <cell r="P4094">
            <v>4.8682542918505805</v>
          </cell>
        </row>
        <row r="4095">
          <cell r="C4095">
            <v>2009</v>
          </cell>
          <cell r="P4095">
            <v>4.8418399131436578</v>
          </cell>
        </row>
        <row r="4096">
          <cell r="C4096">
            <v>2009</v>
          </cell>
          <cell r="P4096">
            <v>4.8124481445835681</v>
          </cell>
        </row>
        <row r="4097">
          <cell r="C4097">
            <v>2009</v>
          </cell>
          <cell r="P4097">
            <v>4.6104147010994518</v>
          </cell>
        </row>
        <row r="4098">
          <cell r="C4098">
            <v>2009</v>
          </cell>
          <cell r="P4098">
            <v>5.0792402914807768</v>
          </cell>
        </row>
        <row r="4099">
          <cell r="C4099">
            <v>2009</v>
          </cell>
          <cell r="P4099">
            <v>5.0792402914807768</v>
          </cell>
        </row>
        <row r="4100">
          <cell r="C4100">
            <v>2009</v>
          </cell>
          <cell r="P4100">
            <v>5.0792402914807768</v>
          </cell>
        </row>
        <row r="4101">
          <cell r="C4101">
            <v>2009</v>
          </cell>
          <cell r="P4101">
            <v>5.2114354527481588</v>
          </cell>
        </row>
        <row r="4102">
          <cell r="C4102">
            <v>2009</v>
          </cell>
          <cell r="P4102">
            <v>5.1158764098746934</v>
          </cell>
        </row>
        <row r="4103">
          <cell r="C4103">
            <v>2009</v>
          </cell>
          <cell r="P4103">
            <v>5.1958653157787422</v>
          </cell>
        </row>
        <row r="4104">
          <cell r="C4104">
            <v>2009</v>
          </cell>
          <cell r="P4104">
            <v>5.2962360671903967</v>
          </cell>
        </row>
        <row r="4105">
          <cell r="C4105">
            <v>2009</v>
          </cell>
          <cell r="P4105">
            <v>4.7882307761600211</v>
          </cell>
        </row>
        <row r="4106">
          <cell r="C4106">
            <v>2009</v>
          </cell>
          <cell r="P4106">
            <v>4.7882307761600211</v>
          </cell>
        </row>
        <row r="4107">
          <cell r="C4107">
            <v>2009</v>
          </cell>
          <cell r="P4107">
            <v>4.7882307761600211</v>
          </cell>
        </row>
        <row r="4108">
          <cell r="C4108">
            <v>2009</v>
          </cell>
          <cell r="P4108">
            <v>4.6259772523622358</v>
          </cell>
        </row>
        <row r="4109">
          <cell r="C4109">
            <v>2009</v>
          </cell>
          <cell r="P4109">
            <v>4.7797537489984494</v>
          </cell>
        </row>
        <row r="4110">
          <cell r="C4110">
            <v>2009</v>
          </cell>
          <cell r="P4110">
            <v>4.7833161864756333</v>
          </cell>
        </row>
        <row r="4111">
          <cell r="C4111">
            <v>2009</v>
          </cell>
          <cell r="P4111">
            <v>4.8144962853742825</v>
          </cell>
        </row>
        <row r="4112">
          <cell r="C4112">
            <v>2009</v>
          </cell>
          <cell r="P4112">
            <v>4.7669789449230286</v>
          </cell>
        </row>
        <row r="4113">
          <cell r="C4113">
            <v>2009</v>
          </cell>
          <cell r="P4113">
            <v>4.7669789449230286</v>
          </cell>
        </row>
        <row r="4114">
          <cell r="C4114">
            <v>2009</v>
          </cell>
          <cell r="P4114">
            <v>4.7669789449230286</v>
          </cell>
        </row>
        <row r="4115">
          <cell r="C4115">
            <v>2009</v>
          </cell>
          <cell r="P4115">
            <v>4.8673468516946929</v>
          </cell>
        </row>
        <row r="4116">
          <cell r="C4116">
            <v>2009</v>
          </cell>
          <cell r="P4116">
            <v>4.6749093271004112</v>
          </cell>
        </row>
        <row r="4117">
          <cell r="C4117">
            <v>2009</v>
          </cell>
          <cell r="P4117">
            <v>4.5744058258226934</v>
          </cell>
        </row>
        <row r="4118">
          <cell r="C4118">
            <v>2009</v>
          </cell>
          <cell r="P4118">
            <v>4.626252234227656</v>
          </cell>
        </row>
        <row r="4119">
          <cell r="C4119">
            <v>2009</v>
          </cell>
          <cell r="P4119">
            <v>4.626252234227656</v>
          </cell>
        </row>
        <row r="4120">
          <cell r="C4120">
            <v>2009</v>
          </cell>
          <cell r="P4120">
            <v>4.626252234227656</v>
          </cell>
        </row>
        <row r="4121">
          <cell r="C4121">
            <v>2009</v>
          </cell>
          <cell r="P4121">
            <v>4.626252234227656</v>
          </cell>
        </row>
        <row r="4122">
          <cell r="C4122">
            <v>2009</v>
          </cell>
          <cell r="P4122">
            <v>4.4870877049918683</v>
          </cell>
        </row>
        <row r="4123">
          <cell r="C4123">
            <v>2009</v>
          </cell>
          <cell r="P4123">
            <v>4.5232563542145705</v>
          </cell>
        </row>
        <row r="4124">
          <cell r="C4124">
            <v>2009</v>
          </cell>
          <cell r="P4124">
            <v>4.5030565656661423</v>
          </cell>
        </row>
        <row r="4125">
          <cell r="C4125">
            <v>2009</v>
          </cell>
          <cell r="P4125">
            <v>4.4205354560669052</v>
          </cell>
        </row>
        <row r="4126">
          <cell r="C4126">
            <v>2009</v>
          </cell>
          <cell r="P4126">
            <v>4.3879766549878383</v>
          </cell>
        </row>
        <row r="4127">
          <cell r="C4127">
            <v>2009</v>
          </cell>
          <cell r="P4127">
            <v>4.3879766549878383</v>
          </cell>
        </row>
        <row r="4128">
          <cell r="C4128">
            <v>2009</v>
          </cell>
          <cell r="P4128">
            <v>4.3879766549878383</v>
          </cell>
        </row>
        <row r="4129">
          <cell r="C4129">
            <v>2009</v>
          </cell>
          <cell r="P4129">
            <v>4.5176656884265816</v>
          </cell>
        </row>
        <row r="4130">
          <cell r="C4130">
            <v>2009</v>
          </cell>
          <cell r="P4130">
            <v>4.3942576200793653</v>
          </cell>
        </row>
        <row r="4131">
          <cell r="C4131">
            <v>2009</v>
          </cell>
          <cell r="P4131">
            <v>4.453568363810489</v>
          </cell>
        </row>
        <row r="4132">
          <cell r="C4132">
            <v>2009</v>
          </cell>
          <cell r="P4132">
            <v>4.3933852638166533</v>
          </cell>
        </row>
        <row r="4133">
          <cell r="C4133">
            <v>2009</v>
          </cell>
          <cell r="P4133">
            <v>4.2656286891424831</v>
          </cell>
        </row>
        <row r="4134">
          <cell r="C4134">
            <v>2009</v>
          </cell>
          <cell r="P4134">
            <v>4.2656286891424831</v>
          </cell>
        </row>
        <row r="4135">
          <cell r="C4135">
            <v>2009</v>
          </cell>
          <cell r="P4135">
            <v>4.2656286891424831</v>
          </cell>
        </row>
        <row r="4136">
          <cell r="C4136">
            <v>2009</v>
          </cell>
          <cell r="P4136">
            <v>4.1442867776392331</v>
          </cell>
        </row>
        <row r="4137">
          <cell r="C4137">
            <v>2009</v>
          </cell>
          <cell r="P4137">
            <v>4.2529520251466169</v>
          </cell>
        </row>
        <row r="4138">
          <cell r="C4138">
            <v>2009</v>
          </cell>
          <cell r="P4138">
            <v>4.3210422760912746</v>
          </cell>
        </row>
        <row r="4139">
          <cell r="C4139">
            <v>2009</v>
          </cell>
          <cell r="P4139">
            <v>4.0871218406717142</v>
          </cell>
        </row>
        <row r="4140">
          <cell r="C4140">
            <v>2009</v>
          </cell>
          <cell r="P4140">
            <v>4.2270743351839295</v>
          </cell>
        </row>
        <row r="4141">
          <cell r="C4141">
            <v>2009</v>
          </cell>
          <cell r="P4141">
            <v>4.2270743351839295</v>
          </cell>
        </row>
        <row r="4142">
          <cell r="C4142">
            <v>2009</v>
          </cell>
          <cell r="P4142">
            <v>4.2270743351839295</v>
          </cell>
        </row>
        <row r="4143">
          <cell r="C4143">
            <v>2009</v>
          </cell>
          <cell r="P4143">
            <v>4.3175533251470908</v>
          </cell>
        </row>
        <row r="4144">
          <cell r="C4144">
            <v>2009</v>
          </cell>
          <cell r="P4144">
            <v>4.4380935222806421</v>
          </cell>
        </row>
        <row r="4145">
          <cell r="C4145">
            <v>2009</v>
          </cell>
          <cell r="P4145">
            <v>4.5328224043845378</v>
          </cell>
        </row>
        <row r="4146">
          <cell r="C4146">
            <v>2009</v>
          </cell>
          <cell r="P4146">
            <v>4.803937929955481</v>
          </cell>
        </row>
        <row r="4147">
          <cell r="C4147">
            <v>2009</v>
          </cell>
          <cell r="P4147">
            <v>5.007453904979541</v>
          </cell>
        </row>
        <row r="4148">
          <cell r="C4148">
            <v>2009</v>
          </cell>
          <cell r="P4148">
            <v>5.007453904979541</v>
          </cell>
        </row>
        <row r="4149">
          <cell r="C4149">
            <v>2009</v>
          </cell>
          <cell r="P4149">
            <v>5.007453904979541</v>
          </cell>
        </row>
        <row r="4150">
          <cell r="C4150">
            <v>2009</v>
          </cell>
          <cell r="P4150">
            <v>5.0942083129862548</v>
          </cell>
        </row>
        <row r="4151">
          <cell r="C4151">
            <v>2009</v>
          </cell>
          <cell r="P4151">
            <v>5.2976356300640521</v>
          </cell>
        </row>
        <row r="4152">
          <cell r="C4152">
            <v>2009</v>
          </cell>
          <cell r="P4152">
            <v>5.3118896469327659</v>
          </cell>
        </row>
        <row r="4153">
          <cell r="C4153">
            <v>2009</v>
          </cell>
          <cell r="P4153">
            <v>5.0483427601541795</v>
          </cell>
        </row>
        <row r="4154">
          <cell r="C4154">
            <v>2009</v>
          </cell>
          <cell r="P4154">
            <v>5.0273853491558524</v>
          </cell>
        </row>
        <row r="4155">
          <cell r="C4155">
            <v>2009</v>
          </cell>
          <cell r="P4155">
            <v>5.0273853491558524</v>
          </cell>
        </row>
        <row r="4156">
          <cell r="C4156">
            <v>2009</v>
          </cell>
          <cell r="P4156">
            <v>5.0273853491558524</v>
          </cell>
        </row>
        <row r="4157">
          <cell r="C4157">
            <v>2009</v>
          </cell>
          <cell r="P4157">
            <v>5.01623815325972</v>
          </cell>
        </row>
        <row r="4158">
          <cell r="C4158">
            <v>2009</v>
          </cell>
          <cell r="P4158">
            <v>4.7389881615565876</v>
          </cell>
        </row>
        <row r="4159">
          <cell r="C4159">
            <v>2009</v>
          </cell>
          <cell r="P4159">
            <v>4.4993765497361595</v>
          </cell>
        </row>
        <row r="4160">
          <cell r="C4160">
            <v>2009</v>
          </cell>
          <cell r="P4160">
            <v>4.4319803909483548</v>
          </cell>
        </row>
        <row r="4161">
          <cell r="C4161">
            <v>2009</v>
          </cell>
          <cell r="P4161">
            <v>4.0368352431930132</v>
          </cell>
        </row>
        <row r="4162">
          <cell r="C4162">
            <v>2009</v>
          </cell>
          <cell r="P4162">
            <v>4.0368352431930132</v>
          </cell>
        </row>
        <row r="4163">
          <cell r="C4163">
            <v>2009</v>
          </cell>
          <cell r="P4163">
            <v>4.0368352431930132</v>
          </cell>
        </row>
        <row r="4164">
          <cell r="C4164">
            <v>2009</v>
          </cell>
          <cell r="P4164">
            <v>4.0368352431930132</v>
          </cell>
        </row>
        <row r="4165">
          <cell r="C4165">
            <v>2009</v>
          </cell>
          <cell r="P4165">
            <v>3.9343547171242581</v>
          </cell>
        </row>
        <row r="4166">
          <cell r="C4166">
            <v>2009</v>
          </cell>
          <cell r="P4166">
            <v>3.9698657804032758</v>
          </cell>
        </row>
        <row r="4167">
          <cell r="C4167">
            <v>2009</v>
          </cell>
          <cell r="P4167">
            <v>3.9976636023572585</v>
          </cell>
        </row>
        <row r="4168">
          <cell r="C4168">
            <v>2009</v>
          </cell>
          <cell r="P4168">
            <v>3.9390858275294778</v>
          </cell>
        </row>
        <row r="4169">
          <cell r="C4169">
            <v>2009</v>
          </cell>
          <cell r="P4169">
            <v>3.9390858275294778</v>
          </cell>
        </row>
        <row r="4170">
          <cell r="C4170">
            <v>2009</v>
          </cell>
          <cell r="P4170">
            <v>3.9390858275294778</v>
          </cell>
        </row>
        <row r="4171">
          <cell r="C4171">
            <v>2009</v>
          </cell>
          <cell r="P4171">
            <v>4.2215253907824168</v>
          </cell>
        </row>
        <row r="4172">
          <cell r="C4172">
            <v>2009</v>
          </cell>
          <cell r="P4172">
            <v>4.2040521896616294</v>
          </cell>
        </row>
        <row r="4173">
          <cell r="C4173">
            <v>2009</v>
          </cell>
          <cell r="P4173">
            <v>4.1370168260455236</v>
          </cell>
        </row>
        <row r="4174">
          <cell r="C4174">
            <v>2009</v>
          </cell>
          <cell r="P4174">
            <v>3.9527419958942369</v>
          </cell>
        </row>
        <row r="4175">
          <cell r="C4175">
            <v>2009</v>
          </cell>
          <cell r="P4175">
            <v>3.9738634477984851</v>
          </cell>
        </row>
        <row r="4176">
          <cell r="C4176">
            <v>2009</v>
          </cell>
          <cell r="P4176">
            <v>3.9738634477984851</v>
          </cell>
        </row>
        <row r="4177">
          <cell r="C4177">
            <v>2009</v>
          </cell>
          <cell r="P4177">
            <v>3.9738634477984851</v>
          </cell>
        </row>
        <row r="4178">
          <cell r="C4178">
            <v>2009</v>
          </cell>
          <cell r="P4178">
            <v>3.9292727677872961</v>
          </cell>
        </row>
        <row r="4179">
          <cell r="C4179">
            <v>2009</v>
          </cell>
          <cell r="P4179">
            <v>3.8474395869582736</v>
          </cell>
        </row>
        <row r="4180">
          <cell r="C4180">
            <v>2009</v>
          </cell>
          <cell r="P4180">
            <v>3.894662981277528</v>
          </cell>
        </row>
        <row r="4181">
          <cell r="C4181">
            <v>2009</v>
          </cell>
          <cell r="P4181">
            <v>3.8737397059590473</v>
          </cell>
        </row>
        <row r="4182">
          <cell r="C4182">
            <v>2009</v>
          </cell>
          <cell r="P4182">
            <v>4.0273085438762006</v>
          </cell>
        </row>
        <row r="4183">
          <cell r="C4183">
            <v>2009</v>
          </cell>
          <cell r="P4183">
            <v>4.0273085438762006</v>
          </cell>
        </row>
        <row r="4184">
          <cell r="C4184">
            <v>2009</v>
          </cell>
          <cell r="P4184">
            <v>4.0273085438762006</v>
          </cell>
        </row>
        <row r="4185">
          <cell r="C4185">
            <v>2009</v>
          </cell>
          <cell r="P4185">
            <v>4.2692138837395639</v>
          </cell>
        </row>
        <row r="4186">
          <cell r="C4186">
            <v>2009</v>
          </cell>
          <cell r="P4186">
            <v>4.6291177349079993</v>
          </cell>
        </row>
        <row r="4187">
          <cell r="C4187">
            <v>2009</v>
          </cell>
          <cell r="P4187">
            <v>4.647099652479814</v>
          </cell>
        </row>
        <row r="4188">
          <cell r="C4188">
            <v>2009</v>
          </cell>
          <cell r="P4188">
            <v>4.5749813913134183</v>
          </cell>
        </row>
        <row r="4189">
          <cell r="C4189">
            <v>2009</v>
          </cell>
          <cell r="P4189">
            <v>4.4254770698311701</v>
          </cell>
        </row>
        <row r="4190">
          <cell r="C4190">
            <v>2009</v>
          </cell>
          <cell r="P4190">
            <v>4.4254770698311701</v>
          </cell>
        </row>
        <row r="4191">
          <cell r="C4191">
            <v>2009</v>
          </cell>
          <cell r="P4191">
            <v>4.4254770698311701</v>
          </cell>
        </row>
        <row r="4192">
          <cell r="C4192">
            <v>2009</v>
          </cell>
          <cell r="P4192">
            <v>4.4726743882838758</v>
          </cell>
        </row>
        <row r="4193">
          <cell r="C4193">
            <v>2009</v>
          </cell>
          <cell r="P4193">
            <v>4.4119417986658629</v>
          </cell>
        </row>
        <row r="4194">
          <cell r="C4194">
            <v>2009</v>
          </cell>
          <cell r="P4194">
            <v>4.2763506113605434</v>
          </cell>
        </row>
        <row r="4195">
          <cell r="C4195">
            <v>2009</v>
          </cell>
          <cell r="P4195">
            <v>4.3536930538632568</v>
          </cell>
        </row>
        <row r="4196">
          <cell r="C4196">
            <v>2009</v>
          </cell>
          <cell r="P4196">
            <v>4.2915352996117067</v>
          </cell>
        </row>
        <row r="4197">
          <cell r="C4197">
            <v>2009</v>
          </cell>
          <cell r="P4197">
            <v>4.2915352996117067</v>
          </cell>
        </row>
        <row r="4198">
          <cell r="C4198">
            <v>2009</v>
          </cell>
          <cell r="P4198">
            <v>4.2915352996117067</v>
          </cell>
        </row>
        <row r="4199">
          <cell r="C4199">
            <v>2009</v>
          </cell>
          <cell r="P4199">
            <v>4.3383462211328307</v>
          </cell>
        </row>
        <row r="4200">
          <cell r="C4200">
            <v>2009</v>
          </cell>
          <cell r="P4200">
            <v>4.1997553609611087</v>
          </cell>
        </row>
        <row r="4201">
          <cell r="C4201">
            <v>2009</v>
          </cell>
          <cell r="P4201">
            <v>4.1666864211110219</v>
          </cell>
        </row>
        <row r="4202">
          <cell r="C4202">
            <v>2009</v>
          </cell>
          <cell r="P4202">
            <v>3.96139776126833</v>
          </cell>
        </row>
        <row r="4203">
          <cell r="C4203">
            <v>2009</v>
          </cell>
          <cell r="P4203">
            <v>3.96139776126833</v>
          </cell>
        </row>
        <row r="4204">
          <cell r="C4204">
            <v>2009</v>
          </cell>
          <cell r="P4204">
            <v>3.96139776126833</v>
          </cell>
        </row>
        <row r="4205">
          <cell r="C4205">
            <v>2009</v>
          </cell>
          <cell r="P4205">
            <v>3.96139776126833</v>
          </cell>
        </row>
        <row r="4206">
          <cell r="C4206">
            <v>2009</v>
          </cell>
          <cell r="P4206">
            <v>3.7986753459793383</v>
          </cell>
        </row>
        <row r="4207">
          <cell r="C4207">
            <v>2009</v>
          </cell>
          <cell r="P4207">
            <v>3.89863457280619</v>
          </cell>
        </row>
        <row r="4208">
          <cell r="C4208">
            <v>2009</v>
          </cell>
          <cell r="P4208">
            <v>3.7906392380157685</v>
          </cell>
        </row>
        <row r="4209">
          <cell r="C4209">
            <v>2009</v>
          </cell>
          <cell r="P4209">
            <v>3.8405171555496551</v>
          </cell>
        </row>
        <row r="4210">
          <cell r="C4210">
            <v>2009</v>
          </cell>
          <cell r="P4210">
            <v>3.7448263110234543</v>
          </cell>
        </row>
        <row r="4211">
          <cell r="C4211">
            <v>2009</v>
          </cell>
          <cell r="P4211">
            <v>3.7448263110234543</v>
          </cell>
        </row>
        <row r="4212">
          <cell r="C4212">
            <v>2009</v>
          </cell>
          <cell r="P4212">
            <v>3.7448263110234543</v>
          </cell>
        </row>
        <row r="4213">
          <cell r="C4213">
            <v>2009</v>
          </cell>
          <cell r="P4213">
            <v>3.6380266732409452</v>
          </cell>
        </row>
        <row r="4214">
          <cell r="C4214">
            <v>2009</v>
          </cell>
          <cell r="P4214">
            <v>3.7458029707523597</v>
          </cell>
        </row>
        <row r="4215">
          <cell r="C4215">
            <v>2009</v>
          </cell>
          <cell r="P4215">
            <v>3.7203121518279176</v>
          </cell>
        </row>
        <row r="4216">
          <cell r="C4216">
            <v>2009</v>
          </cell>
          <cell r="P4216">
            <v>3.6279282012867249</v>
          </cell>
        </row>
        <row r="4217">
          <cell r="C4217">
            <v>2009</v>
          </cell>
          <cell r="P4217">
            <v>3.8387468412643475</v>
          </cell>
        </row>
        <row r="4218">
          <cell r="C4218">
            <v>2009</v>
          </cell>
          <cell r="P4218">
            <v>3.8387468412643475</v>
          </cell>
        </row>
        <row r="4219">
          <cell r="C4219">
            <v>2009</v>
          </cell>
          <cell r="P4219">
            <v>3.8387468412643475</v>
          </cell>
        </row>
        <row r="4220">
          <cell r="C4220">
            <v>2009</v>
          </cell>
          <cell r="P4220">
            <v>3.8512528268609865</v>
          </cell>
        </row>
        <row r="4221">
          <cell r="C4221">
            <v>2009</v>
          </cell>
          <cell r="P4221">
            <v>3.8918458394769653</v>
          </cell>
        </row>
        <row r="4222">
          <cell r="C4222">
            <v>2009</v>
          </cell>
          <cell r="P4222">
            <v>3.8733869706006456</v>
          </cell>
        </row>
        <row r="4223">
          <cell r="C4223">
            <v>2009</v>
          </cell>
          <cell r="P4223">
            <v>3.9877386534422512</v>
          </cell>
        </row>
        <row r="4224">
          <cell r="C4224">
            <v>2009</v>
          </cell>
          <cell r="P4224">
            <v>3.6752890865386894</v>
          </cell>
        </row>
        <row r="4225">
          <cell r="C4225">
            <v>2009</v>
          </cell>
          <cell r="P4225">
            <v>3.6752890865386894</v>
          </cell>
        </row>
        <row r="4226">
          <cell r="C4226">
            <v>2009</v>
          </cell>
          <cell r="P4226">
            <v>3.6752890865386894</v>
          </cell>
        </row>
        <row r="4227">
          <cell r="C4227">
            <v>2009</v>
          </cell>
          <cell r="P4227">
            <v>3.7140117483631467</v>
          </cell>
        </row>
        <row r="4228">
          <cell r="C4228">
            <v>2009</v>
          </cell>
          <cell r="P4228">
            <v>3.7242785281832704</v>
          </cell>
        </row>
        <row r="4229">
          <cell r="C4229">
            <v>2009</v>
          </cell>
          <cell r="P4229">
            <v>3.6654087036501468</v>
          </cell>
        </row>
        <row r="4230">
          <cell r="C4230">
            <v>2009</v>
          </cell>
          <cell r="P4230">
            <v>3.5789695765753375</v>
          </cell>
        </row>
        <row r="4231">
          <cell r="C4231">
            <v>2009</v>
          </cell>
          <cell r="P4231">
            <v>3.5451183607287962</v>
          </cell>
        </row>
        <row r="4232">
          <cell r="C4232">
            <v>2009</v>
          </cell>
          <cell r="P4232">
            <v>3.5451183607287962</v>
          </cell>
        </row>
        <row r="4233">
          <cell r="C4233">
            <v>2009</v>
          </cell>
          <cell r="P4233">
            <v>3.5451183607287962</v>
          </cell>
        </row>
        <row r="4234">
          <cell r="C4234">
            <v>2009</v>
          </cell>
          <cell r="P4234">
            <v>3.7957832953257813</v>
          </cell>
        </row>
        <row r="4235">
          <cell r="C4235">
            <v>2009</v>
          </cell>
          <cell r="P4235">
            <v>3.8301256856767636</v>
          </cell>
        </row>
        <row r="4236">
          <cell r="C4236">
            <v>2009</v>
          </cell>
          <cell r="P4236">
            <v>3.9236308984795398</v>
          </cell>
        </row>
        <row r="4237">
          <cell r="C4237">
            <v>2009</v>
          </cell>
          <cell r="P4237">
            <v>3.9838135243667119</v>
          </cell>
        </row>
        <row r="4238">
          <cell r="C4238">
            <v>2009</v>
          </cell>
          <cell r="P4238">
            <v>3.7660762458337875</v>
          </cell>
        </row>
        <row r="4239">
          <cell r="C4239">
            <v>2009</v>
          </cell>
          <cell r="P4239">
            <v>3.7660762458337875</v>
          </cell>
        </row>
        <row r="4240">
          <cell r="C4240">
            <v>2009</v>
          </cell>
          <cell r="P4240">
            <v>3.7660762458337875</v>
          </cell>
        </row>
        <row r="4241">
          <cell r="C4241">
            <v>2009</v>
          </cell>
          <cell r="P4241">
            <v>3.7441834223863686</v>
          </cell>
        </row>
        <row r="4242">
          <cell r="C4242">
            <v>2009</v>
          </cell>
          <cell r="P4242">
            <v>3.667476756920772</v>
          </cell>
        </row>
        <row r="4243">
          <cell r="C4243">
            <v>2009</v>
          </cell>
          <cell r="P4243">
            <v>3.5730456138021922</v>
          </cell>
        </row>
        <row r="4244">
          <cell r="C4244">
            <v>2009</v>
          </cell>
          <cell r="P4244">
            <v>3.4883137448263106</v>
          </cell>
        </row>
        <row r="4245">
          <cell r="C4245">
            <v>2009</v>
          </cell>
          <cell r="P4245">
            <v>3.4433428312701788</v>
          </cell>
        </row>
        <row r="4246">
          <cell r="C4246">
            <v>2009</v>
          </cell>
          <cell r="P4246">
            <v>3.4433428312701788</v>
          </cell>
        </row>
        <row r="4247">
          <cell r="C4247">
            <v>2009</v>
          </cell>
          <cell r="P4247">
            <v>3.4433428312701788</v>
          </cell>
        </row>
        <row r="4248">
          <cell r="C4248">
            <v>2009</v>
          </cell>
          <cell r="P4248">
            <v>3.4247132839946328</v>
          </cell>
        </row>
        <row r="4249">
          <cell r="C4249">
            <v>2009</v>
          </cell>
          <cell r="P4249">
            <v>3.3957245060993815</v>
          </cell>
        </row>
        <row r="4250">
          <cell r="C4250">
            <v>2009</v>
          </cell>
          <cell r="P4250">
            <v>3.3023022619628959</v>
          </cell>
        </row>
        <row r="4251">
          <cell r="C4251">
            <v>2009</v>
          </cell>
          <cell r="P4251">
            <v>3.2459504179250249</v>
          </cell>
        </row>
        <row r="4252">
          <cell r="C4252">
            <v>2009</v>
          </cell>
          <cell r="P4252">
            <v>3.0156080655025765</v>
          </cell>
        </row>
        <row r="4253">
          <cell r="C4253">
            <v>2009</v>
          </cell>
          <cell r="P4253">
            <v>3.0156080655025765</v>
          </cell>
        </row>
        <row r="4254">
          <cell r="C4254">
            <v>2009</v>
          </cell>
          <cell r="P4254">
            <v>3.0156080655025765</v>
          </cell>
        </row>
        <row r="4255">
          <cell r="C4255">
            <v>2009</v>
          </cell>
          <cell r="P4255">
            <v>2.9487623445522773</v>
          </cell>
        </row>
        <row r="4256">
          <cell r="C4256">
            <v>2009</v>
          </cell>
          <cell r="P4256">
            <v>3.021084471584417</v>
          </cell>
        </row>
        <row r="4257">
          <cell r="C4257">
            <v>2009</v>
          </cell>
          <cell r="P4257">
            <v>3.0692238399795184</v>
          </cell>
        </row>
        <row r="4258">
          <cell r="C4258">
            <v>2009</v>
          </cell>
          <cell r="P4258">
            <v>2.9722315726592168</v>
          </cell>
        </row>
        <row r="4259">
          <cell r="C4259">
            <v>2009</v>
          </cell>
          <cell r="P4259">
            <v>2.6975327489178516</v>
          </cell>
        </row>
        <row r="4260">
          <cell r="C4260">
            <v>2009</v>
          </cell>
          <cell r="P4260">
            <v>2.6975327489178516</v>
          </cell>
        </row>
        <row r="4261">
          <cell r="C4261">
            <v>2009</v>
          </cell>
          <cell r="P4261">
            <v>2.6975327489178516</v>
          </cell>
        </row>
        <row r="4262">
          <cell r="C4262">
            <v>2009</v>
          </cell>
          <cell r="P4262">
            <v>2.7609492563636961</v>
          </cell>
        </row>
        <row r="4263">
          <cell r="C4263">
            <v>2009</v>
          </cell>
          <cell r="P4263">
            <v>2.6515444024596655</v>
          </cell>
        </row>
        <row r="4264">
          <cell r="C4264">
            <v>2009</v>
          </cell>
          <cell r="P4264">
            <v>2.5495512580420345</v>
          </cell>
        </row>
        <row r="4265">
          <cell r="C4265">
            <v>2009</v>
          </cell>
          <cell r="P4265">
            <v>2.3226940637104536</v>
          </cell>
        </row>
        <row r="4266">
          <cell r="C4266">
            <v>2009</v>
          </cell>
          <cell r="P4266">
            <v>2.1424572000208606</v>
          </cell>
        </row>
        <row r="4267">
          <cell r="C4267">
            <v>2009</v>
          </cell>
          <cell r="P4267">
            <v>2.1424572000208606</v>
          </cell>
        </row>
        <row r="4268">
          <cell r="C4268">
            <v>2009</v>
          </cell>
          <cell r="P4268">
            <v>2.1424572000208606</v>
          </cell>
        </row>
        <row r="4269">
          <cell r="C4269">
            <v>2009</v>
          </cell>
          <cell r="P4269">
            <v>2.1424572000208606</v>
          </cell>
        </row>
        <row r="4270">
          <cell r="C4270">
            <v>2009</v>
          </cell>
          <cell r="P4270">
            <v>2.6945340242647791</v>
          </cell>
        </row>
        <row r="4271">
          <cell r="C4271">
            <v>2009</v>
          </cell>
          <cell r="P4271">
            <v>2.9508868165159794</v>
          </cell>
        </row>
        <row r="4272">
          <cell r="C4272">
            <v>2009</v>
          </cell>
          <cell r="P4272">
            <v>2.8500789387596415</v>
          </cell>
        </row>
        <row r="4273">
          <cell r="C4273">
            <v>2009</v>
          </cell>
          <cell r="P4273">
            <v>3.0976081318775095</v>
          </cell>
        </row>
        <row r="4274">
          <cell r="C4274">
            <v>2009</v>
          </cell>
          <cell r="P4274">
            <v>3.0976081318775095</v>
          </cell>
        </row>
        <row r="4275">
          <cell r="C4275">
            <v>2009</v>
          </cell>
          <cell r="P4275">
            <v>3.0976081318775095</v>
          </cell>
        </row>
        <row r="4276">
          <cell r="C4276">
            <v>2009</v>
          </cell>
          <cell r="P4276">
            <v>3.0781308818858069</v>
          </cell>
        </row>
        <row r="4277">
          <cell r="C4277">
            <v>2009</v>
          </cell>
          <cell r="P4277">
            <v>3.4443967703854015</v>
          </cell>
        </row>
        <row r="4278">
          <cell r="C4278">
            <v>2009</v>
          </cell>
          <cell r="P4278">
            <v>3.5084471584417063</v>
          </cell>
        </row>
        <row r="4279">
          <cell r="C4279">
            <v>2009</v>
          </cell>
          <cell r="P4279">
            <v>3.587597843762889</v>
          </cell>
        </row>
        <row r="4280">
          <cell r="C4280">
            <v>2009</v>
          </cell>
          <cell r="P4280">
            <v>3.3251451951660083</v>
          </cell>
        </row>
        <row r="4281">
          <cell r="C4281">
            <v>2009</v>
          </cell>
          <cell r="P4281">
            <v>3.3251451951660083</v>
          </cell>
        </row>
        <row r="4282">
          <cell r="C4282">
            <v>2009</v>
          </cell>
          <cell r="P4282">
            <v>3.3251451951660083</v>
          </cell>
        </row>
        <row r="4283">
          <cell r="C4283">
            <v>2009</v>
          </cell>
          <cell r="P4283">
            <v>3.4948621060766247</v>
          </cell>
        </row>
        <row r="4284">
          <cell r="C4284">
            <v>2009</v>
          </cell>
          <cell r="P4284">
            <v>3.5403521664304032</v>
          </cell>
        </row>
        <row r="4285">
          <cell r="C4285">
            <v>2009</v>
          </cell>
          <cell r="P4285">
            <v>3.6556259867344956</v>
          </cell>
        </row>
        <row r="4286">
          <cell r="C4286">
            <v>2009</v>
          </cell>
          <cell r="P4286">
            <v>3.7875030224299855</v>
          </cell>
        </row>
        <row r="4287">
          <cell r="C4287">
            <v>2009</v>
          </cell>
          <cell r="P4287">
            <v>3.8190571914869396</v>
          </cell>
        </row>
        <row r="4288">
          <cell r="C4288">
            <v>2009</v>
          </cell>
          <cell r="P4288">
            <v>3.8190571914869396</v>
          </cell>
        </row>
        <row r="4289">
          <cell r="C4289">
            <v>2009</v>
          </cell>
          <cell r="P4289">
            <v>3.8190571914869396</v>
          </cell>
        </row>
        <row r="4290">
          <cell r="C4290">
            <v>2009</v>
          </cell>
          <cell r="P4290">
            <v>3.7950138202092702</v>
          </cell>
        </row>
        <row r="4291">
          <cell r="C4291">
            <v>2009</v>
          </cell>
          <cell r="P4291">
            <v>3.6078094849779303</v>
          </cell>
        </row>
        <row r="4292">
          <cell r="C4292">
            <v>2009</v>
          </cell>
          <cell r="P4292">
            <v>3.5583601598687671</v>
          </cell>
        </row>
        <row r="4293">
          <cell r="C4293">
            <v>2009</v>
          </cell>
          <cell r="P4293">
            <v>3.1210033993447843</v>
          </cell>
        </row>
        <row r="4294">
          <cell r="C4294">
            <v>2009</v>
          </cell>
          <cell r="P4294">
            <v>2.6376853164424929</v>
          </cell>
        </row>
        <row r="4295">
          <cell r="C4295">
            <v>2009</v>
          </cell>
          <cell r="P4295">
            <v>2.6376853164424929</v>
          </cell>
        </row>
        <row r="4296">
          <cell r="C4296">
            <v>2009</v>
          </cell>
          <cell r="P4296">
            <v>2.6376853164424929</v>
          </cell>
        </row>
        <row r="4297">
          <cell r="C4297">
            <v>2009</v>
          </cell>
          <cell r="P4297">
            <v>3.2078782304442854</v>
          </cell>
        </row>
        <row r="4298">
          <cell r="C4298">
            <v>2009</v>
          </cell>
          <cell r="P4298">
            <v>3.6886712212513566</v>
          </cell>
        </row>
        <row r="4299">
          <cell r="C4299">
            <v>2009</v>
          </cell>
          <cell r="P4299">
            <v>4.3297032566386786</v>
          </cell>
        </row>
        <row r="4300">
          <cell r="C4300">
            <v>2009</v>
          </cell>
          <cell r="P4300">
            <v>4.6001313275460722</v>
          </cell>
        </row>
        <row r="4301">
          <cell r="C4301">
            <v>2009</v>
          </cell>
          <cell r="P4301">
            <v>4.2353693053863255</v>
          </cell>
        </row>
        <row r="4302">
          <cell r="C4302">
            <v>2009</v>
          </cell>
          <cell r="P4302">
            <v>4.2353693053863255</v>
          </cell>
        </row>
        <row r="4303">
          <cell r="C4303">
            <v>2009</v>
          </cell>
          <cell r="P4303">
            <v>4.2353693053863255</v>
          </cell>
        </row>
        <row r="4304">
          <cell r="C4304">
            <v>2009</v>
          </cell>
          <cell r="P4304">
            <v>4.4627053474490692</v>
          </cell>
        </row>
        <row r="4305">
          <cell r="C4305">
            <v>2009</v>
          </cell>
          <cell r="P4305">
            <v>4.5259388497224098</v>
          </cell>
        </row>
        <row r="4306">
          <cell r="C4306">
            <v>2009</v>
          </cell>
          <cell r="P4306">
            <v>4.572096926366493</v>
          </cell>
        </row>
        <row r="4307">
          <cell r="C4307">
            <v>2009</v>
          </cell>
          <cell r="P4307">
            <v>4.6697932420836041</v>
          </cell>
        </row>
        <row r="4308">
          <cell r="C4308">
            <v>2009</v>
          </cell>
          <cell r="P4308">
            <v>4.620113501135485</v>
          </cell>
        </row>
        <row r="4309">
          <cell r="C4309">
            <v>2009</v>
          </cell>
          <cell r="P4309">
            <v>4.620113501135485</v>
          </cell>
        </row>
        <row r="4310">
          <cell r="C4310">
            <v>2009</v>
          </cell>
          <cell r="P4310">
            <v>4.620113501135485</v>
          </cell>
        </row>
        <row r="4311">
          <cell r="C4311">
            <v>2009</v>
          </cell>
          <cell r="P4311">
            <v>4.6867207464335312</v>
          </cell>
        </row>
        <row r="4312">
          <cell r="C4312">
            <v>2009</v>
          </cell>
          <cell r="P4312">
            <v>5.0826604969586056</v>
          </cell>
        </row>
        <row r="4313">
          <cell r="C4313">
            <v>2009</v>
          </cell>
          <cell r="P4313">
            <v>5.1832185205027415</v>
          </cell>
        </row>
        <row r="4314">
          <cell r="C4314">
            <v>2009</v>
          </cell>
          <cell r="P4314">
            <v>5.3438340057746183</v>
          </cell>
        </row>
        <row r="4315">
          <cell r="C4315">
            <v>2009</v>
          </cell>
          <cell r="P4315">
            <v>5.2011169953016019</v>
          </cell>
        </row>
        <row r="4316">
          <cell r="C4316">
            <v>2009</v>
          </cell>
          <cell r="P4316">
            <v>5.2011169953016019</v>
          </cell>
        </row>
        <row r="4317">
          <cell r="C4317">
            <v>2009</v>
          </cell>
          <cell r="P4317">
            <v>5.2011169953016019</v>
          </cell>
        </row>
        <row r="4318">
          <cell r="C4318">
            <v>2009</v>
          </cell>
          <cell r="P4318">
            <v>4.8821228600010427</v>
          </cell>
        </row>
        <row r="4319">
          <cell r="C4319">
            <v>2009</v>
          </cell>
          <cell r="P4319">
            <v>5.0432394760173143</v>
          </cell>
        </row>
        <row r="4320">
          <cell r="C4320">
            <v>2009</v>
          </cell>
          <cell r="P4320">
            <v>5.1096902661160692</v>
          </cell>
        </row>
        <row r="4321">
          <cell r="C4321">
            <v>2009</v>
          </cell>
          <cell r="P4321">
            <v>4.5728559711363861</v>
          </cell>
        </row>
        <row r="4322">
          <cell r="C4322">
            <v>2009</v>
          </cell>
          <cell r="P4322">
            <v>4.6023307083627669</v>
          </cell>
        </row>
        <row r="4323">
          <cell r="C4323">
            <v>2009</v>
          </cell>
          <cell r="P4323">
            <v>4.6023307083627669</v>
          </cell>
        </row>
        <row r="4324">
          <cell r="C4324">
            <v>2009</v>
          </cell>
          <cell r="P4324">
            <v>4.6023307083627669</v>
          </cell>
        </row>
        <row r="4325">
          <cell r="C4325">
            <v>2009</v>
          </cell>
          <cell r="P4325">
            <v>4.6400217140852344</v>
          </cell>
        </row>
        <row r="4326">
          <cell r="C4326">
            <v>2009</v>
          </cell>
          <cell r="P4326">
            <v>4.7601977973004361</v>
          </cell>
        </row>
        <row r="4327">
          <cell r="C4327">
            <v>2009</v>
          </cell>
          <cell r="P4327">
            <v>4.8761879927746143</v>
          </cell>
        </row>
        <row r="4328">
          <cell r="C4328">
            <v>2009</v>
          </cell>
          <cell r="P4328">
            <v>4.6406835669889004</v>
          </cell>
        </row>
        <row r="4329">
          <cell r="C4329">
            <v>2009</v>
          </cell>
          <cell r="P4329">
            <v>4.0710211783447035</v>
          </cell>
        </row>
        <row r="4330">
          <cell r="C4330">
            <v>2009</v>
          </cell>
          <cell r="P4330">
            <v>4.0710211783447035</v>
          </cell>
        </row>
        <row r="4331">
          <cell r="C4331">
            <v>2009</v>
          </cell>
          <cell r="P4331">
            <v>4.0710211783447035</v>
          </cell>
        </row>
        <row r="4332">
          <cell r="C4332">
            <v>2009</v>
          </cell>
          <cell r="P4332">
            <v>3.9874911697633735</v>
          </cell>
        </row>
        <row r="4333">
          <cell r="C4333">
            <v>2009</v>
          </cell>
          <cell r="P4333">
            <v>3.9344699250437363</v>
          </cell>
        </row>
        <row r="4334">
          <cell r="C4334">
            <v>2009</v>
          </cell>
          <cell r="P4334">
            <v>3.8696434243776161</v>
          </cell>
        </row>
        <row r="4335">
          <cell r="C4335">
            <v>2009</v>
          </cell>
          <cell r="P4335">
            <v>3.4461054508043221</v>
          </cell>
        </row>
        <row r="4336">
          <cell r="C4336">
            <v>2009</v>
          </cell>
          <cell r="P4336">
            <v>2.5507393693433147</v>
          </cell>
        </row>
        <row r="4337">
          <cell r="C4337">
            <v>2009</v>
          </cell>
          <cell r="P4337">
            <v>2.5507393693433147</v>
          </cell>
        </row>
        <row r="4338">
          <cell r="C4338">
            <v>2009</v>
          </cell>
          <cell r="P4338">
            <v>2.5507393693433147</v>
          </cell>
        </row>
        <row r="4339">
          <cell r="C4339">
            <v>2009</v>
          </cell>
          <cell r="P4339">
            <v>3.3077568591381685</v>
          </cell>
        </row>
        <row r="4340">
          <cell r="C4340">
            <v>2009</v>
          </cell>
          <cell r="P4340">
            <v>4.2534119086111994</v>
          </cell>
        </row>
        <row r="4341">
          <cell r="C4341">
            <v>2009</v>
          </cell>
          <cell r="P4341">
            <v>4.0521896616300737</v>
          </cell>
        </row>
        <row r="4342">
          <cell r="C4342">
            <v>2009</v>
          </cell>
          <cell r="P4342">
            <v>3.7170939157891745</v>
          </cell>
        </row>
        <row r="4343">
          <cell r="C4343">
            <v>2009</v>
          </cell>
          <cell r="P4343">
            <v>3.3874579822968571</v>
          </cell>
        </row>
        <row r="4344">
          <cell r="C4344">
            <v>2009</v>
          </cell>
          <cell r="P4344">
            <v>3.3874579822968571</v>
          </cell>
        </row>
        <row r="4345">
          <cell r="C4345">
            <v>2009</v>
          </cell>
          <cell r="P4345">
            <v>3.3874579822968571</v>
          </cell>
        </row>
        <row r="4346">
          <cell r="C4346">
            <v>2009</v>
          </cell>
          <cell r="P4346">
            <v>4.1919269117165978</v>
          </cell>
        </row>
        <row r="4347">
          <cell r="C4347">
            <v>2009</v>
          </cell>
          <cell r="P4347">
            <v>3.8172565343751037</v>
          </cell>
        </row>
        <row r="4348">
          <cell r="C4348">
            <v>2009</v>
          </cell>
          <cell r="P4348">
            <v>3.9081963560161763</v>
          </cell>
        </row>
        <row r="4349">
          <cell r="C4349">
            <v>2009</v>
          </cell>
          <cell r="P4349">
            <v>3.9081963560161763</v>
          </cell>
        </row>
        <row r="4350">
          <cell r="C4350">
            <v>2009</v>
          </cell>
          <cell r="P4350">
            <v>3.9081963560161763</v>
          </cell>
        </row>
        <row r="4351">
          <cell r="C4351">
            <v>2009</v>
          </cell>
          <cell r="P4351">
            <v>3.9081963560161763</v>
          </cell>
        </row>
        <row r="4352">
          <cell r="C4352">
            <v>2009</v>
          </cell>
          <cell r="P4352">
            <v>3.9081963560161763</v>
          </cell>
        </row>
        <row r="4353">
          <cell r="C4353">
            <v>2009</v>
          </cell>
          <cell r="P4353">
            <v>4.8928869777122452</v>
          </cell>
        </row>
        <row r="4354">
          <cell r="C4354">
            <v>2009</v>
          </cell>
          <cell r="P4354">
            <v>4.9211513206241131</v>
          </cell>
        </row>
        <row r="4355">
          <cell r="C4355">
            <v>2009</v>
          </cell>
          <cell r="P4355">
            <v>5.0572445868871574</v>
          </cell>
        </row>
        <row r="4356">
          <cell r="C4356">
            <v>2009</v>
          </cell>
          <cell r="P4356">
            <v>4.9130659055674339</v>
          </cell>
        </row>
        <row r="4357">
          <cell r="C4357">
            <v>2009</v>
          </cell>
          <cell r="P4357">
            <v>4.9712212513571306</v>
          </cell>
        </row>
        <row r="4358">
          <cell r="C4358">
            <v>2009</v>
          </cell>
          <cell r="P4358">
            <v>4.9712212513571306</v>
          </cell>
        </row>
        <row r="4359">
          <cell r="C4359">
            <v>2009</v>
          </cell>
          <cell r="P4359">
            <v>4.9712212513571306</v>
          </cell>
        </row>
        <row r="4360">
          <cell r="C4360">
            <v>2009</v>
          </cell>
          <cell r="P4360">
            <v>5.3570852870478793</v>
          </cell>
        </row>
        <row r="4361">
          <cell r="C4361">
            <v>2009</v>
          </cell>
          <cell r="P4361">
            <v>5.5804440483019864</v>
          </cell>
        </row>
        <row r="4362">
          <cell r="C4362">
            <v>2009</v>
          </cell>
          <cell r="P4362">
            <v>5.628120214485854</v>
          </cell>
        </row>
        <row r="4363">
          <cell r="C4363">
            <v>2009</v>
          </cell>
          <cell r="P4363">
            <v>5.4559180364398374</v>
          </cell>
        </row>
        <row r="4364">
          <cell r="C4364">
            <v>2009</v>
          </cell>
          <cell r="P4364">
            <v>5.7661634814600582</v>
          </cell>
        </row>
        <row r="4365">
          <cell r="C4365">
            <v>2009</v>
          </cell>
          <cell r="P4365">
            <v>5.7661634814600582</v>
          </cell>
        </row>
        <row r="4366">
          <cell r="C4366">
            <v>2009</v>
          </cell>
          <cell r="P4366">
            <v>5.7661634814600582</v>
          </cell>
        </row>
        <row r="4367">
          <cell r="C4367">
            <v>2009</v>
          </cell>
          <cell r="P4367">
            <v>5.9061211911455826</v>
          </cell>
        </row>
        <row r="4368">
          <cell r="C4368">
            <v>2009</v>
          </cell>
          <cell r="P4368">
            <v>5.9614551281747366</v>
          </cell>
        </row>
        <row r="4369">
          <cell r="C4369">
            <v>2009</v>
          </cell>
          <cell r="P4369">
            <v>5.9590656305855694</v>
          </cell>
        </row>
        <row r="4370">
          <cell r="C4370">
            <v>2009</v>
          </cell>
          <cell r="P4370">
            <v>6.0796883222787459</v>
          </cell>
        </row>
        <row r="4371">
          <cell r="C4371">
            <v>2009</v>
          </cell>
          <cell r="P4371">
            <v>6.2471385292263051</v>
          </cell>
        </row>
        <row r="4372">
          <cell r="C4372">
            <v>2009</v>
          </cell>
          <cell r="P4372">
            <v>6.2471385292263051</v>
          </cell>
        </row>
        <row r="4373">
          <cell r="C4373">
            <v>2009</v>
          </cell>
          <cell r="P4373">
            <v>6.2471385292263051</v>
          </cell>
        </row>
        <row r="4374">
          <cell r="C4374">
            <v>2009</v>
          </cell>
          <cell r="P4374">
            <v>6.1075861807389416</v>
          </cell>
        </row>
        <row r="4375">
          <cell r="C4375">
            <v>2009</v>
          </cell>
          <cell r="P4375">
            <v>5.9955946008733054</v>
          </cell>
        </row>
        <row r="4376">
          <cell r="C4376">
            <v>2009</v>
          </cell>
          <cell r="P4376">
            <v>6.0196905979907358</v>
          </cell>
        </row>
        <row r="4377">
          <cell r="C4377">
            <v>2009</v>
          </cell>
          <cell r="P4377">
            <v>6.2602902481000164</v>
          </cell>
        </row>
        <row r="4378">
          <cell r="C4378">
            <v>2009</v>
          </cell>
          <cell r="P4378">
            <v>6.2602902481000164</v>
          </cell>
        </row>
        <row r="4379">
          <cell r="C4379">
            <v>2009</v>
          </cell>
          <cell r="P4379">
            <v>6.2602902481000164</v>
          </cell>
        </row>
        <row r="4380">
          <cell r="C4380">
            <v>2009</v>
          </cell>
          <cell r="P4380">
            <v>6.2602902481000164</v>
          </cell>
        </row>
        <row r="4381">
          <cell r="C4381">
            <v>2009</v>
          </cell>
          <cell r="P4381">
            <v>6.3000696936796832</v>
          </cell>
        </row>
        <row r="4382">
          <cell r="C4382">
            <v>2009</v>
          </cell>
          <cell r="P4382">
            <v>6.2699444821095849</v>
          </cell>
        </row>
        <row r="4383">
          <cell r="C4383">
            <v>2009</v>
          </cell>
          <cell r="P4383">
            <v>6.2624156682770487</v>
          </cell>
        </row>
        <row r="4384">
          <cell r="C4384">
            <v>2010</v>
          </cell>
          <cell r="P4384">
            <v>6.1826524371453093</v>
          </cell>
        </row>
        <row r="4385">
          <cell r="C4385">
            <v>2010</v>
          </cell>
          <cell r="P4385">
            <v>6.1826524371453093</v>
          </cell>
        </row>
        <row r="4386">
          <cell r="C4386">
            <v>2010</v>
          </cell>
          <cell r="P4386">
            <v>6.1826524371453093</v>
          </cell>
        </row>
        <row r="4387">
          <cell r="C4387">
            <v>2010</v>
          </cell>
          <cell r="P4387">
            <v>6.1826524371453093</v>
          </cell>
        </row>
        <row r="4388">
          <cell r="C4388">
            <v>2010</v>
          </cell>
          <cell r="P4388">
            <v>6.2044717740597273</v>
          </cell>
        </row>
        <row r="4389">
          <cell r="C4389">
            <v>2010</v>
          </cell>
          <cell r="P4389">
            <v>6.1861323800628654</v>
          </cell>
        </row>
        <row r="4390">
          <cell r="C4390">
            <v>2010</v>
          </cell>
          <cell r="P4390">
            <v>6.2026635312412592</v>
          </cell>
        </row>
        <row r="4391">
          <cell r="C4391">
            <v>2010</v>
          </cell>
          <cell r="P4391">
            <v>6.2815719480568726</v>
          </cell>
        </row>
        <row r="4392">
          <cell r="C4392">
            <v>2010</v>
          </cell>
          <cell r="P4392">
            <v>6.0664451008187816</v>
          </cell>
        </row>
        <row r="4393">
          <cell r="C4393">
            <v>2010</v>
          </cell>
          <cell r="P4393">
            <v>6.0664451008187816</v>
          </cell>
        </row>
        <row r="4394">
          <cell r="C4394">
            <v>2010</v>
          </cell>
          <cell r="P4394">
            <v>6.0664451008187816</v>
          </cell>
        </row>
        <row r="4395">
          <cell r="C4395">
            <v>2010</v>
          </cell>
          <cell r="P4395">
            <v>5.859847432475358</v>
          </cell>
        </row>
        <row r="4396">
          <cell r="C4396">
            <v>2010</v>
          </cell>
          <cell r="P4396">
            <v>5.8485205501533741</v>
          </cell>
        </row>
        <row r="4397">
          <cell r="C4397">
            <v>2010</v>
          </cell>
          <cell r="P4397">
            <v>5.7648127515728476</v>
          </cell>
        </row>
        <row r="4398">
          <cell r="C4398">
            <v>2010</v>
          </cell>
          <cell r="P4398">
            <v>5.9253367342584724</v>
          </cell>
        </row>
        <row r="4399">
          <cell r="C4399">
            <v>2010</v>
          </cell>
          <cell r="P4399">
            <v>5.8379309036947129</v>
          </cell>
        </row>
        <row r="4400">
          <cell r="C4400">
            <v>2010</v>
          </cell>
          <cell r="P4400">
            <v>5.8379309036947129</v>
          </cell>
        </row>
        <row r="4401">
          <cell r="C4401">
            <v>2010</v>
          </cell>
          <cell r="P4401">
            <v>5.8379309036947129</v>
          </cell>
        </row>
        <row r="4402">
          <cell r="C4402">
            <v>2010</v>
          </cell>
          <cell r="P4402">
            <v>5.8379309036947129</v>
          </cell>
        </row>
        <row r="4403">
          <cell r="C4403">
            <v>2010</v>
          </cell>
          <cell r="P4403">
            <v>5.6947151330106243</v>
          </cell>
        </row>
        <row r="4404">
          <cell r="C4404">
            <v>2010</v>
          </cell>
          <cell r="P4404">
            <v>5.7724553510048686</v>
          </cell>
        </row>
        <row r="4405">
          <cell r="C4405">
            <v>2010</v>
          </cell>
          <cell r="P4405">
            <v>5.8619368205458855</v>
          </cell>
        </row>
        <row r="4406">
          <cell r="C4406">
            <v>2010</v>
          </cell>
          <cell r="P4406">
            <v>6.0402061415777322</v>
          </cell>
        </row>
        <row r="4407">
          <cell r="C4407">
            <v>2010</v>
          </cell>
          <cell r="P4407">
            <v>6.0402061415777322</v>
          </cell>
        </row>
        <row r="4408">
          <cell r="C4408">
            <v>2010</v>
          </cell>
          <cell r="P4408">
            <v>6.0402061415777322</v>
          </cell>
        </row>
        <row r="4409">
          <cell r="C4409">
            <v>2010</v>
          </cell>
          <cell r="P4409">
            <v>6.0504980490510754</v>
          </cell>
        </row>
        <row r="4410">
          <cell r="C4410">
            <v>2010</v>
          </cell>
          <cell r="P4410">
            <v>6.0642205923488666</v>
          </cell>
        </row>
        <row r="4411">
          <cell r="C4411">
            <v>2010</v>
          </cell>
          <cell r="P4411">
            <v>5.7599123850883975</v>
          </cell>
        </row>
        <row r="4412">
          <cell r="C4412">
            <v>2010</v>
          </cell>
          <cell r="P4412">
            <v>5.595922208578485</v>
          </cell>
        </row>
        <row r="4413">
          <cell r="C4413">
            <v>2010</v>
          </cell>
          <cell r="P4413">
            <v>5.6450458224091244</v>
          </cell>
        </row>
        <row r="4414">
          <cell r="C4414">
            <v>2010</v>
          </cell>
          <cell r="P4414">
            <v>5.6450458224091244</v>
          </cell>
        </row>
        <row r="4415">
          <cell r="C4415">
            <v>2010</v>
          </cell>
          <cell r="P4415">
            <v>5.6450458224091244</v>
          </cell>
        </row>
        <row r="4416">
          <cell r="C4416">
            <v>2010</v>
          </cell>
          <cell r="P4416">
            <v>5.7526998004010936</v>
          </cell>
        </row>
        <row r="4417">
          <cell r="C4417">
            <v>2010</v>
          </cell>
          <cell r="P4417">
            <v>5.7831767991162648</v>
          </cell>
        </row>
        <row r="4418">
          <cell r="C4418">
            <v>2010</v>
          </cell>
          <cell r="P4418">
            <v>5.8446248156910325</v>
          </cell>
        </row>
        <row r="4419">
          <cell r="C4419">
            <v>2010</v>
          </cell>
          <cell r="P4419">
            <v>5.811707589973591</v>
          </cell>
        </row>
        <row r="4420">
          <cell r="C4420">
            <v>2010</v>
          </cell>
          <cell r="P4420">
            <v>5.9797177168919458</v>
          </cell>
        </row>
        <row r="4421">
          <cell r="C4421">
            <v>2010</v>
          </cell>
          <cell r="P4421">
            <v>5.9797177168919458</v>
          </cell>
        </row>
        <row r="4422">
          <cell r="C4422">
            <v>2010</v>
          </cell>
          <cell r="P4422">
            <v>5.9797177168919458</v>
          </cell>
        </row>
        <row r="4423">
          <cell r="C4423">
            <v>2010</v>
          </cell>
          <cell r="P4423">
            <v>6.0272175153966137</v>
          </cell>
        </row>
        <row r="4424">
          <cell r="C4424">
            <v>2010</v>
          </cell>
          <cell r="P4424">
            <v>6.0260900897483909</v>
          </cell>
        </row>
        <row r="4425">
          <cell r="C4425">
            <v>2010</v>
          </cell>
          <cell r="P4425">
            <v>5.7725383196711588</v>
          </cell>
        </row>
        <row r="4426">
          <cell r="C4426">
            <v>2010</v>
          </cell>
          <cell r="P4426">
            <v>5.6924768754474382</v>
          </cell>
        </row>
        <row r="4427">
          <cell r="C4427">
            <v>2010</v>
          </cell>
          <cell r="P4427">
            <v>5.6968045210811518</v>
          </cell>
        </row>
        <row r="4428">
          <cell r="C4428">
            <v>2010</v>
          </cell>
          <cell r="P4428">
            <v>5.6968045210811518</v>
          </cell>
        </row>
        <row r="4429">
          <cell r="C4429">
            <v>2010</v>
          </cell>
          <cell r="P4429">
            <v>5.6968045210811518</v>
          </cell>
        </row>
        <row r="4430">
          <cell r="C4430">
            <v>2010</v>
          </cell>
          <cell r="P4430">
            <v>5.6968045210811518</v>
          </cell>
        </row>
        <row r="4431">
          <cell r="C4431">
            <v>2010</v>
          </cell>
          <cell r="P4431">
            <v>5.7833522185821353</v>
          </cell>
        </row>
        <row r="4432">
          <cell r="C4432">
            <v>2010</v>
          </cell>
          <cell r="P4432">
            <v>5.6309079616732172</v>
          </cell>
        </row>
        <row r="4433">
          <cell r="C4433">
            <v>2010</v>
          </cell>
          <cell r="P4433">
            <v>5.579738577585184</v>
          </cell>
        </row>
        <row r="4434">
          <cell r="C4434">
            <v>2010</v>
          </cell>
          <cell r="P4434">
            <v>5.2860048453701109</v>
          </cell>
        </row>
        <row r="4435">
          <cell r="C4435">
            <v>2010</v>
          </cell>
          <cell r="P4435">
            <v>5.2860048453701109</v>
          </cell>
        </row>
        <row r="4436">
          <cell r="C4436">
            <v>2010</v>
          </cell>
          <cell r="P4436">
            <v>5.2860048453701109</v>
          </cell>
        </row>
        <row r="4437">
          <cell r="C4437">
            <v>2010</v>
          </cell>
          <cell r="P4437">
            <v>5.1318557008955867</v>
          </cell>
        </row>
        <row r="4438">
          <cell r="C4438">
            <v>2010</v>
          </cell>
          <cell r="P4438">
            <v>5.130779004660468</v>
          </cell>
        </row>
        <row r="4439">
          <cell r="C4439">
            <v>2010</v>
          </cell>
          <cell r="P4439">
            <v>5.1818910218420928</v>
          </cell>
        </row>
        <row r="4440">
          <cell r="C4440">
            <v>2010</v>
          </cell>
          <cell r="P4440">
            <v>5.187615859816141</v>
          </cell>
        </row>
        <row r="4441">
          <cell r="C4441">
            <v>2010</v>
          </cell>
          <cell r="P4441">
            <v>5.1351697064805633</v>
          </cell>
        </row>
        <row r="4442">
          <cell r="C4442">
            <v>2010</v>
          </cell>
          <cell r="P4442">
            <v>5.1351697064805633</v>
          </cell>
        </row>
        <row r="4443">
          <cell r="C4443">
            <v>2010</v>
          </cell>
          <cell r="P4443">
            <v>5.1351697064805633</v>
          </cell>
        </row>
        <row r="4444">
          <cell r="C4444">
            <v>2010</v>
          </cell>
          <cell r="P4444">
            <v>5.0543008586071689</v>
          </cell>
        </row>
        <row r="4445">
          <cell r="C4445">
            <v>2010</v>
          </cell>
          <cell r="P4445">
            <v>4.9259066104692222</v>
          </cell>
        </row>
        <row r="4446">
          <cell r="C4446">
            <v>2010</v>
          </cell>
          <cell r="P4446">
            <v>4.9259066104692222</v>
          </cell>
        </row>
        <row r="4447">
          <cell r="C4447">
            <v>2010</v>
          </cell>
          <cell r="P4447">
            <v>4.9413288261593085</v>
          </cell>
        </row>
        <row r="4448">
          <cell r="C4448">
            <v>2010</v>
          </cell>
          <cell r="P4448">
            <v>4.7547446224451573</v>
          </cell>
        </row>
        <row r="4449">
          <cell r="C4449">
            <v>2010</v>
          </cell>
          <cell r="P4449">
            <v>4.7547446224451573</v>
          </cell>
        </row>
        <row r="4450">
          <cell r="C4450">
            <v>2010</v>
          </cell>
          <cell r="P4450">
            <v>4.7547446224451573</v>
          </cell>
        </row>
        <row r="4451">
          <cell r="C4451">
            <v>2010</v>
          </cell>
          <cell r="P4451">
            <v>4.6523347382694151</v>
          </cell>
        </row>
        <row r="4452">
          <cell r="C4452">
            <v>2010</v>
          </cell>
          <cell r="P4452">
            <v>4.6899650583388244</v>
          </cell>
        </row>
        <row r="4453">
          <cell r="C4453">
            <v>2010</v>
          </cell>
          <cell r="P4453">
            <v>4.598892012725023</v>
          </cell>
        </row>
        <row r="4454">
          <cell r="C4454">
            <v>2010</v>
          </cell>
          <cell r="P4454">
            <v>4.6331030755299318</v>
          </cell>
        </row>
        <row r="4455">
          <cell r="C4455">
            <v>2010</v>
          </cell>
          <cell r="P4455">
            <v>4.5157924929950735</v>
          </cell>
        </row>
        <row r="4456">
          <cell r="C4456">
            <v>2010</v>
          </cell>
          <cell r="P4456">
            <v>4.5157924929950735</v>
          </cell>
        </row>
        <row r="4457">
          <cell r="C4457">
            <v>2010</v>
          </cell>
          <cell r="P4457">
            <v>4.5157924929950735</v>
          </cell>
        </row>
        <row r="4458">
          <cell r="C4458">
            <v>2010</v>
          </cell>
          <cell r="P4458">
            <v>4.4758077592296717</v>
          </cell>
        </row>
        <row r="4459">
          <cell r="C4459">
            <v>2010</v>
          </cell>
          <cell r="P4459">
            <v>4.4455806147267012</v>
          </cell>
        </row>
        <row r="4460">
          <cell r="C4460">
            <v>2010</v>
          </cell>
          <cell r="P4460">
            <v>4.3631230354205091</v>
          </cell>
        </row>
        <row r="4461">
          <cell r="C4461">
            <v>2010</v>
          </cell>
          <cell r="P4461">
            <v>4.3743403991029899</v>
          </cell>
        </row>
        <row r="4462">
          <cell r="C4462">
            <v>2010</v>
          </cell>
          <cell r="P4462">
            <v>4.1838467118332279</v>
          </cell>
        </row>
        <row r="4463">
          <cell r="C4463">
            <v>2010</v>
          </cell>
          <cell r="P4463">
            <v>4.1838467118332279</v>
          </cell>
        </row>
        <row r="4464">
          <cell r="C4464">
            <v>2010</v>
          </cell>
          <cell r="P4464">
            <v>4.1838467118332279</v>
          </cell>
        </row>
        <row r="4465">
          <cell r="C4465">
            <v>2010</v>
          </cell>
          <cell r="P4465">
            <v>4.2043352313403464</v>
          </cell>
        </row>
        <row r="4466">
          <cell r="C4466">
            <v>2010</v>
          </cell>
          <cell r="P4466">
            <v>4.2319263427886007</v>
          </cell>
        </row>
        <row r="4467">
          <cell r="C4467">
            <v>2010</v>
          </cell>
          <cell r="P4467">
            <v>4.2348582184019747</v>
          </cell>
        </row>
        <row r="4468">
          <cell r="C4468">
            <v>2010</v>
          </cell>
          <cell r="P4468">
            <v>4.1781218738591797</v>
          </cell>
        </row>
        <row r="4469">
          <cell r="C4469">
            <v>2010</v>
          </cell>
          <cell r="P4469">
            <v>4.1593875490107761</v>
          </cell>
        </row>
        <row r="4470">
          <cell r="C4470">
            <v>2010</v>
          </cell>
          <cell r="P4470">
            <v>4.1593875490107761</v>
          </cell>
        </row>
        <row r="4471">
          <cell r="C4471">
            <v>2010</v>
          </cell>
          <cell r="P4471">
            <v>4.1593875490107761</v>
          </cell>
        </row>
        <row r="4472">
          <cell r="C4472">
            <v>2010</v>
          </cell>
          <cell r="P4472">
            <v>4.0585033400814519</v>
          </cell>
        </row>
        <row r="4473">
          <cell r="C4473">
            <v>2010</v>
          </cell>
          <cell r="P4473">
            <v>3.9752535285388504</v>
          </cell>
        </row>
        <row r="4474">
          <cell r="C4474">
            <v>2010</v>
          </cell>
          <cell r="P4474">
            <v>4.1794436832398549</v>
          </cell>
        </row>
        <row r="4475">
          <cell r="C4475">
            <v>2010</v>
          </cell>
          <cell r="P4475">
            <v>4.0123647018106139</v>
          </cell>
        </row>
        <row r="4476">
          <cell r="C4476">
            <v>2010</v>
          </cell>
          <cell r="P4476">
            <v>4.0123647018106139</v>
          </cell>
        </row>
        <row r="4477">
          <cell r="C4477">
            <v>2010</v>
          </cell>
          <cell r="P4477">
            <v>4.0123647018106139</v>
          </cell>
        </row>
        <row r="4478">
          <cell r="C4478">
            <v>2010</v>
          </cell>
          <cell r="P4478">
            <v>4.0123647018106139</v>
          </cell>
        </row>
        <row r="4479">
          <cell r="C4479">
            <v>2010</v>
          </cell>
          <cell r="P4479">
            <v>4.21583942955486</v>
          </cell>
        </row>
        <row r="4480">
          <cell r="C4480">
            <v>2010</v>
          </cell>
          <cell r="P4480">
            <v>4.3574759509394418</v>
          </cell>
        </row>
        <row r="4481">
          <cell r="C4481">
            <v>2010</v>
          </cell>
          <cell r="P4481">
            <v>4.2559844113728698</v>
          </cell>
        </row>
        <row r="4482">
          <cell r="C4482">
            <v>2010</v>
          </cell>
          <cell r="P4482">
            <v>4.0997235958145861</v>
          </cell>
        </row>
        <row r="4483">
          <cell r="C4483">
            <v>2010</v>
          </cell>
          <cell r="P4483">
            <v>4.1140439876163342</v>
          </cell>
        </row>
        <row r="4484">
          <cell r="C4484">
            <v>2010</v>
          </cell>
          <cell r="P4484">
            <v>4.1140439876163342</v>
          </cell>
        </row>
        <row r="4485">
          <cell r="C4485">
            <v>2010</v>
          </cell>
          <cell r="P4485">
            <v>4.1140439876163342</v>
          </cell>
        </row>
        <row r="4486">
          <cell r="C4486">
            <v>2010</v>
          </cell>
          <cell r="P4486">
            <v>4.2116341034405913</v>
          </cell>
        </row>
        <row r="4487">
          <cell r="C4487">
            <v>2010</v>
          </cell>
          <cell r="P4487">
            <v>4.1695576110713377</v>
          </cell>
        </row>
        <row r="4488">
          <cell r="C4488">
            <v>2010</v>
          </cell>
          <cell r="P4488">
            <v>4.2739317191581767</v>
          </cell>
        </row>
        <row r="4489">
          <cell r="C4489">
            <v>2010</v>
          </cell>
          <cell r="P4489">
            <v>4.2824291329063211</v>
          </cell>
        </row>
        <row r="4490">
          <cell r="C4490">
            <v>2010</v>
          </cell>
          <cell r="P4490">
            <v>4.1905851898560131</v>
          </cell>
        </row>
        <row r="4491">
          <cell r="C4491">
            <v>2010</v>
          </cell>
          <cell r="P4491">
            <v>4.1905851898560131</v>
          </cell>
        </row>
        <row r="4492">
          <cell r="C4492">
            <v>2010</v>
          </cell>
          <cell r="P4492">
            <v>4.1905851898560131</v>
          </cell>
        </row>
        <row r="4493">
          <cell r="C4493">
            <v>2010</v>
          </cell>
          <cell r="P4493">
            <v>4.2366531862338386</v>
          </cell>
        </row>
        <row r="4494">
          <cell r="C4494">
            <v>2010</v>
          </cell>
          <cell r="P4494">
            <v>4.0479369248493526</v>
          </cell>
        </row>
        <row r="4495">
          <cell r="C4495">
            <v>2010</v>
          </cell>
          <cell r="P4495">
            <v>4.0707936071457356</v>
          </cell>
        </row>
        <row r="4496">
          <cell r="C4496">
            <v>2010</v>
          </cell>
          <cell r="P4496">
            <v>4.0873650573906115</v>
          </cell>
        </row>
        <row r="4497">
          <cell r="C4497">
            <v>2010</v>
          </cell>
          <cell r="P4497">
            <v>4.0930799391247037</v>
          </cell>
        </row>
        <row r="4498">
          <cell r="C4498">
            <v>2010</v>
          </cell>
          <cell r="P4498">
            <v>4.0930799391247037</v>
          </cell>
        </row>
        <row r="4499">
          <cell r="C4499">
            <v>2010</v>
          </cell>
          <cell r="P4499">
            <v>4.0930799391247037</v>
          </cell>
        </row>
        <row r="4500">
          <cell r="C4500">
            <v>2010</v>
          </cell>
          <cell r="P4500">
            <v>4.3846882511627454</v>
          </cell>
        </row>
        <row r="4501">
          <cell r="C4501">
            <v>2010</v>
          </cell>
          <cell r="P4501">
            <v>4.4565324786770528</v>
          </cell>
        </row>
        <row r="4502">
          <cell r="C4502">
            <v>2010</v>
          </cell>
          <cell r="P4502">
            <v>4.4656296373558124</v>
          </cell>
        </row>
        <row r="4503">
          <cell r="C4503">
            <v>2010</v>
          </cell>
          <cell r="P4503">
            <v>4.3996349378683215</v>
          </cell>
        </row>
        <row r="4504">
          <cell r="C4504">
            <v>2010</v>
          </cell>
          <cell r="P4504">
            <v>4.1533905738112962</v>
          </cell>
        </row>
        <row r="4505">
          <cell r="C4505">
            <v>2010</v>
          </cell>
          <cell r="P4505">
            <v>4.1533905738112962</v>
          </cell>
        </row>
        <row r="4506">
          <cell r="C4506">
            <v>2010</v>
          </cell>
          <cell r="P4506">
            <v>4.1533905738112962</v>
          </cell>
        </row>
        <row r="4507">
          <cell r="C4507">
            <v>2010</v>
          </cell>
          <cell r="P4507">
            <v>4.1223441729920394</v>
          </cell>
        </row>
        <row r="4508">
          <cell r="C4508">
            <v>2010</v>
          </cell>
          <cell r="P4508">
            <v>4.2622568425444358</v>
          </cell>
        </row>
        <row r="4509">
          <cell r="C4509">
            <v>2010</v>
          </cell>
          <cell r="P4509">
            <v>4.2782503567652634</v>
          </cell>
        </row>
        <row r="4510">
          <cell r="C4510">
            <v>2010</v>
          </cell>
          <cell r="P4510">
            <v>4.2901338403113938</v>
          </cell>
        </row>
        <row r="4511">
          <cell r="C4511">
            <v>2010</v>
          </cell>
          <cell r="P4511">
            <v>4.2827221308249923</v>
          </cell>
        </row>
        <row r="4512">
          <cell r="C4512">
            <v>2010</v>
          </cell>
          <cell r="P4512">
            <v>4.2827221308249923</v>
          </cell>
        </row>
        <row r="4513">
          <cell r="C4513">
            <v>2010</v>
          </cell>
          <cell r="P4513">
            <v>4.2827221308249923</v>
          </cell>
        </row>
        <row r="4514">
          <cell r="C4514">
            <v>2010</v>
          </cell>
          <cell r="P4514">
            <v>4.3427810148727248</v>
          </cell>
        </row>
        <row r="4515">
          <cell r="C4515">
            <v>2010</v>
          </cell>
          <cell r="P4515">
            <v>4.3549992177240036</v>
          </cell>
        </row>
        <row r="4516">
          <cell r="C4516">
            <v>2010</v>
          </cell>
          <cell r="P4516">
            <v>4.4494531179624781</v>
          </cell>
        </row>
        <row r="4517">
          <cell r="C4517">
            <v>2010</v>
          </cell>
          <cell r="P4517">
            <v>4.4508303978229016</v>
          </cell>
        </row>
        <row r="4518">
          <cell r="C4518">
            <v>2010</v>
          </cell>
          <cell r="P4518">
            <v>4.5902931401506706</v>
          </cell>
        </row>
        <row r="4519">
          <cell r="C4519">
            <v>2010</v>
          </cell>
          <cell r="P4519">
            <v>4.5902931401506706</v>
          </cell>
        </row>
        <row r="4520">
          <cell r="C4520">
            <v>2010</v>
          </cell>
          <cell r="P4520">
            <v>4.5902931401506706</v>
          </cell>
        </row>
        <row r="4521">
          <cell r="C4521">
            <v>2010</v>
          </cell>
          <cell r="P4521">
            <v>4.6617604528666856</v>
          </cell>
        </row>
        <row r="4522">
          <cell r="C4522">
            <v>2010</v>
          </cell>
          <cell r="P4522">
            <v>4.696723448841519</v>
          </cell>
        </row>
        <row r="4523">
          <cell r="C4523">
            <v>2010</v>
          </cell>
          <cell r="P4523">
            <v>4.7808370827268716</v>
          </cell>
        </row>
        <row r="4524">
          <cell r="C4524">
            <v>2010</v>
          </cell>
          <cell r="P4524">
            <v>4.846309316670065</v>
          </cell>
        </row>
        <row r="4525">
          <cell r="C4525">
            <v>2010</v>
          </cell>
          <cell r="P4525">
            <v>4.4700862400022752</v>
          </cell>
        </row>
        <row r="4526">
          <cell r="C4526">
            <v>2010</v>
          </cell>
          <cell r="P4526">
            <v>4.4700862400022752</v>
          </cell>
        </row>
        <row r="4527">
          <cell r="C4527">
            <v>2010</v>
          </cell>
          <cell r="P4527">
            <v>4.4700862400022752</v>
          </cell>
        </row>
        <row r="4528">
          <cell r="C4528">
            <v>2010</v>
          </cell>
          <cell r="P4528">
            <v>4.4299957804506844</v>
          </cell>
        </row>
        <row r="4529">
          <cell r="C4529">
            <v>2010</v>
          </cell>
          <cell r="P4529">
            <v>4.4967310345481533</v>
          </cell>
        </row>
        <row r="4530">
          <cell r="C4530">
            <v>2010</v>
          </cell>
          <cell r="P4530">
            <v>4.5750373358998306</v>
          </cell>
        </row>
        <row r="4531">
          <cell r="C4531">
            <v>2010</v>
          </cell>
          <cell r="P4531">
            <v>4.5432921018570767</v>
          </cell>
        </row>
        <row r="4532">
          <cell r="C4532">
            <v>2010</v>
          </cell>
          <cell r="P4532">
            <v>4.624233013943476</v>
          </cell>
        </row>
        <row r="4533">
          <cell r="C4533">
            <v>2010</v>
          </cell>
          <cell r="P4533">
            <v>4.624233013943476</v>
          </cell>
        </row>
        <row r="4534">
          <cell r="C4534">
            <v>2010</v>
          </cell>
          <cell r="P4534">
            <v>4.624233013943476</v>
          </cell>
        </row>
        <row r="4535">
          <cell r="C4535">
            <v>2010</v>
          </cell>
          <cell r="P4535">
            <v>4.624233013943476</v>
          </cell>
        </row>
        <row r="4536">
          <cell r="C4536">
            <v>2010</v>
          </cell>
          <cell r="P4536">
            <v>4.7247237143412519</v>
          </cell>
        </row>
        <row r="4537">
          <cell r="C4537">
            <v>2010</v>
          </cell>
          <cell r="P4537">
            <v>4.6070537589546889</v>
          </cell>
        </row>
        <row r="4538">
          <cell r="C4538">
            <v>2010</v>
          </cell>
          <cell r="P4538">
            <v>4.6123675464506011</v>
          </cell>
        </row>
        <row r="4539">
          <cell r="C4539">
            <v>2010</v>
          </cell>
          <cell r="P4539">
            <v>4.9956770954329297</v>
          </cell>
        </row>
        <row r="4540">
          <cell r="C4540">
            <v>2010</v>
          </cell>
          <cell r="P4540">
            <v>4.9956770954329297</v>
          </cell>
        </row>
        <row r="4541">
          <cell r="C4541">
            <v>2010</v>
          </cell>
          <cell r="P4541">
            <v>4.9956770954329297</v>
          </cell>
        </row>
        <row r="4542">
          <cell r="C4542">
            <v>2010</v>
          </cell>
          <cell r="P4542">
            <v>5.1270084343575615</v>
          </cell>
        </row>
        <row r="4543">
          <cell r="C4543">
            <v>2010</v>
          </cell>
          <cell r="P4543">
            <v>5.2060666688791644</v>
          </cell>
        </row>
        <row r="4544">
          <cell r="C4544">
            <v>2010</v>
          </cell>
          <cell r="P4544">
            <v>5.0318338919890202</v>
          </cell>
        </row>
        <row r="4545">
          <cell r="C4545">
            <v>2010</v>
          </cell>
          <cell r="P4545">
            <v>4.9498489970273507</v>
          </cell>
        </row>
        <row r="4546">
          <cell r="C4546">
            <v>2010</v>
          </cell>
          <cell r="P4546">
            <v>4.9528325502671589</v>
          </cell>
        </row>
        <row r="4547">
          <cell r="C4547">
            <v>2010</v>
          </cell>
          <cell r="P4547">
            <v>4.9528325502671589</v>
          </cell>
        </row>
        <row r="4548">
          <cell r="C4548">
            <v>2010</v>
          </cell>
          <cell r="P4548">
            <v>4.9528325502671589</v>
          </cell>
        </row>
        <row r="4549">
          <cell r="C4549">
            <v>2010</v>
          </cell>
          <cell r="P4549">
            <v>5.0797613347050818</v>
          </cell>
        </row>
        <row r="4550">
          <cell r="C4550">
            <v>2010</v>
          </cell>
          <cell r="P4550">
            <v>5.2385524575318945</v>
          </cell>
        </row>
        <row r="4551">
          <cell r="C4551">
            <v>2010</v>
          </cell>
          <cell r="P4551">
            <v>5.2072215927139283</v>
          </cell>
        </row>
        <row r="4552">
          <cell r="C4552">
            <v>2010</v>
          </cell>
          <cell r="P4552">
            <v>5.2462671211769214</v>
          </cell>
        </row>
        <row r="4553">
          <cell r="C4553">
            <v>2010</v>
          </cell>
          <cell r="P4553">
            <v>5.208239025615983</v>
          </cell>
        </row>
        <row r="4554">
          <cell r="C4554">
            <v>2010</v>
          </cell>
          <cell r="P4554">
            <v>5.208239025615983</v>
          </cell>
        </row>
        <row r="4555">
          <cell r="C4555">
            <v>2010</v>
          </cell>
          <cell r="P4555">
            <v>5.208239025615983</v>
          </cell>
        </row>
        <row r="4556">
          <cell r="C4556">
            <v>2010</v>
          </cell>
          <cell r="P4556">
            <v>5.2125761533829875</v>
          </cell>
        </row>
        <row r="4557">
          <cell r="C4557">
            <v>2010</v>
          </cell>
          <cell r="P4557">
            <v>4.9524347747756288</v>
          </cell>
        </row>
        <row r="4558">
          <cell r="C4558">
            <v>2010</v>
          </cell>
          <cell r="P4558">
            <v>5.0902869767640322</v>
          </cell>
        </row>
        <row r="4559">
          <cell r="C4559">
            <v>2010</v>
          </cell>
          <cell r="P4559">
            <v>5.0695277423514726</v>
          </cell>
        </row>
        <row r="4560">
          <cell r="C4560">
            <v>2010</v>
          </cell>
          <cell r="P4560">
            <v>5.0443147499324388</v>
          </cell>
        </row>
        <row r="4561">
          <cell r="C4561">
            <v>2010</v>
          </cell>
          <cell r="P4561">
            <v>5.0443147499324388</v>
          </cell>
        </row>
        <row r="4562">
          <cell r="C4562">
            <v>2010</v>
          </cell>
          <cell r="P4562">
            <v>5.0443147499324388</v>
          </cell>
        </row>
        <row r="4563">
          <cell r="C4563">
            <v>2010</v>
          </cell>
          <cell r="P4563">
            <v>4.9547498376184667</v>
          </cell>
        </row>
        <row r="4564">
          <cell r="C4564">
            <v>2010</v>
          </cell>
          <cell r="P4564">
            <v>4.892031689289456</v>
          </cell>
        </row>
        <row r="4565">
          <cell r="C4565">
            <v>2010</v>
          </cell>
          <cell r="P4565">
            <v>4.7819848949616679</v>
          </cell>
        </row>
        <row r="4566">
          <cell r="C4566">
            <v>2010</v>
          </cell>
          <cell r="P4566">
            <v>4.8071267713810251</v>
          </cell>
        </row>
        <row r="4567">
          <cell r="C4567">
            <v>2010</v>
          </cell>
          <cell r="P4567">
            <v>5.0134205373524923</v>
          </cell>
        </row>
        <row r="4568">
          <cell r="C4568">
            <v>2010</v>
          </cell>
          <cell r="P4568">
            <v>5.0134205373524923</v>
          </cell>
        </row>
        <row r="4569">
          <cell r="C4569">
            <v>2010</v>
          </cell>
          <cell r="P4569">
            <v>5.0134205373524923</v>
          </cell>
        </row>
        <row r="4570">
          <cell r="C4570">
            <v>2010</v>
          </cell>
          <cell r="P4570">
            <v>5.0134205373524923</v>
          </cell>
        </row>
        <row r="4571">
          <cell r="C4571">
            <v>2010</v>
          </cell>
          <cell r="P4571">
            <v>5.0667608558573498</v>
          </cell>
        </row>
        <row r="4572">
          <cell r="C4572">
            <v>2010</v>
          </cell>
          <cell r="P4572">
            <v>4.9060752027991255</v>
          </cell>
        </row>
        <row r="4573">
          <cell r="C4573">
            <v>2010</v>
          </cell>
          <cell r="P4573">
            <v>4.7445124524115432</v>
          </cell>
        </row>
        <row r="4574">
          <cell r="C4574">
            <v>2010</v>
          </cell>
          <cell r="P4574">
            <v>4.5733997714805863</v>
          </cell>
        </row>
        <row r="4575">
          <cell r="C4575">
            <v>2010</v>
          </cell>
          <cell r="P4575">
            <v>4.5733997714805863</v>
          </cell>
        </row>
        <row r="4576">
          <cell r="C4576">
            <v>2010</v>
          </cell>
          <cell r="P4576">
            <v>4.5733997714805863</v>
          </cell>
        </row>
        <row r="4577">
          <cell r="C4577">
            <v>2010</v>
          </cell>
          <cell r="P4577">
            <v>4.6353493929064156</v>
          </cell>
        </row>
        <row r="4578">
          <cell r="C4578">
            <v>2010</v>
          </cell>
          <cell r="P4578">
            <v>4.6416787168777223</v>
          </cell>
        </row>
        <row r="4579">
          <cell r="C4579">
            <v>2010</v>
          </cell>
          <cell r="P4579">
            <v>4.5441132546000196</v>
          </cell>
        </row>
        <row r="4580">
          <cell r="C4580">
            <v>2010</v>
          </cell>
          <cell r="P4580">
            <v>4.60661094333003</v>
          </cell>
        </row>
        <row r="4581">
          <cell r="C4581">
            <v>2010</v>
          </cell>
          <cell r="P4581">
            <v>4.8657747139951555</v>
          </cell>
        </row>
        <row r="4582">
          <cell r="C4582">
            <v>2010</v>
          </cell>
          <cell r="P4582">
            <v>4.8657747139951555</v>
          </cell>
        </row>
        <row r="4583">
          <cell r="C4583">
            <v>2010</v>
          </cell>
          <cell r="P4583">
            <v>4.8657747139951555</v>
          </cell>
        </row>
        <row r="4584">
          <cell r="C4584">
            <v>2010</v>
          </cell>
          <cell r="P4584">
            <v>4.7657998416483736</v>
          </cell>
        </row>
        <row r="4585">
          <cell r="C4585">
            <v>2010</v>
          </cell>
          <cell r="P4585">
            <v>4.7858384339308655</v>
          </cell>
        </row>
        <row r="4586">
          <cell r="C4586">
            <v>2010</v>
          </cell>
          <cell r="P4586">
            <v>4.8446399871042987</v>
          </cell>
        </row>
        <row r="4587">
          <cell r="C4587">
            <v>2010</v>
          </cell>
          <cell r="P4587">
            <v>4.8750567742730757</v>
          </cell>
        </row>
        <row r="4588">
          <cell r="C4588">
            <v>2010</v>
          </cell>
          <cell r="P4588">
            <v>4.8539756214353105</v>
          </cell>
        </row>
        <row r="4589">
          <cell r="C4589">
            <v>2010</v>
          </cell>
          <cell r="P4589">
            <v>4.8539756214353105</v>
          </cell>
        </row>
        <row r="4590">
          <cell r="C4590">
            <v>2010</v>
          </cell>
          <cell r="P4590">
            <v>4.8539756214353105</v>
          </cell>
        </row>
        <row r="4591">
          <cell r="C4591">
            <v>2010</v>
          </cell>
          <cell r="P4591">
            <v>4.8009861418621957</v>
          </cell>
        </row>
        <row r="4592">
          <cell r="C4592">
            <v>2010</v>
          </cell>
          <cell r="P4592">
            <v>4.8808607880600974</v>
          </cell>
        </row>
        <row r="4593">
          <cell r="C4593">
            <v>2010</v>
          </cell>
          <cell r="P4593">
            <v>4.9594259516506023</v>
          </cell>
        </row>
        <row r="4594">
          <cell r="C4594">
            <v>2010</v>
          </cell>
          <cell r="P4594">
            <v>4.9656509721557152</v>
          </cell>
        </row>
        <row r="4595">
          <cell r="C4595">
            <v>2010</v>
          </cell>
          <cell r="P4595">
            <v>4.9566144991300138</v>
          </cell>
        </row>
        <row r="4596">
          <cell r="C4596">
            <v>2010</v>
          </cell>
          <cell r="P4596">
            <v>4.9566144991300138</v>
          </cell>
        </row>
        <row r="4597">
          <cell r="C4597">
            <v>2010</v>
          </cell>
          <cell r="P4597">
            <v>4.9566144991300138</v>
          </cell>
        </row>
        <row r="4598">
          <cell r="C4598">
            <v>2010</v>
          </cell>
          <cell r="P4598">
            <v>5.0346714203761556</v>
          </cell>
        </row>
        <row r="4599">
          <cell r="C4599">
            <v>2010</v>
          </cell>
          <cell r="P4599">
            <v>4.9398477169393562</v>
          </cell>
        </row>
        <row r="4600">
          <cell r="C4600">
            <v>2010</v>
          </cell>
          <cell r="P4600">
            <v>4.8625778127563137</v>
          </cell>
        </row>
        <row r="4601">
          <cell r="C4601">
            <v>2010</v>
          </cell>
          <cell r="P4601">
            <v>4.8930311061382596</v>
          </cell>
        </row>
        <row r="4602">
          <cell r="C4602">
            <v>2010</v>
          </cell>
          <cell r="P4602">
            <v>4.7925698003536832</v>
          </cell>
        </row>
        <row r="4603">
          <cell r="C4603">
            <v>2010</v>
          </cell>
          <cell r="P4603">
            <v>4.7925698003536832</v>
          </cell>
        </row>
        <row r="4604">
          <cell r="C4604">
            <v>2010</v>
          </cell>
          <cell r="P4604">
            <v>4.7925698003536832</v>
          </cell>
        </row>
        <row r="4605">
          <cell r="C4605">
            <v>2010</v>
          </cell>
          <cell r="P4605">
            <v>4.6968277523077138</v>
          </cell>
        </row>
        <row r="4606">
          <cell r="C4606">
            <v>2010</v>
          </cell>
          <cell r="P4606">
            <v>4.7343438126709749</v>
          </cell>
        </row>
        <row r="4607">
          <cell r="C4607">
            <v>2010</v>
          </cell>
          <cell r="P4607">
            <v>4.6003366157318073</v>
          </cell>
        </row>
        <row r="4608">
          <cell r="C4608">
            <v>2010</v>
          </cell>
          <cell r="P4608">
            <v>4.6450723723823391</v>
          </cell>
        </row>
        <row r="4609">
          <cell r="C4609">
            <v>2010</v>
          </cell>
          <cell r="P4609">
            <v>4.5667148675108917</v>
          </cell>
        </row>
        <row r="4610">
          <cell r="C4610">
            <v>2010</v>
          </cell>
          <cell r="P4610">
            <v>4.5667148675108917</v>
          </cell>
        </row>
        <row r="4611">
          <cell r="C4611">
            <v>2010</v>
          </cell>
          <cell r="P4611">
            <v>4.5667148675108917</v>
          </cell>
        </row>
        <row r="4612">
          <cell r="C4612">
            <v>2010</v>
          </cell>
          <cell r="P4612">
            <v>4.5650479084784488</v>
          </cell>
        </row>
        <row r="4613">
          <cell r="C4613">
            <v>2010</v>
          </cell>
          <cell r="P4613">
            <v>4.4734239509204778</v>
          </cell>
        </row>
        <row r="4614">
          <cell r="C4614">
            <v>2010</v>
          </cell>
          <cell r="P4614">
            <v>4.4829587100505863</v>
          </cell>
        </row>
        <row r="4615">
          <cell r="C4615">
            <v>2010</v>
          </cell>
          <cell r="P4615">
            <v>4.4322814486803237</v>
          </cell>
        </row>
        <row r="4616">
          <cell r="C4616">
            <v>2010</v>
          </cell>
          <cell r="P4616">
            <v>4.3907018200954848</v>
          </cell>
        </row>
        <row r="4617">
          <cell r="C4617">
            <v>2010</v>
          </cell>
          <cell r="P4617">
            <v>4.3907018200954848</v>
          </cell>
        </row>
        <row r="4618">
          <cell r="C4618">
            <v>2010</v>
          </cell>
          <cell r="P4618">
            <v>4.3907018200954848</v>
          </cell>
        </row>
        <row r="4619">
          <cell r="C4619">
            <v>2010</v>
          </cell>
          <cell r="P4619">
            <v>4.3616627868937954</v>
          </cell>
        </row>
        <row r="4620">
          <cell r="C4620">
            <v>2010</v>
          </cell>
          <cell r="P4620">
            <v>4.3719741327403847</v>
          </cell>
        </row>
        <row r="4621">
          <cell r="C4621">
            <v>2010</v>
          </cell>
          <cell r="P4621">
            <v>4.3088084277200682</v>
          </cell>
        </row>
        <row r="4622">
          <cell r="C4622">
            <v>2010</v>
          </cell>
          <cell r="P4622">
            <v>4.2149400492122719</v>
          </cell>
        </row>
        <row r="4623">
          <cell r="C4623">
            <v>2010</v>
          </cell>
          <cell r="P4623">
            <v>4.1399411159522659</v>
          </cell>
        </row>
        <row r="4624">
          <cell r="C4624">
            <v>2010</v>
          </cell>
          <cell r="P4624">
            <v>4.1399411159522659</v>
          </cell>
        </row>
        <row r="4625">
          <cell r="C4625">
            <v>2010</v>
          </cell>
          <cell r="P4625">
            <v>4.1399411159522659</v>
          </cell>
        </row>
        <row r="4626">
          <cell r="C4626">
            <v>2010</v>
          </cell>
          <cell r="P4626">
            <v>4.1862821977688531</v>
          </cell>
        </row>
        <row r="4627">
          <cell r="C4627">
            <v>2010</v>
          </cell>
          <cell r="P4627">
            <v>4.2319334543885692</v>
          </cell>
        </row>
        <row r="4628">
          <cell r="C4628">
            <v>2010</v>
          </cell>
          <cell r="P4628">
            <v>4.2301930088231252</v>
          </cell>
        </row>
        <row r="4629">
          <cell r="C4629">
            <v>2010</v>
          </cell>
          <cell r="P4629">
            <v>4.2943254173323906</v>
          </cell>
        </row>
        <row r="4630">
          <cell r="C4630">
            <v>2010</v>
          </cell>
          <cell r="P4630">
            <v>4.1807280381940322</v>
          </cell>
        </row>
        <row r="4631">
          <cell r="C4631">
            <v>2010</v>
          </cell>
          <cell r="P4631">
            <v>4.1807280381940322</v>
          </cell>
        </row>
        <row r="4632">
          <cell r="C4632">
            <v>2010</v>
          </cell>
          <cell r="P4632">
            <v>4.1807280381940322</v>
          </cell>
        </row>
        <row r="4633">
          <cell r="C4633">
            <v>2010</v>
          </cell>
          <cell r="P4633">
            <v>4.1807280381940322</v>
          </cell>
        </row>
        <row r="4634">
          <cell r="C4634">
            <v>2010</v>
          </cell>
          <cell r="P4634">
            <v>4.1327745196114209</v>
          </cell>
        </row>
        <row r="4635">
          <cell r="C4635">
            <v>2010</v>
          </cell>
          <cell r="P4635">
            <v>4.0861774201959955</v>
          </cell>
        </row>
        <row r="4636">
          <cell r="C4636">
            <v>2010</v>
          </cell>
          <cell r="P4636">
            <v>4.1033287028915764</v>
          </cell>
        </row>
        <row r="4637">
          <cell r="C4637">
            <v>2010</v>
          </cell>
          <cell r="P4637">
            <v>4.1692665095793258</v>
          </cell>
        </row>
        <row r="4638">
          <cell r="C4638">
            <v>2010</v>
          </cell>
          <cell r="P4638">
            <v>4.1692665095793258</v>
          </cell>
        </row>
        <row r="4639">
          <cell r="C4639">
            <v>2010</v>
          </cell>
          <cell r="P4639">
            <v>4.1692665095793258</v>
          </cell>
        </row>
        <row r="4640">
          <cell r="C4640">
            <v>2010</v>
          </cell>
          <cell r="P4640">
            <v>4.200821152742944</v>
          </cell>
        </row>
        <row r="4641">
          <cell r="C4641">
            <v>2010</v>
          </cell>
          <cell r="P4641">
            <v>4.1775263958885462</v>
          </cell>
        </row>
        <row r="4642">
          <cell r="C4642">
            <v>2010</v>
          </cell>
          <cell r="P4642">
            <v>4.2995424870687398</v>
          </cell>
        </row>
        <row r="4643">
          <cell r="C4643">
            <v>2010</v>
          </cell>
          <cell r="P4643">
            <v>4.2864552467014034</v>
          </cell>
        </row>
        <row r="4644">
          <cell r="C4644">
            <v>2010</v>
          </cell>
          <cell r="P4644">
            <v>4.3102364369935939</v>
          </cell>
        </row>
        <row r="4645">
          <cell r="C4645">
            <v>2010</v>
          </cell>
          <cell r="P4645">
            <v>4.3102364369935939</v>
          </cell>
        </row>
        <row r="4646">
          <cell r="C4646">
            <v>2010</v>
          </cell>
          <cell r="P4646">
            <v>4.3102364369935939</v>
          </cell>
        </row>
        <row r="4647">
          <cell r="C4647">
            <v>2010</v>
          </cell>
          <cell r="P4647">
            <v>4.201638512632571</v>
          </cell>
        </row>
        <row r="4648">
          <cell r="C4648">
            <v>2010</v>
          </cell>
          <cell r="P4648">
            <v>4.1959719897782604</v>
          </cell>
        </row>
        <row r="4649">
          <cell r="C4649">
            <v>2010</v>
          </cell>
          <cell r="P4649">
            <v>4.2645026858142545</v>
          </cell>
        </row>
        <row r="4650">
          <cell r="C4650">
            <v>2010</v>
          </cell>
          <cell r="P4650">
            <v>4.3308031841003576</v>
          </cell>
        </row>
        <row r="4651">
          <cell r="C4651">
            <v>2010</v>
          </cell>
          <cell r="P4651">
            <v>4.1699534901362103</v>
          </cell>
        </row>
        <row r="4652">
          <cell r="C4652">
            <v>2010</v>
          </cell>
          <cell r="P4652">
            <v>4.1699534901362103</v>
          </cell>
        </row>
        <row r="4653">
          <cell r="C4653">
            <v>2010</v>
          </cell>
          <cell r="P4653">
            <v>4.1699534901362103</v>
          </cell>
        </row>
        <row r="4654">
          <cell r="C4654">
            <v>2010</v>
          </cell>
          <cell r="P4654">
            <v>4.0130758618073896</v>
          </cell>
        </row>
        <row r="4655">
          <cell r="C4655">
            <v>2010</v>
          </cell>
          <cell r="P4655">
            <v>4.0799296425709848</v>
          </cell>
        </row>
        <row r="4656">
          <cell r="C4656">
            <v>2010</v>
          </cell>
          <cell r="P4656">
            <v>4.1410372505606308</v>
          </cell>
        </row>
        <row r="4657">
          <cell r="C4657">
            <v>2010</v>
          </cell>
          <cell r="P4657">
            <v>4.1207037639328092</v>
          </cell>
        </row>
        <row r="4658">
          <cell r="C4658">
            <v>2010</v>
          </cell>
          <cell r="P4658">
            <v>4.0148466501993614</v>
          </cell>
        </row>
        <row r="4659">
          <cell r="C4659">
            <v>2010</v>
          </cell>
          <cell r="P4659">
            <v>4.0148466501993614</v>
          </cell>
        </row>
        <row r="4660">
          <cell r="C4660">
            <v>2010</v>
          </cell>
          <cell r="P4660">
            <v>4.0148466501993614</v>
          </cell>
        </row>
        <row r="4661">
          <cell r="C4661">
            <v>2010</v>
          </cell>
          <cell r="P4661">
            <v>3.988350251039479</v>
          </cell>
        </row>
        <row r="4662">
          <cell r="C4662">
            <v>2010</v>
          </cell>
          <cell r="P4662">
            <v>3.9674497328408944</v>
          </cell>
        </row>
        <row r="4663">
          <cell r="C4663">
            <v>2010</v>
          </cell>
          <cell r="P4663">
            <v>3.9781384675924389</v>
          </cell>
        </row>
        <row r="4664">
          <cell r="C4664">
            <v>2010</v>
          </cell>
          <cell r="P4664">
            <v>4.0293263418403864</v>
          </cell>
        </row>
        <row r="4665">
          <cell r="C4665">
            <v>2010</v>
          </cell>
          <cell r="P4665">
            <v>3.8348250309354595</v>
          </cell>
        </row>
        <row r="4666">
          <cell r="C4666">
            <v>2010</v>
          </cell>
          <cell r="P4666">
            <v>3.8348250309354595</v>
          </cell>
        </row>
        <row r="4667">
          <cell r="C4667">
            <v>2010</v>
          </cell>
          <cell r="P4667">
            <v>3.8348250309354595</v>
          </cell>
        </row>
        <row r="4668">
          <cell r="C4668">
            <v>2010</v>
          </cell>
          <cell r="P4668">
            <v>3.844436121238556</v>
          </cell>
        </row>
        <row r="4669">
          <cell r="C4669">
            <v>2010</v>
          </cell>
          <cell r="P4669">
            <v>3.8106086107252404</v>
          </cell>
        </row>
        <row r="4670">
          <cell r="C4670">
            <v>2010</v>
          </cell>
          <cell r="P4670">
            <v>3.9278694120603248</v>
          </cell>
        </row>
        <row r="4671">
          <cell r="C4671">
            <v>2010</v>
          </cell>
          <cell r="P4671">
            <v>3.8778796053536131</v>
          </cell>
        </row>
        <row r="4672">
          <cell r="C4672">
            <v>2010</v>
          </cell>
          <cell r="P4672">
            <v>3.8050625109637157</v>
          </cell>
        </row>
        <row r="4673">
          <cell r="C4673">
            <v>2010</v>
          </cell>
          <cell r="P4673">
            <v>3.8050625109637157</v>
          </cell>
        </row>
        <row r="4674">
          <cell r="C4674">
            <v>2010</v>
          </cell>
          <cell r="P4674">
            <v>3.8050625109637157</v>
          </cell>
        </row>
        <row r="4675">
          <cell r="C4675">
            <v>2010</v>
          </cell>
          <cell r="P4675">
            <v>3.7675677854003591</v>
          </cell>
        </row>
        <row r="4676">
          <cell r="C4676">
            <v>2010</v>
          </cell>
          <cell r="P4676">
            <v>3.7789392337488086</v>
          </cell>
        </row>
        <row r="4677">
          <cell r="C4677">
            <v>2010</v>
          </cell>
          <cell r="P4677">
            <v>3.7837765440468796</v>
          </cell>
        </row>
        <row r="4678">
          <cell r="C4678">
            <v>2010</v>
          </cell>
          <cell r="P4678">
            <v>3.711423125974882</v>
          </cell>
        </row>
        <row r="4679">
          <cell r="C4679">
            <v>2010</v>
          </cell>
          <cell r="P4679">
            <v>3.5568681461955305</v>
          </cell>
        </row>
        <row r="4680">
          <cell r="C4680">
            <v>2010</v>
          </cell>
          <cell r="P4680">
            <v>3.5568681461955305</v>
          </cell>
        </row>
        <row r="4681">
          <cell r="C4681">
            <v>2010</v>
          </cell>
          <cell r="P4681">
            <v>3.5568681461955305</v>
          </cell>
        </row>
        <row r="4682">
          <cell r="C4682">
            <v>2010</v>
          </cell>
          <cell r="P4682">
            <v>3.4859915703835047</v>
          </cell>
        </row>
        <row r="4683">
          <cell r="C4683">
            <v>2010</v>
          </cell>
          <cell r="P4683">
            <v>3.5720860219132096</v>
          </cell>
        </row>
        <row r="4684">
          <cell r="C4684">
            <v>2010</v>
          </cell>
          <cell r="P4684">
            <v>3.6059794332528932</v>
          </cell>
        </row>
        <row r="4685">
          <cell r="C4685">
            <v>2010</v>
          </cell>
          <cell r="P4685">
            <v>3.5889324540235061</v>
          </cell>
        </row>
        <row r="4686">
          <cell r="C4686">
            <v>2010</v>
          </cell>
          <cell r="P4686">
            <v>3.5405356457095709</v>
          </cell>
        </row>
        <row r="4687">
          <cell r="C4687">
            <v>2010</v>
          </cell>
          <cell r="P4687">
            <v>3.5405356457095709</v>
          </cell>
        </row>
        <row r="4688">
          <cell r="C4688">
            <v>2010</v>
          </cell>
          <cell r="P4688">
            <v>3.5405356457095709</v>
          </cell>
        </row>
        <row r="4689">
          <cell r="C4689">
            <v>2010</v>
          </cell>
          <cell r="P4689">
            <v>3.5224645960848271</v>
          </cell>
        </row>
        <row r="4690">
          <cell r="C4690">
            <v>2010</v>
          </cell>
          <cell r="P4690">
            <v>3.921374624863101</v>
          </cell>
        </row>
        <row r="4691">
          <cell r="C4691">
            <v>2010</v>
          </cell>
          <cell r="P4691">
            <v>4.0191349449799212</v>
          </cell>
        </row>
        <row r="4692">
          <cell r="C4692">
            <v>2010</v>
          </cell>
          <cell r="P4692">
            <v>3.9777966366873212</v>
          </cell>
        </row>
        <row r="4693">
          <cell r="C4693">
            <v>2010</v>
          </cell>
          <cell r="P4693">
            <v>4.0122106171446443</v>
          </cell>
        </row>
        <row r="4694">
          <cell r="C4694">
            <v>2010</v>
          </cell>
          <cell r="P4694">
            <v>4.0122106171446443</v>
          </cell>
        </row>
        <row r="4695">
          <cell r="C4695">
            <v>2010</v>
          </cell>
          <cell r="P4695">
            <v>4.0122106171446443</v>
          </cell>
        </row>
        <row r="4696">
          <cell r="C4696">
            <v>2010</v>
          </cell>
          <cell r="P4696">
            <v>4.010263461073472</v>
          </cell>
        </row>
        <row r="4697">
          <cell r="C4697">
            <v>2010</v>
          </cell>
          <cell r="P4697">
            <v>4.2060458081859258</v>
          </cell>
        </row>
        <row r="4698">
          <cell r="C4698">
            <v>2010</v>
          </cell>
          <cell r="P4698">
            <v>4.4451823651285061</v>
          </cell>
        </row>
        <row r="4699">
          <cell r="C4699">
            <v>2010</v>
          </cell>
          <cell r="P4699">
            <v>4.4404332386700354</v>
          </cell>
        </row>
        <row r="4700">
          <cell r="C4700">
            <v>2010</v>
          </cell>
          <cell r="P4700">
            <v>4.2963166653233644</v>
          </cell>
        </row>
        <row r="4701">
          <cell r="C4701">
            <v>2010</v>
          </cell>
          <cell r="P4701">
            <v>4.2963166653233644</v>
          </cell>
        </row>
        <row r="4702">
          <cell r="C4702">
            <v>2010</v>
          </cell>
          <cell r="P4702">
            <v>4.2963166653233644</v>
          </cell>
        </row>
        <row r="4703">
          <cell r="C4703">
            <v>2010</v>
          </cell>
          <cell r="P4703">
            <v>4.1276792952878534</v>
          </cell>
        </row>
        <row r="4704">
          <cell r="C4704">
            <v>2010</v>
          </cell>
          <cell r="P4704">
            <v>4.1035951508370347</v>
          </cell>
        </row>
        <row r="4705">
          <cell r="C4705">
            <v>2010</v>
          </cell>
          <cell r="P4705">
            <v>4.2633411244861863</v>
          </cell>
        </row>
        <row r="4706">
          <cell r="C4706">
            <v>2010</v>
          </cell>
          <cell r="P4706">
            <v>4.2495574214286735</v>
          </cell>
        </row>
        <row r="4707">
          <cell r="C4707">
            <v>2010</v>
          </cell>
          <cell r="P4707">
            <v>4.2782778549518063</v>
          </cell>
        </row>
        <row r="4708">
          <cell r="C4708">
            <v>2010</v>
          </cell>
          <cell r="P4708">
            <v>4.2782778549518063</v>
          </cell>
        </row>
        <row r="4709">
          <cell r="C4709">
            <v>2010</v>
          </cell>
          <cell r="P4709">
            <v>4.2782778549518063</v>
          </cell>
        </row>
        <row r="4710">
          <cell r="C4710">
            <v>2010</v>
          </cell>
          <cell r="P4710">
            <v>4.3081143355632143</v>
          </cell>
        </row>
        <row r="4711">
          <cell r="C4711">
            <v>2010</v>
          </cell>
          <cell r="P4711">
            <v>4.4929310696320455</v>
          </cell>
        </row>
        <row r="4712">
          <cell r="C4712">
            <v>2010</v>
          </cell>
          <cell r="P4712">
            <v>4.4663957937256713</v>
          </cell>
        </row>
        <row r="4713">
          <cell r="C4713">
            <v>2010</v>
          </cell>
          <cell r="P4713">
            <v>4.4663957937256713</v>
          </cell>
        </row>
        <row r="4714">
          <cell r="C4714">
            <v>2010</v>
          </cell>
          <cell r="P4714">
            <v>4.4663957937256713</v>
          </cell>
        </row>
        <row r="4715">
          <cell r="C4715">
            <v>2010</v>
          </cell>
          <cell r="P4715">
            <v>4.4663957937256713</v>
          </cell>
        </row>
        <row r="4716">
          <cell r="C4716">
            <v>2010</v>
          </cell>
          <cell r="P4716">
            <v>4.4663957937256713</v>
          </cell>
        </row>
        <row r="4717">
          <cell r="C4717">
            <v>2010</v>
          </cell>
          <cell r="P4717">
            <v>4.4947345713838693</v>
          </cell>
        </row>
        <row r="4718">
          <cell r="C4718">
            <v>2010</v>
          </cell>
          <cell r="P4718">
            <v>4.6375179567899183</v>
          </cell>
        </row>
        <row r="4719">
          <cell r="C4719">
            <v>2010</v>
          </cell>
          <cell r="P4719">
            <v>4.3593159589044346</v>
          </cell>
        </row>
        <row r="4720">
          <cell r="C4720">
            <v>2010</v>
          </cell>
          <cell r="P4720">
            <v>4.3246910009814004</v>
          </cell>
        </row>
        <row r="4721">
          <cell r="C4721">
            <v>2010</v>
          </cell>
          <cell r="P4721">
            <v>4.4356471318917325</v>
          </cell>
        </row>
        <row r="4722">
          <cell r="C4722">
            <v>2010</v>
          </cell>
          <cell r="P4722">
            <v>4.4356471318917325</v>
          </cell>
        </row>
        <row r="4723">
          <cell r="C4723">
            <v>2010</v>
          </cell>
          <cell r="P4723">
            <v>4.4356471318917325</v>
          </cell>
        </row>
        <row r="4724">
          <cell r="C4724">
            <v>2010</v>
          </cell>
          <cell r="P4724">
            <v>4.4681452473177412</v>
          </cell>
        </row>
        <row r="4725">
          <cell r="C4725">
            <v>2010</v>
          </cell>
          <cell r="P4725">
            <v>4.6655296008495997</v>
          </cell>
        </row>
        <row r="4726">
          <cell r="C4726">
            <v>2010</v>
          </cell>
          <cell r="P4726">
            <v>4.6635151216320647</v>
          </cell>
        </row>
        <row r="4727">
          <cell r="C4727">
            <v>2010</v>
          </cell>
          <cell r="P4727">
            <v>4.6822034581340102</v>
          </cell>
        </row>
        <row r="4728">
          <cell r="C4728">
            <v>2010</v>
          </cell>
          <cell r="P4728">
            <v>4.6798850765445206</v>
          </cell>
        </row>
        <row r="4729">
          <cell r="C4729">
            <v>2010</v>
          </cell>
          <cell r="P4729">
            <v>4.6798850765445206</v>
          </cell>
        </row>
        <row r="4730">
          <cell r="C4730">
            <v>2010</v>
          </cell>
          <cell r="P4730">
            <v>4.6798850765445206</v>
          </cell>
        </row>
        <row r="4731">
          <cell r="C4731">
            <v>2010</v>
          </cell>
          <cell r="P4731">
            <v>4.5342575252580319</v>
          </cell>
        </row>
        <row r="4732">
          <cell r="C4732">
            <v>2010</v>
          </cell>
          <cell r="P4732">
            <v>4.6367318879401491</v>
          </cell>
        </row>
        <row r="4733">
          <cell r="C4733">
            <v>2010</v>
          </cell>
          <cell r="P4733">
            <v>4.4246241519417042</v>
          </cell>
        </row>
        <row r="4734">
          <cell r="C4734">
            <v>2010</v>
          </cell>
          <cell r="P4734">
            <v>4.4338834550997284</v>
          </cell>
        </row>
        <row r="4735">
          <cell r="C4735">
            <v>2010</v>
          </cell>
          <cell r="P4735">
            <v>4.3870682666186243</v>
          </cell>
        </row>
        <row r="4736">
          <cell r="C4736">
            <v>2010</v>
          </cell>
          <cell r="P4736">
            <v>4.3870682666186243</v>
          </cell>
        </row>
        <row r="4737">
          <cell r="C4737">
            <v>2010</v>
          </cell>
          <cell r="P4737">
            <v>4.3870682666186243</v>
          </cell>
        </row>
        <row r="4738">
          <cell r="C4738">
            <v>2010</v>
          </cell>
          <cell r="P4738">
            <v>4.3870682666186243</v>
          </cell>
        </row>
        <row r="4739">
          <cell r="C4739">
            <v>2010</v>
          </cell>
          <cell r="P4739">
            <v>4.3754000274981868</v>
          </cell>
        </row>
        <row r="4740">
          <cell r="C4740">
            <v>2010</v>
          </cell>
          <cell r="P4740">
            <v>4.4407693802951789</v>
          </cell>
        </row>
        <row r="4741">
          <cell r="C4741">
            <v>2010</v>
          </cell>
          <cell r="P4741">
            <v>4.2787794598028661</v>
          </cell>
        </row>
        <row r="4742">
          <cell r="C4742">
            <v>2010</v>
          </cell>
          <cell r="P4742">
            <v>4.2787794598028661</v>
          </cell>
        </row>
        <row r="4743">
          <cell r="C4743">
            <v>2010</v>
          </cell>
          <cell r="P4743">
            <v>4.2787794598028661</v>
          </cell>
        </row>
        <row r="4744">
          <cell r="C4744">
            <v>2010</v>
          </cell>
          <cell r="P4744">
            <v>4.2787794598028661</v>
          </cell>
        </row>
        <row r="4745">
          <cell r="C4745">
            <v>2010</v>
          </cell>
          <cell r="P4745">
            <v>4.3658396666081929</v>
          </cell>
        </row>
        <row r="4746">
          <cell r="C4746">
            <v>2010</v>
          </cell>
          <cell r="P4746">
            <v>4.3038113434760543</v>
          </cell>
        </row>
        <row r="4747">
          <cell r="C4747">
            <v>2010</v>
          </cell>
          <cell r="P4747">
            <v>4.3868022927798291</v>
          </cell>
        </row>
        <row r="4748">
          <cell r="C4748">
            <v>2010</v>
          </cell>
          <cell r="P4748">
            <v>4.436886920819445</v>
          </cell>
        </row>
        <row r="4749">
          <cell r="C4749">
            <v>2011</v>
          </cell>
          <cell r="P4749">
            <v>4.436886920819445</v>
          </cell>
        </row>
        <row r="4750">
          <cell r="C4750">
            <v>2011</v>
          </cell>
          <cell r="P4750">
            <v>4.436886920819445</v>
          </cell>
        </row>
        <row r="4751">
          <cell r="C4751">
            <v>2011</v>
          </cell>
          <cell r="P4751">
            <v>4.436886920819445</v>
          </cell>
        </row>
        <row r="4752">
          <cell r="C4752">
            <v>2011</v>
          </cell>
          <cell r="P4752">
            <v>4.465545246369528</v>
          </cell>
        </row>
        <row r="4753">
          <cell r="C4753">
            <v>2011</v>
          </cell>
          <cell r="P4753">
            <v>4.6918192895037523</v>
          </cell>
        </row>
        <row r="4754">
          <cell r="C4754">
            <v>2011</v>
          </cell>
          <cell r="P4754">
            <v>4.7583824428819996</v>
          </cell>
        </row>
        <row r="4755">
          <cell r="C4755">
            <v>2011</v>
          </cell>
          <cell r="P4755">
            <v>4.6909421921743952</v>
          </cell>
        </row>
        <row r="4756">
          <cell r="C4756">
            <v>2011</v>
          </cell>
          <cell r="P4756">
            <v>4.6579680736572113</v>
          </cell>
        </row>
        <row r="4757">
          <cell r="C4757">
            <v>2011</v>
          </cell>
          <cell r="P4757">
            <v>4.6579680736572113</v>
          </cell>
        </row>
        <row r="4758">
          <cell r="C4758">
            <v>2011</v>
          </cell>
          <cell r="P4758">
            <v>4.6579680736572113</v>
          </cell>
        </row>
        <row r="4759">
          <cell r="C4759">
            <v>2011</v>
          </cell>
          <cell r="P4759">
            <v>4.5596378773296413</v>
          </cell>
        </row>
        <row r="4760">
          <cell r="C4760">
            <v>2011</v>
          </cell>
          <cell r="P4760">
            <v>4.4884948535721563</v>
          </cell>
        </row>
        <row r="4761">
          <cell r="C4761">
            <v>2011</v>
          </cell>
          <cell r="P4761">
            <v>4.4848480251086889</v>
          </cell>
        </row>
        <row r="4762">
          <cell r="C4762">
            <v>2011</v>
          </cell>
          <cell r="P4762">
            <v>4.5708794204520125</v>
          </cell>
        </row>
        <row r="4763">
          <cell r="C4763">
            <v>2011</v>
          </cell>
          <cell r="P4763">
            <v>4.5499902808133772</v>
          </cell>
        </row>
        <row r="4764">
          <cell r="C4764">
            <v>2011</v>
          </cell>
          <cell r="P4764">
            <v>4.5499902808133772</v>
          </cell>
        </row>
        <row r="4765">
          <cell r="C4765">
            <v>2011</v>
          </cell>
          <cell r="P4765">
            <v>4.5499902808133772</v>
          </cell>
        </row>
        <row r="4766">
          <cell r="C4766">
            <v>2011</v>
          </cell>
          <cell r="P4766">
            <v>4.5499902808133772</v>
          </cell>
        </row>
        <row r="4767">
          <cell r="C4767">
            <v>2011</v>
          </cell>
          <cell r="P4767">
            <v>4.5767005020789577</v>
          </cell>
        </row>
        <row r="4768">
          <cell r="C4768">
            <v>2011</v>
          </cell>
          <cell r="P4768">
            <v>4.5660696083404844</v>
          </cell>
        </row>
        <row r="4769">
          <cell r="C4769">
            <v>2011</v>
          </cell>
          <cell r="P4769">
            <v>4.6372268552979046</v>
          </cell>
        </row>
        <row r="4770">
          <cell r="C4770">
            <v>2011</v>
          </cell>
          <cell r="P4770">
            <v>4.7762856587475051</v>
          </cell>
        </row>
        <row r="4771">
          <cell r="C4771">
            <v>2011</v>
          </cell>
          <cell r="P4771">
            <v>4.7762856587475051</v>
          </cell>
        </row>
        <row r="4772">
          <cell r="C4772">
            <v>2011</v>
          </cell>
          <cell r="P4772">
            <v>4.7762856587475051</v>
          </cell>
        </row>
        <row r="4773">
          <cell r="C4773">
            <v>2011</v>
          </cell>
          <cell r="P4773">
            <v>4.7710026881847876</v>
          </cell>
        </row>
        <row r="4774">
          <cell r="C4774">
            <v>2011</v>
          </cell>
          <cell r="P4774">
            <v>4.5971307064663414</v>
          </cell>
        </row>
        <row r="4775">
          <cell r="C4775">
            <v>2011</v>
          </cell>
          <cell r="P4775">
            <v>4.5441886375596781</v>
          </cell>
        </row>
        <row r="4776">
          <cell r="C4776">
            <v>2011</v>
          </cell>
          <cell r="P4776">
            <v>4.5387098609445147</v>
          </cell>
        </row>
        <row r="4777">
          <cell r="C4777">
            <v>2011</v>
          </cell>
          <cell r="P4777">
            <v>4.4995092996022246</v>
          </cell>
        </row>
        <row r="4778">
          <cell r="C4778">
            <v>2011</v>
          </cell>
          <cell r="P4778">
            <v>4.4995092996022246</v>
          </cell>
        </row>
        <row r="4779">
          <cell r="C4779">
            <v>2011</v>
          </cell>
          <cell r="P4779">
            <v>4.4995092996022246</v>
          </cell>
        </row>
        <row r="4780">
          <cell r="C4780">
            <v>2011</v>
          </cell>
          <cell r="P4780">
            <v>4.6232065730147962</v>
          </cell>
        </row>
        <row r="4781">
          <cell r="C4781">
            <v>2011</v>
          </cell>
          <cell r="P4781">
            <v>4.5394433039545232</v>
          </cell>
        </row>
        <row r="4782">
          <cell r="C4782">
            <v>2011</v>
          </cell>
          <cell r="P4782">
            <v>4.6012554344476424</v>
          </cell>
        </row>
        <row r="4783">
          <cell r="C4783">
            <v>2011</v>
          </cell>
          <cell r="P4783">
            <v>4.6378005243619711</v>
          </cell>
        </row>
        <row r="4784">
          <cell r="C4784">
            <v>2011</v>
          </cell>
          <cell r="P4784">
            <v>4.5063648819711446</v>
          </cell>
        </row>
        <row r="4785">
          <cell r="C4785">
            <v>2011</v>
          </cell>
          <cell r="P4785">
            <v>4.5063648819711446</v>
          </cell>
        </row>
        <row r="4786">
          <cell r="C4786">
            <v>2011</v>
          </cell>
          <cell r="P4786">
            <v>4.5063648819711446</v>
          </cell>
        </row>
        <row r="4787">
          <cell r="C4787">
            <v>2011</v>
          </cell>
          <cell r="P4787">
            <v>4.4057973762937186</v>
          </cell>
        </row>
        <row r="4788">
          <cell r="C4788">
            <v>2011</v>
          </cell>
          <cell r="P4788">
            <v>4.3489595729247164</v>
          </cell>
        </row>
        <row r="4789">
          <cell r="C4789">
            <v>2011</v>
          </cell>
          <cell r="P4789">
            <v>4.2632088487267854</v>
          </cell>
        </row>
        <row r="4790">
          <cell r="C4790">
            <v>2011</v>
          </cell>
          <cell r="P4790">
            <v>4.2288797333624126</v>
          </cell>
        </row>
        <row r="4791">
          <cell r="C4791">
            <v>2011</v>
          </cell>
          <cell r="P4791">
            <v>4.1175836679736202</v>
          </cell>
        </row>
        <row r="4792">
          <cell r="C4792">
            <v>2011</v>
          </cell>
          <cell r="P4792">
            <v>4.1175836679736202</v>
          </cell>
        </row>
        <row r="4793">
          <cell r="C4793">
            <v>2011</v>
          </cell>
          <cell r="P4793">
            <v>4.1175836679736202</v>
          </cell>
        </row>
        <row r="4794">
          <cell r="C4794">
            <v>2011</v>
          </cell>
          <cell r="P4794">
            <v>4.1194725089250577</v>
          </cell>
        </row>
        <row r="4795">
          <cell r="C4795">
            <v>2011</v>
          </cell>
          <cell r="P4795">
            <v>4.139055958809613</v>
          </cell>
        </row>
        <row r="4796">
          <cell r="C4796">
            <v>2011</v>
          </cell>
          <cell r="P4796">
            <v>4.135004243254647</v>
          </cell>
        </row>
        <row r="4797">
          <cell r="C4797">
            <v>2011</v>
          </cell>
          <cell r="P4797">
            <v>4.1282908928850803</v>
          </cell>
        </row>
        <row r="4798">
          <cell r="C4798">
            <v>2011</v>
          </cell>
          <cell r="P4798">
            <v>4.0592680741313183</v>
          </cell>
        </row>
        <row r="4799">
          <cell r="C4799">
            <v>2011</v>
          </cell>
          <cell r="P4799">
            <v>4.0592680741313183</v>
          </cell>
        </row>
        <row r="4800">
          <cell r="C4800">
            <v>2011</v>
          </cell>
          <cell r="P4800">
            <v>4.0592680741313183</v>
          </cell>
        </row>
        <row r="4801">
          <cell r="C4801">
            <v>2011</v>
          </cell>
          <cell r="P4801">
            <v>4.0592680741313183</v>
          </cell>
        </row>
        <row r="4802">
          <cell r="C4802">
            <v>2011</v>
          </cell>
          <cell r="P4802">
            <v>4.0712435343703621</v>
          </cell>
        </row>
        <row r="4803">
          <cell r="C4803">
            <v>2011</v>
          </cell>
          <cell r="P4803">
            <v>4.0510347377953089</v>
          </cell>
        </row>
        <row r="4804">
          <cell r="C4804">
            <v>2011</v>
          </cell>
          <cell r="P4804">
            <v>4.0175618590670519</v>
          </cell>
        </row>
        <row r="4805">
          <cell r="C4805">
            <v>2011</v>
          </cell>
          <cell r="P4805">
            <v>4.0133920909526228</v>
          </cell>
        </row>
        <row r="4806">
          <cell r="C4806">
            <v>2011</v>
          </cell>
          <cell r="P4806">
            <v>4.0133920909526228</v>
          </cell>
        </row>
        <row r="4807">
          <cell r="C4807">
            <v>2011</v>
          </cell>
          <cell r="P4807">
            <v>4.0133920909526228</v>
          </cell>
        </row>
        <row r="4808">
          <cell r="C4808">
            <v>2011</v>
          </cell>
          <cell r="P4808">
            <v>4.1555923251613143</v>
          </cell>
        </row>
        <row r="4809">
          <cell r="C4809">
            <v>2011</v>
          </cell>
          <cell r="P4809">
            <v>4.1480606666887914</v>
          </cell>
        </row>
        <row r="4810">
          <cell r="C4810">
            <v>2011</v>
          </cell>
          <cell r="P4810">
            <v>4.0288550798158571</v>
          </cell>
        </row>
        <row r="4811">
          <cell r="C4811">
            <v>2011</v>
          </cell>
          <cell r="P4811">
            <v>4.0203723633743111</v>
          </cell>
        </row>
        <row r="4812">
          <cell r="C4812">
            <v>2011</v>
          </cell>
          <cell r="P4812">
            <v>3.923862262531824</v>
          </cell>
        </row>
        <row r="4813">
          <cell r="C4813">
            <v>2011</v>
          </cell>
          <cell r="P4813">
            <v>3.923862262531824</v>
          </cell>
        </row>
        <row r="4814">
          <cell r="C4814">
            <v>2011</v>
          </cell>
          <cell r="P4814">
            <v>3.923862262531824</v>
          </cell>
        </row>
        <row r="4815">
          <cell r="C4815">
            <v>2011</v>
          </cell>
          <cell r="P4815">
            <v>3.9197062435106647</v>
          </cell>
        </row>
        <row r="4816">
          <cell r="C4816">
            <v>2011</v>
          </cell>
          <cell r="P4816">
            <v>3.9556933098808571</v>
          </cell>
        </row>
        <row r="4817">
          <cell r="C4817">
            <v>2011</v>
          </cell>
          <cell r="P4817">
            <v>3.953881748315736</v>
          </cell>
        </row>
        <row r="4818">
          <cell r="C4818">
            <v>2011</v>
          </cell>
          <cell r="P4818">
            <v>3.9215021595558563</v>
          </cell>
        </row>
        <row r="4819">
          <cell r="C4819">
            <v>2011</v>
          </cell>
          <cell r="P4819">
            <v>3.8904064516434906</v>
          </cell>
        </row>
        <row r="4820">
          <cell r="C4820">
            <v>2011</v>
          </cell>
          <cell r="P4820">
            <v>3.8904064516434906</v>
          </cell>
        </row>
        <row r="4821">
          <cell r="C4821">
            <v>2011</v>
          </cell>
          <cell r="P4821">
            <v>3.8904064516434906</v>
          </cell>
        </row>
        <row r="4822">
          <cell r="C4822">
            <v>2011</v>
          </cell>
          <cell r="P4822">
            <v>4.0438292647079734</v>
          </cell>
        </row>
        <row r="4823">
          <cell r="C4823">
            <v>2011</v>
          </cell>
          <cell r="P4823">
            <v>3.9194540187651414</v>
          </cell>
        </row>
        <row r="4824">
          <cell r="C4824">
            <v>2011</v>
          </cell>
          <cell r="P4824">
            <v>4.0909052118545626</v>
          </cell>
        </row>
        <row r="4825">
          <cell r="C4825">
            <v>2011</v>
          </cell>
          <cell r="P4825">
            <v>4.0398012544862345</v>
          </cell>
        </row>
        <row r="4826">
          <cell r="C4826">
            <v>2011</v>
          </cell>
          <cell r="P4826">
            <v>4.1443901328920987</v>
          </cell>
        </row>
        <row r="4827">
          <cell r="C4827">
            <v>2011</v>
          </cell>
          <cell r="P4827">
            <v>4.1443901328920987</v>
          </cell>
        </row>
        <row r="4828">
          <cell r="C4828">
            <v>2011</v>
          </cell>
          <cell r="P4828">
            <v>4.1443901328920987</v>
          </cell>
        </row>
        <row r="4829">
          <cell r="C4829">
            <v>2011</v>
          </cell>
          <cell r="P4829">
            <v>4.1149196626256979</v>
          </cell>
        </row>
        <row r="4830">
          <cell r="C4830">
            <v>2011</v>
          </cell>
          <cell r="P4830">
            <v>4.2559569131863277</v>
          </cell>
        </row>
        <row r="4831">
          <cell r="C4831">
            <v>2011</v>
          </cell>
          <cell r="P4831">
            <v>4.3628608544350298</v>
          </cell>
        </row>
        <row r="4832">
          <cell r="C4832">
            <v>2011</v>
          </cell>
          <cell r="P4832">
            <v>4.4228633197896867</v>
          </cell>
        </row>
        <row r="4833">
          <cell r="C4833">
            <v>2011</v>
          </cell>
          <cell r="P4833">
            <v>4.3901167724714707</v>
          </cell>
        </row>
        <row r="4834">
          <cell r="C4834">
            <v>2011</v>
          </cell>
          <cell r="P4834">
            <v>4.3901167724714707</v>
          </cell>
        </row>
        <row r="4835">
          <cell r="C4835">
            <v>2011</v>
          </cell>
          <cell r="P4835">
            <v>4.3901167724714707</v>
          </cell>
        </row>
        <row r="4836">
          <cell r="C4836">
            <v>2011</v>
          </cell>
          <cell r="P4836">
            <v>4.5153008443839688</v>
          </cell>
        </row>
        <row r="4837">
          <cell r="C4837">
            <v>2011</v>
          </cell>
          <cell r="P4837">
            <v>4.4241339256505929</v>
          </cell>
        </row>
        <row r="4838">
          <cell r="C4838">
            <v>2011</v>
          </cell>
          <cell r="P4838">
            <v>4.3153273943571815</v>
          </cell>
        </row>
        <row r="4839">
          <cell r="C4839">
            <v>2011</v>
          </cell>
          <cell r="P4839">
            <v>4.3723927689251525</v>
          </cell>
        </row>
        <row r="4840">
          <cell r="C4840">
            <v>2011</v>
          </cell>
          <cell r="P4840">
            <v>4.3551751112965382</v>
          </cell>
        </row>
        <row r="4841">
          <cell r="C4841">
            <v>2011</v>
          </cell>
          <cell r="P4841">
            <v>4.3551751112965382</v>
          </cell>
        </row>
        <row r="4842">
          <cell r="C4842">
            <v>2011</v>
          </cell>
          <cell r="P4842">
            <v>4.3551751112965382</v>
          </cell>
        </row>
        <row r="4843">
          <cell r="C4843">
            <v>2011</v>
          </cell>
          <cell r="P4843">
            <v>4.2860124310767436</v>
          </cell>
        </row>
        <row r="4844">
          <cell r="C4844">
            <v>2011</v>
          </cell>
          <cell r="P4844">
            <v>4.3035192937707123</v>
          </cell>
        </row>
        <row r="4845">
          <cell r="C4845">
            <v>2011</v>
          </cell>
          <cell r="P4845">
            <v>4.2184418010363967</v>
          </cell>
        </row>
        <row r="4846">
          <cell r="C4846">
            <v>2011</v>
          </cell>
          <cell r="P4846">
            <v>4.1387757617708827</v>
          </cell>
        </row>
        <row r="4847">
          <cell r="C4847">
            <v>2011</v>
          </cell>
          <cell r="P4847">
            <v>3.9865325260877182</v>
          </cell>
        </row>
        <row r="4848">
          <cell r="C4848">
            <v>2011</v>
          </cell>
          <cell r="P4848">
            <v>3.9865325260877182</v>
          </cell>
        </row>
        <row r="4849">
          <cell r="C4849">
            <v>2011</v>
          </cell>
          <cell r="P4849">
            <v>3.9865325260877182</v>
          </cell>
        </row>
        <row r="4850">
          <cell r="C4850">
            <v>2011</v>
          </cell>
          <cell r="P4850">
            <v>4.0057722486404987</v>
          </cell>
        </row>
        <row r="4851">
          <cell r="C4851">
            <v>2011</v>
          </cell>
          <cell r="P4851">
            <v>4.0339365550461537</v>
          </cell>
        </row>
        <row r="4852">
          <cell r="C4852">
            <v>2011</v>
          </cell>
          <cell r="P4852">
            <v>4.0767863153852346</v>
          </cell>
        </row>
        <row r="4853">
          <cell r="C4853">
            <v>2011</v>
          </cell>
          <cell r="P4853">
            <v>4.0526106683481649</v>
          </cell>
        </row>
        <row r="4854">
          <cell r="C4854">
            <v>2011</v>
          </cell>
          <cell r="P4854">
            <v>4.1209161637185128</v>
          </cell>
        </row>
        <row r="4855">
          <cell r="C4855">
            <v>2011</v>
          </cell>
          <cell r="P4855">
            <v>4.1209161637185128</v>
          </cell>
        </row>
        <row r="4856">
          <cell r="C4856">
            <v>2011</v>
          </cell>
          <cell r="P4856">
            <v>4.1209161637185128</v>
          </cell>
        </row>
        <row r="4857">
          <cell r="C4857">
            <v>2011</v>
          </cell>
          <cell r="P4857">
            <v>4.181056594112543</v>
          </cell>
        </row>
        <row r="4858">
          <cell r="C4858">
            <v>2011</v>
          </cell>
          <cell r="P4858">
            <v>4.1292841463472447</v>
          </cell>
        </row>
        <row r="4859">
          <cell r="C4859">
            <v>2011</v>
          </cell>
          <cell r="P4859">
            <v>4.2128606173816987</v>
          </cell>
        </row>
        <row r="4860">
          <cell r="C4860">
            <v>2011</v>
          </cell>
          <cell r="P4860">
            <v>4.1925968244335605</v>
          </cell>
        </row>
        <row r="4861">
          <cell r="C4861">
            <v>2011</v>
          </cell>
          <cell r="P4861">
            <v>4.1925968244335605</v>
          </cell>
        </row>
        <row r="4862">
          <cell r="C4862">
            <v>2011</v>
          </cell>
          <cell r="P4862">
            <v>4.1925968244335605</v>
          </cell>
        </row>
        <row r="4863">
          <cell r="C4863">
            <v>2011</v>
          </cell>
          <cell r="P4863">
            <v>4.1925968244335605</v>
          </cell>
        </row>
        <row r="4864">
          <cell r="C4864">
            <v>2011</v>
          </cell>
          <cell r="P4864">
            <v>4.2429976816184105</v>
          </cell>
        </row>
        <row r="4865">
          <cell r="C4865">
            <v>2011</v>
          </cell>
          <cell r="P4865">
            <v>4.2143554756949211</v>
          </cell>
        </row>
        <row r="4866">
          <cell r="C4866">
            <v>2011</v>
          </cell>
          <cell r="P4866">
            <v>4.2737188452658073</v>
          </cell>
        </row>
        <row r="4867">
          <cell r="C4867">
            <v>2011</v>
          </cell>
          <cell r="P4867">
            <v>4.2792578334273639</v>
          </cell>
        </row>
        <row r="4868">
          <cell r="C4868">
            <v>2011</v>
          </cell>
          <cell r="P4868">
            <v>4.2680096528116893</v>
          </cell>
        </row>
        <row r="4869">
          <cell r="C4869">
            <v>2011</v>
          </cell>
          <cell r="P4869">
            <v>4.2680096528116893</v>
          </cell>
        </row>
        <row r="4870">
          <cell r="C4870">
            <v>2011</v>
          </cell>
          <cell r="P4870">
            <v>4.2680096528116893</v>
          </cell>
        </row>
        <row r="4871">
          <cell r="C4871">
            <v>2011</v>
          </cell>
          <cell r="P4871">
            <v>4.5047206800585995</v>
          </cell>
        </row>
        <row r="4872">
          <cell r="C4872">
            <v>2011</v>
          </cell>
          <cell r="P4872">
            <v>4.5802591467028249</v>
          </cell>
        </row>
        <row r="4873">
          <cell r="C4873">
            <v>2011</v>
          </cell>
          <cell r="P4873">
            <v>4.5919032063833711</v>
          </cell>
        </row>
        <row r="4874">
          <cell r="C4874">
            <v>2011</v>
          </cell>
          <cell r="P4874">
            <v>4.506207004451861</v>
          </cell>
        </row>
        <row r="4875">
          <cell r="C4875">
            <v>2011</v>
          </cell>
          <cell r="P4875">
            <v>4.2676768299331984</v>
          </cell>
        </row>
        <row r="4876">
          <cell r="C4876">
            <v>2011</v>
          </cell>
          <cell r="P4876">
            <v>4.2676768299331984</v>
          </cell>
        </row>
        <row r="4877">
          <cell r="C4877">
            <v>2011</v>
          </cell>
          <cell r="P4877">
            <v>4.2676768299331984</v>
          </cell>
        </row>
        <row r="4878">
          <cell r="C4878">
            <v>2011</v>
          </cell>
          <cell r="P4878">
            <v>4.232238304973853</v>
          </cell>
        </row>
        <row r="4879">
          <cell r="C4879">
            <v>2011</v>
          </cell>
          <cell r="P4879">
            <v>4.123329366640907</v>
          </cell>
        </row>
        <row r="4880">
          <cell r="C4880">
            <v>2011</v>
          </cell>
          <cell r="P4880">
            <v>4.1476586242372813</v>
          </cell>
        </row>
        <row r="4881">
          <cell r="C4881">
            <v>2011</v>
          </cell>
          <cell r="P4881">
            <v>4.1805559374748134</v>
          </cell>
        </row>
        <row r="4882">
          <cell r="C4882">
            <v>2011</v>
          </cell>
          <cell r="P4882">
            <v>4.1289821404019476</v>
          </cell>
        </row>
        <row r="4883">
          <cell r="C4883">
            <v>2011</v>
          </cell>
          <cell r="P4883">
            <v>4.1289821404019476</v>
          </cell>
        </row>
        <row r="4884">
          <cell r="C4884">
            <v>2011</v>
          </cell>
          <cell r="P4884">
            <v>4.1289821404019476</v>
          </cell>
        </row>
        <row r="4885">
          <cell r="C4885">
            <v>2011</v>
          </cell>
          <cell r="P4885">
            <v>4.2644382073078795</v>
          </cell>
        </row>
        <row r="4886">
          <cell r="C4886">
            <v>2011</v>
          </cell>
          <cell r="P4886">
            <v>4.2766692110390991</v>
          </cell>
        </row>
        <row r="4887">
          <cell r="C4887">
            <v>2011</v>
          </cell>
          <cell r="P4887">
            <v>4.2133015365796993</v>
          </cell>
        </row>
        <row r="4888">
          <cell r="C4888">
            <v>2011</v>
          </cell>
          <cell r="P4888">
            <v>4.1485764947397863</v>
          </cell>
        </row>
        <row r="4889">
          <cell r="C4889">
            <v>2011</v>
          </cell>
          <cell r="P4889">
            <v>4.126192970894591</v>
          </cell>
        </row>
        <row r="4890">
          <cell r="C4890">
            <v>2011</v>
          </cell>
          <cell r="P4890">
            <v>4.126192970894591</v>
          </cell>
        </row>
        <row r="4891">
          <cell r="C4891">
            <v>2011</v>
          </cell>
          <cell r="P4891">
            <v>4.126192970894591</v>
          </cell>
        </row>
        <row r="4892">
          <cell r="C4892">
            <v>2011</v>
          </cell>
          <cell r="P4892">
            <v>4.3108101060576605</v>
          </cell>
        </row>
        <row r="4893">
          <cell r="C4893">
            <v>2011</v>
          </cell>
          <cell r="P4893">
            <v>4.3419816710363488</v>
          </cell>
        </row>
        <row r="4894">
          <cell r="C4894">
            <v>2011</v>
          </cell>
          <cell r="P4894">
            <v>4.3657614390085477</v>
          </cell>
        </row>
        <row r="4895">
          <cell r="C4895">
            <v>2011</v>
          </cell>
          <cell r="P4895">
            <v>4.3482289745546945</v>
          </cell>
        </row>
        <row r="4896">
          <cell r="C4896">
            <v>2011</v>
          </cell>
          <cell r="P4896">
            <v>4.4008714080493823</v>
          </cell>
        </row>
        <row r="4897">
          <cell r="C4897">
            <v>2011</v>
          </cell>
          <cell r="P4897">
            <v>4.4008714080493823</v>
          </cell>
        </row>
        <row r="4898">
          <cell r="C4898">
            <v>2011</v>
          </cell>
          <cell r="P4898">
            <v>4.4008714080493823</v>
          </cell>
        </row>
        <row r="4899">
          <cell r="C4899">
            <v>2011</v>
          </cell>
          <cell r="P4899">
            <v>4.4008714080493823</v>
          </cell>
        </row>
        <row r="4900">
          <cell r="C4900">
            <v>2011</v>
          </cell>
          <cell r="P4900">
            <v>4.4323852780398525</v>
          </cell>
        </row>
        <row r="4901">
          <cell r="C4901">
            <v>2011</v>
          </cell>
          <cell r="P4901">
            <v>4.5640228898697623</v>
          </cell>
        </row>
        <row r="4902">
          <cell r="C4902">
            <v>2011</v>
          </cell>
          <cell r="P4902">
            <v>4.6011402265281633</v>
          </cell>
        </row>
        <row r="4903">
          <cell r="C4903">
            <v>2011</v>
          </cell>
          <cell r="P4903">
            <v>4.6134940238854938</v>
          </cell>
        </row>
        <row r="4904">
          <cell r="C4904">
            <v>2011</v>
          </cell>
          <cell r="P4904">
            <v>4.6134940238854938</v>
          </cell>
        </row>
        <row r="4905">
          <cell r="C4905">
            <v>2011</v>
          </cell>
          <cell r="P4905">
            <v>4.6134940238854938</v>
          </cell>
        </row>
        <row r="4906">
          <cell r="C4906">
            <v>2011</v>
          </cell>
          <cell r="P4906">
            <v>4.7458337876855534</v>
          </cell>
        </row>
        <row r="4907">
          <cell r="C4907">
            <v>2011</v>
          </cell>
          <cell r="P4907">
            <v>4.7356736818649461</v>
          </cell>
        </row>
        <row r="4908">
          <cell r="C4908">
            <v>2011</v>
          </cell>
          <cell r="P4908">
            <v>4.7526822584545068</v>
          </cell>
        </row>
        <row r="4909">
          <cell r="C4909">
            <v>2011</v>
          </cell>
          <cell r="P4909">
            <v>4.7893382893283327</v>
          </cell>
        </row>
        <row r="4910">
          <cell r="C4910">
            <v>2011</v>
          </cell>
          <cell r="P4910">
            <v>4.6171806773087809</v>
          </cell>
        </row>
        <row r="4911">
          <cell r="C4911">
            <v>2011</v>
          </cell>
          <cell r="P4911">
            <v>4.6171806773087809</v>
          </cell>
        </row>
        <row r="4912">
          <cell r="C4912">
            <v>2011</v>
          </cell>
          <cell r="P4912">
            <v>4.6171806773087809</v>
          </cell>
        </row>
        <row r="4913">
          <cell r="C4913">
            <v>2011</v>
          </cell>
          <cell r="P4913">
            <v>4.5991987597369652</v>
          </cell>
        </row>
        <row r="4914">
          <cell r="C4914">
            <v>2011</v>
          </cell>
          <cell r="P4914">
            <v>4.4590234350924272</v>
          </cell>
        </row>
        <row r="4915">
          <cell r="C4915">
            <v>2011</v>
          </cell>
          <cell r="P4915">
            <v>4.4791132308946864</v>
          </cell>
        </row>
        <row r="4916">
          <cell r="C4916">
            <v>2011</v>
          </cell>
          <cell r="P4916">
            <v>4.5219663099804182</v>
          </cell>
        </row>
        <row r="4917">
          <cell r="C4917">
            <v>2011</v>
          </cell>
          <cell r="P4917">
            <v>4.370778435732471</v>
          </cell>
        </row>
        <row r="4918">
          <cell r="C4918">
            <v>2011</v>
          </cell>
          <cell r="P4918">
            <v>4.370778435732471</v>
          </cell>
        </row>
        <row r="4919">
          <cell r="C4919">
            <v>2011</v>
          </cell>
          <cell r="P4919">
            <v>4.370778435732471</v>
          </cell>
        </row>
        <row r="4920">
          <cell r="C4920">
            <v>2011</v>
          </cell>
          <cell r="P4920">
            <v>4.2958378175922016</v>
          </cell>
        </row>
        <row r="4921">
          <cell r="C4921">
            <v>2011</v>
          </cell>
          <cell r="P4921">
            <v>4.32831175357832</v>
          </cell>
        </row>
        <row r="4922">
          <cell r="C4922">
            <v>2011</v>
          </cell>
          <cell r="P4922">
            <v>4.3013289209806418</v>
          </cell>
        </row>
        <row r="4923">
          <cell r="C4923">
            <v>2011</v>
          </cell>
          <cell r="P4923">
            <v>4.3068247654357279</v>
          </cell>
        </row>
        <row r="4924">
          <cell r="C4924">
            <v>2011</v>
          </cell>
          <cell r="P4924">
            <v>4.2508806531293404</v>
          </cell>
        </row>
        <row r="4925">
          <cell r="C4925">
            <v>2011</v>
          </cell>
          <cell r="P4925">
            <v>4.1838509787932088</v>
          </cell>
        </row>
        <row r="4926">
          <cell r="C4926">
            <v>2011</v>
          </cell>
          <cell r="P4926">
            <v>4.1838509787932088</v>
          </cell>
        </row>
        <row r="4927">
          <cell r="C4927">
            <v>2011</v>
          </cell>
          <cell r="P4927">
            <v>4.1838509787932088</v>
          </cell>
        </row>
        <row r="4928">
          <cell r="C4928">
            <v>2011</v>
          </cell>
          <cell r="P4928">
            <v>4.2029740711065173</v>
          </cell>
        </row>
        <row r="4929">
          <cell r="C4929">
            <v>2011</v>
          </cell>
          <cell r="P4929">
            <v>4.2837054280472007</v>
          </cell>
        </row>
        <row r="4930">
          <cell r="C4930">
            <v>2011</v>
          </cell>
          <cell r="P4930">
            <v>4.2147039440933414</v>
          </cell>
        </row>
        <row r="4931">
          <cell r="C4931">
            <v>2011</v>
          </cell>
          <cell r="P4931">
            <v>4.0963422670832488</v>
          </cell>
        </row>
        <row r="4932">
          <cell r="C4932">
            <v>2011</v>
          </cell>
          <cell r="P4932">
            <v>4.1649194255723643</v>
          </cell>
        </row>
        <row r="4933">
          <cell r="C4933">
            <v>2011</v>
          </cell>
          <cell r="P4933">
            <v>4.1649194255723643</v>
          </cell>
        </row>
        <row r="4934">
          <cell r="C4934">
            <v>2011</v>
          </cell>
          <cell r="P4934">
            <v>4.1649194255723643</v>
          </cell>
        </row>
        <row r="4935">
          <cell r="C4935">
            <v>2011</v>
          </cell>
          <cell r="P4935">
            <v>4.1454834228604742</v>
          </cell>
        </row>
        <row r="4936">
          <cell r="C4936">
            <v>2011</v>
          </cell>
          <cell r="P4936">
            <v>4.2317964375625223</v>
          </cell>
        </row>
        <row r="4937">
          <cell r="C4937">
            <v>2011</v>
          </cell>
          <cell r="P4937">
            <v>4.1709661819716191</v>
          </cell>
        </row>
        <row r="4938">
          <cell r="C4938">
            <v>2011</v>
          </cell>
          <cell r="P4938">
            <v>4.0721286915130168</v>
          </cell>
        </row>
        <row r="4939">
          <cell r="C4939">
            <v>2011</v>
          </cell>
          <cell r="P4939">
            <v>4.0165178761917861</v>
          </cell>
        </row>
        <row r="4940">
          <cell r="C4940">
            <v>2011</v>
          </cell>
          <cell r="P4940">
            <v>4.0165178761917861</v>
          </cell>
        </row>
        <row r="4941">
          <cell r="C4941">
            <v>2011</v>
          </cell>
          <cell r="P4941">
            <v>4.0165178761917861</v>
          </cell>
        </row>
        <row r="4942">
          <cell r="C4942">
            <v>2011</v>
          </cell>
          <cell r="P4942">
            <v>4.2069323876485729</v>
          </cell>
        </row>
        <row r="4943">
          <cell r="C4943">
            <v>2011</v>
          </cell>
          <cell r="P4943">
            <v>4.184884531321857</v>
          </cell>
        </row>
        <row r="4944">
          <cell r="C4944">
            <v>2011</v>
          </cell>
          <cell r="P4944">
            <v>4.2112590850689591</v>
          </cell>
        </row>
        <row r="4945">
          <cell r="C4945">
            <v>2011</v>
          </cell>
          <cell r="P4945">
            <v>4.1853117014265866</v>
          </cell>
        </row>
        <row r="4946">
          <cell r="C4946">
            <v>2011</v>
          </cell>
          <cell r="P4946">
            <v>4.299548176348714</v>
          </cell>
        </row>
        <row r="4947">
          <cell r="C4947">
            <v>2011</v>
          </cell>
          <cell r="P4947">
            <v>4.299548176348714</v>
          </cell>
        </row>
        <row r="4948">
          <cell r="C4948">
            <v>2011</v>
          </cell>
          <cell r="P4948">
            <v>4.299548176348714</v>
          </cell>
        </row>
        <row r="4949">
          <cell r="C4949">
            <v>2011</v>
          </cell>
          <cell r="P4949">
            <v>4.3716356205819178</v>
          </cell>
        </row>
        <row r="4950">
          <cell r="C4950">
            <v>2011</v>
          </cell>
          <cell r="P4950">
            <v>4.3716522143151764</v>
          </cell>
        </row>
        <row r="4951">
          <cell r="C4951">
            <v>2011</v>
          </cell>
          <cell r="P4951">
            <v>4.3637294178444268</v>
          </cell>
        </row>
        <row r="4952">
          <cell r="C4952">
            <v>2011</v>
          </cell>
          <cell r="P4952">
            <v>4.332916277504113</v>
          </cell>
        </row>
        <row r="4953">
          <cell r="C4953">
            <v>2011</v>
          </cell>
          <cell r="P4953">
            <v>4.3112481806156753</v>
          </cell>
        </row>
        <row r="4954">
          <cell r="C4954">
            <v>2011</v>
          </cell>
          <cell r="P4954">
            <v>4.3112481806156753</v>
          </cell>
        </row>
        <row r="4955">
          <cell r="C4955">
            <v>2011</v>
          </cell>
          <cell r="P4955">
            <v>4.3112481806156753</v>
          </cell>
        </row>
        <row r="4956">
          <cell r="C4956">
            <v>2011</v>
          </cell>
          <cell r="P4956">
            <v>4.2200035083893166</v>
          </cell>
        </row>
        <row r="4957">
          <cell r="C4957">
            <v>2011</v>
          </cell>
          <cell r="P4957">
            <v>4.17520516965907</v>
          </cell>
        </row>
        <row r="4958">
          <cell r="C4958">
            <v>2011</v>
          </cell>
          <cell r="P4958">
            <v>4.2132019741801514</v>
          </cell>
        </row>
        <row r="4959">
          <cell r="C4959">
            <v>2011</v>
          </cell>
          <cell r="P4959">
            <v>4.1861741014493434</v>
          </cell>
        </row>
        <row r="4960">
          <cell r="C4960">
            <v>2011</v>
          </cell>
          <cell r="P4960">
            <v>4.2100093399012906</v>
          </cell>
        </row>
        <row r="4961">
          <cell r="C4961">
            <v>2011</v>
          </cell>
          <cell r="P4961">
            <v>4.2100093399012906</v>
          </cell>
        </row>
        <row r="4962">
          <cell r="C4962">
            <v>2011</v>
          </cell>
          <cell r="P4962">
            <v>4.2100093399012906</v>
          </cell>
        </row>
        <row r="4963">
          <cell r="C4963">
            <v>2011</v>
          </cell>
          <cell r="P4963">
            <v>4.1150467232117878</v>
          </cell>
        </row>
        <row r="4964">
          <cell r="C4964">
            <v>2011</v>
          </cell>
          <cell r="P4964">
            <v>4.1240831962374891</v>
          </cell>
        </row>
        <row r="4965">
          <cell r="C4965">
            <v>2011</v>
          </cell>
          <cell r="P4965">
            <v>4.1244918761823026</v>
          </cell>
        </row>
        <row r="4966">
          <cell r="C4966">
            <v>2011</v>
          </cell>
          <cell r="P4966">
            <v>4.1027114160143743</v>
          </cell>
        </row>
        <row r="4967">
          <cell r="C4967">
            <v>2011</v>
          </cell>
          <cell r="P4967">
            <v>4.0179700649052013</v>
          </cell>
        </row>
        <row r="4968">
          <cell r="C4968">
            <v>2011</v>
          </cell>
          <cell r="P4968">
            <v>4.0179700649052013</v>
          </cell>
        </row>
        <row r="4969">
          <cell r="C4969">
            <v>2011</v>
          </cell>
          <cell r="P4969">
            <v>4.0179700649052013</v>
          </cell>
        </row>
        <row r="4970">
          <cell r="C4970">
            <v>2011</v>
          </cell>
          <cell r="P4970">
            <v>4.041844654210303</v>
          </cell>
        </row>
        <row r="4971">
          <cell r="C4971">
            <v>2011</v>
          </cell>
          <cell r="P4971">
            <v>4.1040450780616613</v>
          </cell>
        </row>
        <row r="4972">
          <cell r="C4972">
            <v>2011</v>
          </cell>
          <cell r="P4972">
            <v>4.1627797821953978</v>
          </cell>
        </row>
        <row r="4973">
          <cell r="C4973">
            <v>2011</v>
          </cell>
          <cell r="P4973">
            <v>4.1223896872318324</v>
          </cell>
        </row>
        <row r="4974">
          <cell r="C4974">
            <v>2011</v>
          </cell>
          <cell r="P4974">
            <v>4.1872275664579011</v>
          </cell>
        </row>
        <row r="4975">
          <cell r="C4975">
            <v>2011</v>
          </cell>
          <cell r="P4975">
            <v>4.1872275664579011</v>
          </cell>
        </row>
        <row r="4976">
          <cell r="C4976">
            <v>2011</v>
          </cell>
          <cell r="P4976">
            <v>4.1872275664579011</v>
          </cell>
        </row>
        <row r="4977">
          <cell r="C4977">
            <v>2011</v>
          </cell>
          <cell r="P4977">
            <v>4.0625716493696755</v>
          </cell>
        </row>
        <row r="4978">
          <cell r="C4978">
            <v>2011</v>
          </cell>
          <cell r="P4978">
            <v>4.0352825438667184</v>
          </cell>
        </row>
        <row r="4979">
          <cell r="C4979">
            <v>2011</v>
          </cell>
          <cell r="P4979">
            <v>4.0085813306277638</v>
          </cell>
        </row>
        <row r="4980">
          <cell r="C4980">
            <v>2011</v>
          </cell>
          <cell r="P4980">
            <v>4.0322577433470981</v>
          </cell>
        </row>
        <row r="4981">
          <cell r="C4981">
            <v>2011</v>
          </cell>
          <cell r="P4981">
            <v>4.0344277295505941</v>
          </cell>
        </row>
        <row r="4982">
          <cell r="C4982">
            <v>2011</v>
          </cell>
          <cell r="P4982">
            <v>4.0344277295505941</v>
          </cell>
        </row>
        <row r="4983">
          <cell r="C4983">
            <v>2011</v>
          </cell>
          <cell r="P4983">
            <v>4.0344277295505941</v>
          </cell>
        </row>
        <row r="4984">
          <cell r="C4984">
            <v>2011</v>
          </cell>
          <cell r="P4984">
            <v>4.0087870929201648</v>
          </cell>
        </row>
        <row r="4985">
          <cell r="C4985">
            <v>2011</v>
          </cell>
          <cell r="P4985">
            <v>4.0131180573005309</v>
          </cell>
        </row>
        <row r="4986">
          <cell r="C4986">
            <v>2011</v>
          </cell>
          <cell r="P4986">
            <v>4.0564945501438912</v>
          </cell>
        </row>
        <row r="4987">
          <cell r="C4987">
            <v>2011</v>
          </cell>
          <cell r="P4987">
            <v>3.9759703778155999</v>
          </cell>
        </row>
        <row r="4988">
          <cell r="C4988">
            <v>2011</v>
          </cell>
          <cell r="P4988">
            <v>3.9566529017698402</v>
          </cell>
        </row>
        <row r="4989">
          <cell r="C4989">
            <v>2011</v>
          </cell>
          <cell r="P4989">
            <v>3.9566529017698402</v>
          </cell>
        </row>
        <row r="4990">
          <cell r="C4990">
            <v>2011</v>
          </cell>
          <cell r="P4990">
            <v>3.9566529017698402</v>
          </cell>
        </row>
        <row r="4991">
          <cell r="C4991">
            <v>2011</v>
          </cell>
          <cell r="P4991">
            <v>3.8902443071642256</v>
          </cell>
        </row>
        <row r="4992">
          <cell r="C4992">
            <v>2011</v>
          </cell>
          <cell r="P4992">
            <v>3.9186300213822096</v>
          </cell>
        </row>
        <row r="4993">
          <cell r="C4993">
            <v>2011</v>
          </cell>
          <cell r="P4993">
            <v>4.086659112567145</v>
          </cell>
        </row>
        <row r="4994">
          <cell r="C4994">
            <v>2011</v>
          </cell>
          <cell r="P4994">
            <v>4.1518923967514212</v>
          </cell>
        </row>
        <row r="4995">
          <cell r="C4995">
            <v>2011</v>
          </cell>
          <cell r="P4995">
            <v>4.0856473689450645</v>
          </cell>
        </row>
        <row r="4996">
          <cell r="C4996">
            <v>2011</v>
          </cell>
          <cell r="P4996">
            <v>4.0856473689450645</v>
          </cell>
        </row>
        <row r="4997">
          <cell r="C4997">
            <v>2011</v>
          </cell>
          <cell r="P4997">
            <v>4.0856473689450645</v>
          </cell>
        </row>
        <row r="4998">
          <cell r="C4998">
            <v>2011</v>
          </cell>
          <cell r="P4998">
            <v>4.0856473689450645</v>
          </cell>
        </row>
        <row r="4999">
          <cell r="C4999">
            <v>2011</v>
          </cell>
          <cell r="P4999">
            <v>4.007732679698278</v>
          </cell>
        </row>
        <row r="5000">
          <cell r="C5000">
            <v>2011</v>
          </cell>
          <cell r="P5000">
            <v>3.9827567406115021</v>
          </cell>
        </row>
        <row r="5001">
          <cell r="C5001">
            <v>2011</v>
          </cell>
          <cell r="P5001">
            <v>3.9964560526827326</v>
          </cell>
        </row>
        <row r="5002">
          <cell r="C5002">
            <v>2011</v>
          </cell>
          <cell r="P5002">
            <v>4.008765284013597</v>
          </cell>
        </row>
        <row r="5003">
          <cell r="C5003">
            <v>2011</v>
          </cell>
          <cell r="P5003">
            <v>4.008765284013597</v>
          </cell>
        </row>
        <row r="5004">
          <cell r="C5004">
            <v>2011</v>
          </cell>
          <cell r="P5004">
            <v>4.008765284013597</v>
          </cell>
        </row>
        <row r="5005">
          <cell r="C5005">
            <v>2011</v>
          </cell>
          <cell r="P5005">
            <v>4.0078573697510462</v>
          </cell>
        </row>
        <row r="5006">
          <cell r="C5006">
            <v>2011</v>
          </cell>
          <cell r="P5006">
            <v>4.0232757925878166</v>
          </cell>
        </row>
        <row r="5007">
          <cell r="C5007">
            <v>2011</v>
          </cell>
          <cell r="P5007">
            <v>4.0606439316717475</v>
          </cell>
        </row>
        <row r="5008">
          <cell r="C5008">
            <v>2011</v>
          </cell>
          <cell r="P5008">
            <v>4.0613361274019422</v>
          </cell>
        </row>
        <row r="5009">
          <cell r="C5009">
            <v>2011</v>
          </cell>
          <cell r="P5009">
            <v>3.8758513770428071</v>
          </cell>
        </row>
        <row r="5010">
          <cell r="C5010">
            <v>2011</v>
          </cell>
          <cell r="P5010">
            <v>3.8758513770428071</v>
          </cell>
        </row>
        <row r="5011">
          <cell r="C5011">
            <v>2011</v>
          </cell>
          <cell r="P5011">
            <v>3.8758513770428071</v>
          </cell>
        </row>
        <row r="5012">
          <cell r="C5012">
            <v>2011</v>
          </cell>
          <cell r="P5012">
            <v>3.8620984909184872</v>
          </cell>
        </row>
        <row r="5013">
          <cell r="C5013">
            <v>2011</v>
          </cell>
          <cell r="P5013">
            <v>3.8957685980191812</v>
          </cell>
        </row>
        <row r="5014">
          <cell r="C5014">
            <v>2011</v>
          </cell>
          <cell r="P5014">
            <v>3.882231904533882</v>
          </cell>
        </row>
        <row r="5015">
          <cell r="C5015">
            <v>2011</v>
          </cell>
          <cell r="P5015">
            <v>3.9568145721424401</v>
          </cell>
        </row>
        <row r="5016">
          <cell r="C5016">
            <v>2011</v>
          </cell>
          <cell r="P5016">
            <v>3.9339351327261607</v>
          </cell>
        </row>
        <row r="5017">
          <cell r="C5017">
            <v>2011</v>
          </cell>
          <cell r="P5017">
            <v>3.9339351327261607</v>
          </cell>
        </row>
        <row r="5018">
          <cell r="C5018">
            <v>2011</v>
          </cell>
          <cell r="P5018">
            <v>3.9339351327261607</v>
          </cell>
        </row>
        <row r="5019">
          <cell r="C5019">
            <v>2011</v>
          </cell>
          <cell r="P5019">
            <v>4.0194668196450829</v>
          </cell>
        </row>
        <row r="5020">
          <cell r="C5020">
            <v>2011</v>
          </cell>
          <cell r="P5020">
            <v>4.0102454450202201</v>
          </cell>
        </row>
        <row r="5021">
          <cell r="C5021">
            <v>2011</v>
          </cell>
          <cell r="P5021">
            <v>4.0139292538035196</v>
          </cell>
        </row>
        <row r="5022">
          <cell r="C5022">
            <v>2011</v>
          </cell>
          <cell r="P5022">
            <v>4.0092754227846177</v>
          </cell>
        </row>
        <row r="5023">
          <cell r="C5023">
            <v>2011</v>
          </cell>
          <cell r="P5023">
            <v>3.8960658628978342</v>
          </cell>
        </row>
        <row r="5024">
          <cell r="C5024">
            <v>2011</v>
          </cell>
          <cell r="P5024">
            <v>3.8960658628978342</v>
          </cell>
        </row>
        <row r="5025">
          <cell r="C5025">
            <v>2011</v>
          </cell>
          <cell r="P5025">
            <v>3.8960658628978342</v>
          </cell>
        </row>
        <row r="5026">
          <cell r="C5026">
            <v>2011</v>
          </cell>
          <cell r="P5026">
            <v>3.7914499604120935</v>
          </cell>
        </row>
        <row r="5027">
          <cell r="C5027">
            <v>2011</v>
          </cell>
          <cell r="P5027">
            <v>3.8459817089648825</v>
          </cell>
        </row>
        <row r="5028">
          <cell r="C5028">
            <v>2011</v>
          </cell>
          <cell r="P5028">
            <v>3.7798566301446495</v>
          </cell>
        </row>
        <row r="5029">
          <cell r="C5029">
            <v>2011</v>
          </cell>
          <cell r="P5029">
            <v>3.6345253955234842</v>
          </cell>
        </row>
        <row r="5030">
          <cell r="C5030">
            <v>2011</v>
          </cell>
          <cell r="P5030">
            <v>3.4471878363194151</v>
          </cell>
        </row>
        <row r="5031">
          <cell r="C5031">
            <v>2011</v>
          </cell>
          <cell r="P5031">
            <v>3.4471878363194151</v>
          </cell>
        </row>
        <row r="5032">
          <cell r="C5032">
            <v>2011</v>
          </cell>
          <cell r="P5032">
            <v>3.4471878363194151</v>
          </cell>
        </row>
        <row r="5033">
          <cell r="C5033">
            <v>2011</v>
          </cell>
          <cell r="P5033">
            <v>3.5157398671553119</v>
          </cell>
        </row>
        <row r="5034">
          <cell r="C5034">
            <v>2011</v>
          </cell>
          <cell r="P5034">
            <v>3.5798172792914946</v>
          </cell>
        </row>
        <row r="5035">
          <cell r="C5035">
            <v>2011</v>
          </cell>
          <cell r="P5035">
            <v>3.5321951612673814</v>
          </cell>
        </row>
        <row r="5036">
          <cell r="C5036">
            <v>2011</v>
          </cell>
          <cell r="P5036">
            <v>3.4559796703062253</v>
          </cell>
        </row>
        <row r="5037">
          <cell r="C5037">
            <v>2011</v>
          </cell>
          <cell r="P5037">
            <v>3.5070442768213992</v>
          </cell>
        </row>
        <row r="5038">
          <cell r="C5038">
            <v>2011</v>
          </cell>
          <cell r="P5038">
            <v>3.5070442768213992</v>
          </cell>
        </row>
        <row r="5039">
          <cell r="C5039">
            <v>2011</v>
          </cell>
          <cell r="P5039">
            <v>3.5070442768213992</v>
          </cell>
        </row>
        <row r="5040">
          <cell r="C5040">
            <v>2011</v>
          </cell>
          <cell r="P5040">
            <v>3.7301764150898671</v>
          </cell>
        </row>
        <row r="5041">
          <cell r="C5041">
            <v>2011</v>
          </cell>
          <cell r="P5041">
            <v>3.7293998283733871</v>
          </cell>
        </row>
        <row r="5042">
          <cell r="C5042">
            <v>2011</v>
          </cell>
          <cell r="P5042">
            <v>3.7242974924498511</v>
          </cell>
        </row>
        <row r="5043">
          <cell r="C5043">
            <v>2011</v>
          </cell>
          <cell r="P5043">
            <v>3.773804658572085</v>
          </cell>
        </row>
        <row r="5044">
          <cell r="C5044">
            <v>2011</v>
          </cell>
          <cell r="P5044">
            <v>3.6647051293600037</v>
          </cell>
        </row>
        <row r="5045">
          <cell r="C5045">
            <v>2011</v>
          </cell>
          <cell r="P5045">
            <v>3.6647051293600037</v>
          </cell>
        </row>
        <row r="5046">
          <cell r="C5046">
            <v>2011</v>
          </cell>
          <cell r="P5046">
            <v>3.6647051293600037</v>
          </cell>
        </row>
        <row r="5047">
          <cell r="C5047">
            <v>2011</v>
          </cell>
          <cell r="P5047">
            <v>3.7457712056058372</v>
          </cell>
        </row>
        <row r="5048">
          <cell r="C5048">
            <v>2011</v>
          </cell>
          <cell r="P5048">
            <v>3.8618984179060596</v>
          </cell>
        </row>
        <row r="5049">
          <cell r="C5049">
            <v>2011</v>
          </cell>
          <cell r="P5049">
            <v>3.9508849200893215</v>
          </cell>
        </row>
        <row r="5050">
          <cell r="C5050">
            <v>2011</v>
          </cell>
          <cell r="P5050">
            <v>3.869839704536727</v>
          </cell>
        </row>
        <row r="5051">
          <cell r="C5051">
            <v>2011</v>
          </cell>
          <cell r="P5051">
            <v>3.918164448637655</v>
          </cell>
        </row>
        <row r="5052">
          <cell r="C5052">
            <v>2011</v>
          </cell>
          <cell r="P5052">
            <v>3.918164448637655</v>
          </cell>
        </row>
        <row r="5053">
          <cell r="C5053">
            <v>2011</v>
          </cell>
          <cell r="P5053">
            <v>3.918164448637655</v>
          </cell>
        </row>
        <row r="5054">
          <cell r="C5054">
            <v>2011</v>
          </cell>
          <cell r="P5054">
            <v>3.951899508351389</v>
          </cell>
        </row>
        <row r="5055">
          <cell r="C5055">
            <v>2011</v>
          </cell>
          <cell r="P5055">
            <v>3.9839903661525771</v>
          </cell>
        </row>
        <row r="5056">
          <cell r="C5056">
            <v>2011</v>
          </cell>
          <cell r="P5056">
            <v>3.9030537210261564</v>
          </cell>
        </row>
        <row r="5057">
          <cell r="C5057">
            <v>2011</v>
          </cell>
          <cell r="P5057">
            <v>3.9418493952769498</v>
          </cell>
        </row>
        <row r="5058">
          <cell r="C5058">
            <v>2011</v>
          </cell>
          <cell r="P5058">
            <v>4.0155696628627506</v>
          </cell>
        </row>
        <row r="5059">
          <cell r="C5059">
            <v>2011</v>
          </cell>
          <cell r="P5059">
            <v>4.0155696628627506</v>
          </cell>
        </row>
        <row r="5060">
          <cell r="C5060">
            <v>2011</v>
          </cell>
          <cell r="P5060">
            <v>4.0155696628627506</v>
          </cell>
        </row>
        <row r="5061">
          <cell r="C5061">
            <v>2011</v>
          </cell>
          <cell r="P5061">
            <v>3.8580903931766568</v>
          </cell>
        </row>
        <row r="5062">
          <cell r="C5062">
            <v>2011</v>
          </cell>
          <cell r="P5062">
            <v>3.9324872109727247</v>
          </cell>
        </row>
        <row r="5063">
          <cell r="C5063">
            <v>2011</v>
          </cell>
          <cell r="P5063">
            <v>3.9308159849803008</v>
          </cell>
        </row>
        <row r="5064">
          <cell r="C5064">
            <v>2011</v>
          </cell>
          <cell r="P5064">
            <v>3.927722438994325</v>
          </cell>
        </row>
        <row r="5065">
          <cell r="C5065">
            <v>2011</v>
          </cell>
          <cell r="P5065">
            <v>3.7779568847399281</v>
          </cell>
        </row>
        <row r="5066">
          <cell r="C5066">
            <v>2011</v>
          </cell>
          <cell r="P5066">
            <v>3.7779568847399281</v>
          </cell>
        </row>
        <row r="5067">
          <cell r="C5067">
            <v>2011</v>
          </cell>
          <cell r="P5067">
            <v>3.7779568847399281</v>
          </cell>
        </row>
        <row r="5068">
          <cell r="C5068">
            <v>2011</v>
          </cell>
          <cell r="P5068">
            <v>3.623918681224902</v>
          </cell>
        </row>
        <row r="5069">
          <cell r="C5069">
            <v>2011</v>
          </cell>
          <cell r="P5069">
            <v>3.634508801790227</v>
          </cell>
        </row>
        <row r="5070">
          <cell r="C5070">
            <v>2011</v>
          </cell>
          <cell r="P5070">
            <v>3.6580818592566948</v>
          </cell>
        </row>
        <row r="5071">
          <cell r="C5071">
            <v>2011</v>
          </cell>
          <cell r="P5071">
            <v>3.6846432110296168</v>
          </cell>
        </row>
        <row r="5072">
          <cell r="C5072">
            <v>2011</v>
          </cell>
          <cell r="P5072">
            <v>3.6003091175452653</v>
          </cell>
        </row>
        <row r="5073">
          <cell r="C5073">
            <v>2011</v>
          </cell>
          <cell r="P5073">
            <v>3.6003091175452653</v>
          </cell>
        </row>
        <row r="5074">
          <cell r="C5074">
            <v>2011</v>
          </cell>
          <cell r="P5074">
            <v>3.6003091175452653</v>
          </cell>
        </row>
        <row r="5075">
          <cell r="C5075">
            <v>2011</v>
          </cell>
          <cell r="P5075">
            <v>3.6434623061496372</v>
          </cell>
        </row>
        <row r="5076">
          <cell r="C5076">
            <v>2011</v>
          </cell>
          <cell r="P5076">
            <v>3.7456398780597655</v>
          </cell>
        </row>
        <row r="5077">
          <cell r="C5077">
            <v>2011</v>
          </cell>
          <cell r="P5077">
            <v>3.6271056262237877</v>
          </cell>
        </row>
        <row r="5078">
          <cell r="C5078">
            <v>2011</v>
          </cell>
          <cell r="P5078">
            <v>3.6271056262237877</v>
          </cell>
        </row>
        <row r="5079">
          <cell r="C5079">
            <v>2011</v>
          </cell>
          <cell r="P5079">
            <v>3.6271056262237877</v>
          </cell>
        </row>
        <row r="5080">
          <cell r="C5080">
            <v>2011</v>
          </cell>
          <cell r="P5080">
            <v>3.6271056262237877</v>
          </cell>
        </row>
        <row r="5081">
          <cell r="C5081">
            <v>2011</v>
          </cell>
          <cell r="P5081">
            <v>3.6271056262237877</v>
          </cell>
        </row>
        <row r="5082">
          <cell r="C5082">
            <v>2011</v>
          </cell>
          <cell r="P5082">
            <v>3.701451240500087</v>
          </cell>
        </row>
        <row r="5083">
          <cell r="C5083">
            <v>2011</v>
          </cell>
          <cell r="P5083">
            <v>3.8074937299393614</v>
          </cell>
        </row>
        <row r="5084">
          <cell r="C5084">
            <v>2011</v>
          </cell>
          <cell r="P5084">
            <v>3.8047244729119161</v>
          </cell>
        </row>
        <row r="5085">
          <cell r="C5085">
            <v>2011</v>
          </cell>
          <cell r="P5085">
            <v>3.8009662293822868</v>
          </cell>
        </row>
        <row r="5086">
          <cell r="C5086">
            <v>2011</v>
          </cell>
          <cell r="P5086">
            <v>3.7445916282245171</v>
          </cell>
        </row>
        <row r="5087">
          <cell r="C5087">
            <v>2011</v>
          </cell>
          <cell r="P5087">
            <v>3.7445916282245171</v>
          </cell>
        </row>
        <row r="5088">
          <cell r="C5088">
            <v>2011</v>
          </cell>
          <cell r="P5088">
            <v>3.7445916282245171</v>
          </cell>
        </row>
        <row r="5089">
          <cell r="C5089">
            <v>2011</v>
          </cell>
          <cell r="P5089">
            <v>3.7309425714597269</v>
          </cell>
        </row>
        <row r="5090">
          <cell r="C5090">
            <v>2011</v>
          </cell>
          <cell r="P5090">
            <v>3.6645543634406867</v>
          </cell>
        </row>
        <row r="5091">
          <cell r="C5091">
            <v>2011</v>
          </cell>
          <cell r="P5091">
            <v>3.6554169056954429</v>
          </cell>
        </row>
        <row r="5092">
          <cell r="C5092">
            <v>2011</v>
          </cell>
          <cell r="P5092">
            <v>3.682417754346373</v>
          </cell>
        </row>
        <row r="5093">
          <cell r="C5093">
            <v>2011</v>
          </cell>
          <cell r="P5093">
            <v>3.5837443047936923</v>
          </cell>
        </row>
        <row r="5094">
          <cell r="C5094">
            <v>2011</v>
          </cell>
          <cell r="P5094">
            <v>3.5837443047936923</v>
          </cell>
        </row>
        <row r="5095">
          <cell r="C5095">
            <v>2011</v>
          </cell>
          <cell r="P5095">
            <v>3.5837443047936923</v>
          </cell>
        </row>
        <row r="5096">
          <cell r="C5096">
            <v>2011</v>
          </cell>
          <cell r="P5096">
            <v>3.4733409822541876</v>
          </cell>
        </row>
        <row r="5097">
          <cell r="C5097">
            <v>2011</v>
          </cell>
          <cell r="P5097">
            <v>3.5543947317267435</v>
          </cell>
        </row>
        <row r="5098">
          <cell r="C5098">
            <v>2011</v>
          </cell>
          <cell r="P5098">
            <v>3.5422917367949434</v>
          </cell>
        </row>
        <row r="5099">
          <cell r="C5099">
            <v>2011</v>
          </cell>
          <cell r="P5099">
            <v>3.4697951385102619</v>
          </cell>
        </row>
        <row r="5100">
          <cell r="C5100">
            <v>2011</v>
          </cell>
          <cell r="P5100">
            <v>3.4770641418906418</v>
          </cell>
        </row>
        <row r="5101">
          <cell r="C5101">
            <v>2011</v>
          </cell>
          <cell r="P5101">
            <v>3.4770641418906418</v>
          </cell>
        </row>
        <row r="5102">
          <cell r="C5102">
            <v>2011</v>
          </cell>
          <cell r="P5102">
            <v>3.4770641418906418</v>
          </cell>
        </row>
        <row r="5103">
          <cell r="C5103">
            <v>2011</v>
          </cell>
          <cell r="P5103">
            <v>3.4149808223854201</v>
          </cell>
        </row>
        <row r="5104">
          <cell r="C5104">
            <v>2011</v>
          </cell>
          <cell r="P5104">
            <v>3.3987023700592154</v>
          </cell>
        </row>
        <row r="5105">
          <cell r="C5105">
            <v>2011</v>
          </cell>
          <cell r="P5105">
            <v>3.3892795001019325</v>
          </cell>
        </row>
        <row r="5106">
          <cell r="C5106">
            <v>2011</v>
          </cell>
          <cell r="P5106">
            <v>3.4091379318519079</v>
          </cell>
        </row>
        <row r="5107">
          <cell r="C5107">
            <v>2011</v>
          </cell>
          <cell r="P5107">
            <v>3.3345400928300846</v>
          </cell>
        </row>
        <row r="5108">
          <cell r="C5108">
            <v>2011</v>
          </cell>
          <cell r="P5108">
            <v>3.3345400928300846</v>
          </cell>
        </row>
        <row r="5109">
          <cell r="C5109">
            <v>2011</v>
          </cell>
          <cell r="P5109">
            <v>3.3345400928300846</v>
          </cell>
        </row>
        <row r="5110">
          <cell r="C5110">
            <v>2011</v>
          </cell>
          <cell r="P5110">
            <v>3.3345400928300846</v>
          </cell>
        </row>
        <row r="5111">
          <cell r="C5111">
            <v>2011</v>
          </cell>
          <cell r="P5111">
            <v>3.4022956244695925</v>
          </cell>
        </row>
        <row r="5112">
          <cell r="C5112">
            <v>2011</v>
          </cell>
          <cell r="P5112">
            <v>3.3624412700369328</v>
          </cell>
        </row>
        <row r="5113">
          <cell r="C5113">
            <v>2011</v>
          </cell>
          <cell r="P5113">
            <v>3.3303527827690669</v>
          </cell>
        </row>
        <row r="5114">
          <cell r="C5114">
            <v>2011</v>
          </cell>
          <cell r="P5114">
            <v>3.3173053673615485</v>
          </cell>
        </row>
        <row r="5115">
          <cell r="C5115">
            <v>2012</v>
          </cell>
          <cell r="P5115">
            <v>3.3173053673615485</v>
          </cell>
        </row>
        <row r="5116">
          <cell r="C5116">
            <v>2012</v>
          </cell>
          <cell r="P5116">
            <v>3.3173053673615485</v>
          </cell>
        </row>
        <row r="5117">
          <cell r="C5117">
            <v>2012</v>
          </cell>
          <cell r="P5117">
            <v>3.3173053673615485</v>
          </cell>
        </row>
        <row r="5118">
          <cell r="C5118">
            <v>2012</v>
          </cell>
          <cell r="P5118">
            <v>3.1859683391569429</v>
          </cell>
        </row>
        <row r="5119">
          <cell r="C5119">
            <v>2012</v>
          </cell>
          <cell r="P5119">
            <v>3.2338128132067152</v>
          </cell>
        </row>
        <row r="5120">
          <cell r="C5120">
            <v>2012</v>
          </cell>
          <cell r="P5120">
            <v>3.2342575252580326</v>
          </cell>
        </row>
        <row r="5121">
          <cell r="C5121">
            <v>2012</v>
          </cell>
          <cell r="P5121">
            <v>3.2356566140250234</v>
          </cell>
        </row>
        <row r="5122">
          <cell r="C5122">
            <v>2012</v>
          </cell>
          <cell r="P5122">
            <v>3.2356566140250234</v>
          </cell>
        </row>
        <row r="5123">
          <cell r="C5123">
            <v>2012</v>
          </cell>
          <cell r="P5123">
            <v>3.2356566140250234</v>
          </cell>
        </row>
        <row r="5124">
          <cell r="C5124">
            <v>2012</v>
          </cell>
          <cell r="P5124">
            <v>3.2531758034922693</v>
          </cell>
        </row>
        <row r="5125">
          <cell r="C5125">
            <v>2012</v>
          </cell>
          <cell r="P5125">
            <v>3.243065952978101</v>
          </cell>
        </row>
        <row r="5126">
          <cell r="C5126">
            <v>2012</v>
          </cell>
          <cell r="P5126">
            <v>3.0780445944728645</v>
          </cell>
        </row>
        <row r="5127">
          <cell r="C5127">
            <v>2012</v>
          </cell>
          <cell r="P5127">
            <v>2.9783228950849359</v>
          </cell>
        </row>
        <row r="5128">
          <cell r="C5128">
            <v>2012</v>
          </cell>
          <cell r="P5128">
            <v>2.948334226234218</v>
          </cell>
        </row>
        <row r="5129">
          <cell r="C5129">
            <v>2012</v>
          </cell>
          <cell r="P5129">
            <v>2.948334226234218</v>
          </cell>
        </row>
        <row r="5130">
          <cell r="C5130">
            <v>2012</v>
          </cell>
          <cell r="P5130">
            <v>2.948334226234218</v>
          </cell>
        </row>
        <row r="5131">
          <cell r="C5131">
            <v>2012</v>
          </cell>
          <cell r="P5131">
            <v>2.948334226234218</v>
          </cell>
        </row>
        <row r="5132">
          <cell r="C5132">
            <v>2012</v>
          </cell>
          <cell r="P5132">
            <v>2.7957235578860531</v>
          </cell>
        </row>
        <row r="5133">
          <cell r="C5133">
            <v>2012</v>
          </cell>
          <cell r="P5133">
            <v>2.7883161153596334</v>
          </cell>
        </row>
        <row r="5134">
          <cell r="C5134">
            <v>2012</v>
          </cell>
          <cell r="P5134">
            <v>2.675433689071367</v>
          </cell>
        </row>
        <row r="5135">
          <cell r="C5135">
            <v>2012</v>
          </cell>
          <cell r="P5135">
            <v>2.6112130967225005</v>
          </cell>
        </row>
        <row r="5136">
          <cell r="C5136">
            <v>2012</v>
          </cell>
          <cell r="P5136">
            <v>2.6112130967225005</v>
          </cell>
        </row>
        <row r="5137">
          <cell r="C5137">
            <v>2012</v>
          </cell>
          <cell r="P5137">
            <v>2.6112130967225005</v>
          </cell>
        </row>
        <row r="5138">
          <cell r="C5138">
            <v>2012</v>
          </cell>
          <cell r="P5138">
            <v>2.7096902661160702</v>
          </cell>
        </row>
        <row r="5139">
          <cell r="C5139">
            <v>2012</v>
          </cell>
          <cell r="P5139">
            <v>2.84829772002105</v>
          </cell>
        </row>
        <row r="5140">
          <cell r="C5140">
            <v>2012</v>
          </cell>
          <cell r="P5140">
            <v>2.9027654641741298</v>
          </cell>
        </row>
        <row r="5141">
          <cell r="C5141">
            <v>2012</v>
          </cell>
          <cell r="P5141">
            <v>2.9069394992485407</v>
          </cell>
        </row>
        <row r="5142">
          <cell r="C5142">
            <v>2012</v>
          </cell>
          <cell r="P5142">
            <v>2.8388435590239092</v>
          </cell>
        </row>
        <row r="5143">
          <cell r="C5143">
            <v>2012</v>
          </cell>
          <cell r="P5143">
            <v>2.8388435590239092</v>
          </cell>
        </row>
        <row r="5144">
          <cell r="C5144">
            <v>2012</v>
          </cell>
          <cell r="P5144">
            <v>2.8388435590239092</v>
          </cell>
        </row>
        <row r="5145">
          <cell r="C5145">
            <v>2012</v>
          </cell>
          <cell r="P5145">
            <v>2.9583800723486768</v>
          </cell>
        </row>
        <row r="5146">
          <cell r="C5146">
            <v>2012</v>
          </cell>
          <cell r="P5146">
            <v>2.7927120323530388</v>
          </cell>
        </row>
        <row r="5147">
          <cell r="C5147">
            <v>2012</v>
          </cell>
          <cell r="P5147">
            <v>2.6425705115136799</v>
          </cell>
        </row>
        <row r="5148">
          <cell r="C5148">
            <v>2012</v>
          </cell>
          <cell r="P5148">
            <v>2.6557487803606059</v>
          </cell>
        </row>
        <row r="5149">
          <cell r="C5149">
            <v>2012</v>
          </cell>
          <cell r="P5149">
            <v>2.7535546147172187</v>
          </cell>
        </row>
        <row r="5150">
          <cell r="C5150">
            <v>2012</v>
          </cell>
          <cell r="P5150">
            <v>2.7535546147172187</v>
          </cell>
        </row>
        <row r="5151">
          <cell r="C5151">
            <v>2012</v>
          </cell>
          <cell r="P5151">
            <v>2.7535546147172187</v>
          </cell>
        </row>
        <row r="5152">
          <cell r="C5152">
            <v>2012</v>
          </cell>
          <cell r="P5152">
            <v>2.7985198389933763</v>
          </cell>
        </row>
        <row r="5153">
          <cell r="C5153">
            <v>2012</v>
          </cell>
          <cell r="P5153">
            <v>2.8911612294534024</v>
          </cell>
        </row>
        <row r="5154">
          <cell r="C5154">
            <v>2012</v>
          </cell>
          <cell r="P5154">
            <v>2.8171986933620325</v>
          </cell>
        </row>
        <row r="5155">
          <cell r="C5155">
            <v>2012</v>
          </cell>
          <cell r="P5155">
            <v>2.8184304224764487</v>
          </cell>
        </row>
        <row r="5156">
          <cell r="C5156">
            <v>2012</v>
          </cell>
          <cell r="P5156">
            <v>2.8349454540282473</v>
          </cell>
        </row>
        <row r="5157">
          <cell r="C5157">
            <v>2012</v>
          </cell>
          <cell r="P5157">
            <v>2.8349454540282473</v>
          </cell>
        </row>
        <row r="5158">
          <cell r="C5158">
            <v>2012</v>
          </cell>
          <cell r="P5158">
            <v>2.8349454540282473</v>
          </cell>
        </row>
        <row r="5159">
          <cell r="C5159">
            <v>2012</v>
          </cell>
          <cell r="P5159">
            <v>2.7818929182687522</v>
          </cell>
        </row>
        <row r="5160">
          <cell r="C5160">
            <v>2012</v>
          </cell>
          <cell r="P5160">
            <v>2.8420798111159047</v>
          </cell>
        </row>
        <row r="5161">
          <cell r="C5161">
            <v>2012</v>
          </cell>
          <cell r="P5161">
            <v>2.8346837471494335</v>
          </cell>
        </row>
        <row r="5162">
          <cell r="C5162">
            <v>2012</v>
          </cell>
          <cell r="P5162">
            <v>2.7771537480502357</v>
          </cell>
        </row>
        <row r="5163">
          <cell r="C5163">
            <v>2012</v>
          </cell>
          <cell r="P5163">
            <v>2.9400966229382286</v>
          </cell>
        </row>
        <row r="5164">
          <cell r="C5164">
            <v>2012</v>
          </cell>
          <cell r="P5164">
            <v>2.9400966229382286</v>
          </cell>
        </row>
        <row r="5165">
          <cell r="C5165">
            <v>2012</v>
          </cell>
          <cell r="P5165">
            <v>2.9400966229382286</v>
          </cell>
        </row>
        <row r="5166">
          <cell r="C5166">
            <v>2012</v>
          </cell>
          <cell r="P5166">
            <v>2.9400966229382286</v>
          </cell>
        </row>
        <row r="5167">
          <cell r="C5167">
            <v>2012</v>
          </cell>
          <cell r="P5167">
            <v>2.8837561574603052</v>
          </cell>
        </row>
        <row r="5168">
          <cell r="C5168">
            <v>2012</v>
          </cell>
          <cell r="P5168">
            <v>2.8351578538139512</v>
          </cell>
        </row>
        <row r="5169">
          <cell r="C5169">
            <v>2012</v>
          </cell>
          <cell r="P5169">
            <v>2.8735107124400847</v>
          </cell>
        </row>
        <row r="5170">
          <cell r="C5170">
            <v>2012</v>
          </cell>
          <cell r="P5170">
            <v>2.784401890737378</v>
          </cell>
        </row>
        <row r="5171">
          <cell r="C5171">
            <v>2012</v>
          </cell>
          <cell r="P5171">
            <v>2.784401890737378</v>
          </cell>
        </row>
        <row r="5172">
          <cell r="C5172">
            <v>2012</v>
          </cell>
          <cell r="P5172">
            <v>2.784401890737378</v>
          </cell>
        </row>
        <row r="5173">
          <cell r="C5173">
            <v>2012</v>
          </cell>
          <cell r="P5173">
            <v>2.7782750103118197</v>
          </cell>
        </row>
        <row r="5174">
          <cell r="C5174">
            <v>2012</v>
          </cell>
          <cell r="P5174">
            <v>2.6669163628433128</v>
          </cell>
        </row>
        <row r="5175">
          <cell r="C5175">
            <v>2012</v>
          </cell>
          <cell r="P5175">
            <v>2.6661957207132461</v>
          </cell>
        </row>
        <row r="5176">
          <cell r="C5176">
            <v>2012</v>
          </cell>
          <cell r="P5176">
            <v>2.6616016271340723</v>
          </cell>
        </row>
        <row r="5177">
          <cell r="C5177">
            <v>2012</v>
          </cell>
          <cell r="P5177">
            <v>2.6111974512025715</v>
          </cell>
        </row>
        <row r="5178">
          <cell r="C5178">
            <v>2012</v>
          </cell>
          <cell r="P5178">
            <v>2.6111974512025715</v>
          </cell>
        </row>
        <row r="5179">
          <cell r="C5179">
            <v>2012</v>
          </cell>
          <cell r="P5179">
            <v>2.6111974512025715</v>
          </cell>
        </row>
        <row r="5180">
          <cell r="C5180">
            <v>2012</v>
          </cell>
          <cell r="P5180">
            <v>2.5532123097054371</v>
          </cell>
        </row>
        <row r="5181">
          <cell r="C5181">
            <v>2012</v>
          </cell>
          <cell r="P5181">
            <v>2.5782607871118843</v>
          </cell>
        </row>
        <row r="5182">
          <cell r="C5182">
            <v>2012</v>
          </cell>
          <cell r="P5182">
            <v>2.4920553946226818</v>
          </cell>
        </row>
        <row r="5183">
          <cell r="C5183">
            <v>2012</v>
          </cell>
          <cell r="P5183">
            <v>2.4741000270240794</v>
          </cell>
        </row>
        <row r="5184">
          <cell r="C5184">
            <v>2012</v>
          </cell>
          <cell r="P5184">
            <v>2.430085860716944</v>
          </cell>
        </row>
        <row r="5185">
          <cell r="C5185">
            <v>2012</v>
          </cell>
          <cell r="P5185">
            <v>2.430085860716944</v>
          </cell>
        </row>
        <row r="5186">
          <cell r="C5186">
            <v>2012</v>
          </cell>
          <cell r="P5186">
            <v>2.430085860716944</v>
          </cell>
        </row>
        <row r="5187">
          <cell r="C5187">
            <v>2012</v>
          </cell>
          <cell r="P5187">
            <v>2.3833863542619813</v>
          </cell>
        </row>
        <row r="5188">
          <cell r="C5188">
            <v>2012</v>
          </cell>
          <cell r="P5188">
            <v>2.3574053090464293</v>
          </cell>
        </row>
        <row r="5189">
          <cell r="C5189">
            <v>2012</v>
          </cell>
          <cell r="P5189">
            <v>2.3550845569236163</v>
          </cell>
        </row>
        <row r="5190">
          <cell r="C5190">
            <v>2012</v>
          </cell>
          <cell r="P5190">
            <v>2.3160432954206032</v>
          </cell>
        </row>
        <row r="5191">
          <cell r="C5191">
            <v>2012</v>
          </cell>
          <cell r="P5191">
            <v>2.3501467360126678</v>
          </cell>
        </row>
        <row r="5192">
          <cell r="C5192">
            <v>2012</v>
          </cell>
          <cell r="P5192">
            <v>2.3501467360126678</v>
          </cell>
        </row>
        <row r="5193">
          <cell r="C5193">
            <v>2012</v>
          </cell>
          <cell r="P5193">
            <v>2.3501467360126678</v>
          </cell>
        </row>
        <row r="5194">
          <cell r="C5194">
            <v>2012</v>
          </cell>
          <cell r="P5194">
            <v>2.3982970088610536</v>
          </cell>
        </row>
        <row r="5195">
          <cell r="C5195">
            <v>2012</v>
          </cell>
          <cell r="P5195">
            <v>2.467673985293211</v>
          </cell>
        </row>
        <row r="5196">
          <cell r="C5196">
            <v>2012</v>
          </cell>
          <cell r="P5196">
            <v>2.4059685287996095</v>
          </cell>
        </row>
        <row r="5197">
          <cell r="C5197">
            <v>2012</v>
          </cell>
          <cell r="P5197">
            <v>2.3996994163746956</v>
          </cell>
        </row>
        <row r="5198">
          <cell r="C5198">
            <v>2012</v>
          </cell>
          <cell r="P5198">
            <v>2.314208502628921</v>
          </cell>
        </row>
        <row r="5199">
          <cell r="C5199">
            <v>2012</v>
          </cell>
          <cell r="P5199">
            <v>2.314208502628921</v>
          </cell>
        </row>
        <row r="5200">
          <cell r="C5200">
            <v>2012</v>
          </cell>
          <cell r="P5200">
            <v>2.314208502628921</v>
          </cell>
        </row>
        <row r="5201">
          <cell r="C5201">
            <v>2012</v>
          </cell>
          <cell r="P5201">
            <v>2.3238186447186888</v>
          </cell>
        </row>
        <row r="5202">
          <cell r="C5202">
            <v>2012</v>
          </cell>
          <cell r="P5202">
            <v>2.2734476562537038</v>
          </cell>
        </row>
        <row r="5203">
          <cell r="C5203">
            <v>2012</v>
          </cell>
          <cell r="P5203">
            <v>2.2720708504999449</v>
          </cell>
        </row>
        <row r="5204">
          <cell r="C5204">
            <v>2012</v>
          </cell>
          <cell r="P5204">
            <v>2.2897061960999983</v>
          </cell>
        </row>
        <row r="5205">
          <cell r="C5205">
            <v>2012</v>
          </cell>
          <cell r="P5205">
            <v>2.2878742479483032</v>
          </cell>
        </row>
        <row r="5206">
          <cell r="C5206">
            <v>2012</v>
          </cell>
          <cell r="P5206">
            <v>2.2878742479483032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>
  <externalBook xmlns:r="http://schemas.openxmlformats.org/officeDocument/2006/relationships" r:id="rId1">
    <sheetNames>
      <sheetName val="US Daily"/>
      <sheetName val="USMonthly"/>
      <sheetName val="US Quarterly"/>
      <sheetName val="US Annual"/>
      <sheetName val="Sheet3"/>
    </sheetNames>
    <sheetDataSet>
      <sheetData sheetId="0">
        <row r="2">
          <cell r="C2">
            <v>1998</v>
          </cell>
          <cell r="D2">
            <v>1</v>
          </cell>
          <cell r="F2">
            <v>1.425</v>
          </cell>
        </row>
        <row r="3">
          <cell r="C3">
            <v>1998</v>
          </cell>
          <cell r="D3">
            <v>1</v>
          </cell>
          <cell r="F3">
            <v>1.425</v>
          </cell>
        </row>
        <row r="4">
          <cell r="C4">
            <v>1998</v>
          </cell>
          <cell r="D4">
            <v>1</v>
          </cell>
          <cell r="F4">
            <v>1.425</v>
          </cell>
        </row>
        <row r="5">
          <cell r="C5">
            <v>1998</v>
          </cell>
          <cell r="D5">
            <v>1</v>
          </cell>
          <cell r="F5">
            <v>1.425</v>
          </cell>
        </row>
        <row r="6">
          <cell r="C6">
            <v>1998</v>
          </cell>
          <cell r="D6">
            <v>1</v>
          </cell>
          <cell r="F6">
            <v>1.4268000000000001</v>
          </cell>
        </row>
        <row r="7">
          <cell r="C7">
            <v>1998</v>
          </cell>
          <cell r="D7">
            <v>1</v>
          </cell>
          <cell r="F7">
            <v>1.4311</v>
          </cell>
        </row>
        <row r="8">
          <cell r="C8">
            <v>1998</v>
          </cell>
          <cell r="D8">
            <v>1</v>
          </cell>
          <cell r="F8">
            <v>1.4301999999999999</v>
          </cell>
        </row>
        <row r="9">
          <cell r="C9">
            <v>1998</v>
          </cell>
          <cell r="D9">
            <v>1</v>
          </cell>
          <cell r="F9">
            <v>1.4312</v>
          </cell>
        </row>
        <row r="10">
          <cell r="C10">
            <v>1998</v>
          </cell>
          <cell r="D10">
            <v>1</v>
          </cell>
          <cell r="F10">
            <v>1.4263999999999999</v>
          </cell>
        </row>
        <row r="11">
          <cell r="C11">
            <v>1998</v>
          </cell>
          <cell r="D11">
            <v>1</v>
          </cell>
          <cell r="F11">
            <v>1.4263999999999999</v>
          </cell>
        </row>
        <row r="12">
          <cell r="C12">
            <v>1998</v>
          </cell>
          <cell r="D12">
            <v>1</v>
          </cell>
          <cell r="F12">
            <v>1.4263999999999999</v>
          </cell>
        </row>
        <row r="13">
          <cell r="C13">
            <v>1998</v>
          </cell>
          <cell r="D13">
            <v>1</v>
          </cell>
          <cell r="F13">
            <v>1.4342999999999999</v>
          </cell>
        </row>
        <row r="14">
          <cell r="C14">
            <v>1998</v>
          </cell>
          <cell r="D14">
            <v>1</v>
          </cell>
          <cell r="F14">
            <v>1.4359999999999999</v>
          </cell>
        </row>
        <row r="15">
          <cell r="C15">
            <v>1998</v>
          </cell>
          <cell r="D15">
            <v>1</v>
          </cell>
          <cell r="F15">
            <v>1.4345000000000001</v>
          </cell>
        </row>
        <row r="16">
          <cell r="C16">
            <v>1998</v>
          </cell>
          <cell r="D16">
            <v>1</v>
          </cell>
          <cell r="F16">
            <v>1.4367000000000001</v>
          </cell>
        </row>
        <row r="17">
          <cell r="C17">
            <v>1998</v>
          </cell>
          <cell r="D17">
            <v>1</v>
          </cell>
          <cell r="F17">
            <v>1.4362999999999999</v>
          </cell>
        </row>
        <row r="18">
          <cell r="C18">
            <v>1998</v>
          </cell>
          <cell r="D18">
            <v>1</v>
          </cell>
          <cell r="F18">
            <v>1.4362999999999999</v>
          </cell>
        </row>
        <row r="19">
          <cell r="C19">
            <v>1998</v>
          </cell>
          <cell r="D19">
            <v>1</v>
          </cell>
          <cell r="F19">
            <v>1.4362999999999999</v>
          </cell>
        </row>
        <row r="20">
          <cell r="C20">
            <v>1998</v>
          </cell>
          <cell r="D20">
            <v>1</v>
          </cell>
          <cell r="F20">
            <v>1.4381999999999999</v>
          </cell>
        </row>
        <row r="21">
          <cell r="C21">
            <v>1998</v>
          </cell>
          <cell r="D21">
            <v>1</v>
          </cell>
          <cell r="F21">
            <v>1.4391</v>
          </cell>
        </row>
        <row r="22">
          <cell r="C22">
            <v>1998</v>
          </cell>
          <cell r="D22">
            <v>1</v>
          </cell>
          <cell r="F22">
            <v>1.4438</v>
          </cell>
        </row>
        <row r="23">
          <cell r="C23">
            <v>1998</v>
          </cell>
          <cell r="D23">
            <v>1</v>
          </cell>
          <cell r="F23">
            <v>1.4508000000000001</v>
          </cell>
        </row>
        <row r="24">
          <cell r="C24">
            <v>1998</v>
          </cell>
          <cell r="D24">
            <v>1</v>
          </cell>
          <cell r="F24">
            <v>1.4555</v>
          </cell>
        </row>
        <row r="25">
          <cell r="C25">
            <v>1998</v>
          </cell>
          <cell r="D25">
            <v>1</v>
          </cell>
          <cell r="F25">
            <v>1.4555</v>
          </cell>
        </row>
        <row r="26">
          <cell r="C26">
            <v>1998</v>
          </cell>
          <cell r="D26">
            <v>1</v>
          </cell>
          <cell r="F26">
            <v>1.4555</v>
          </cell>
        </row>
        <row r="27">
          <cell r="C27">
            <v>1998</v>
          </cell>
          <cell r="D27">
            <v>1</v>
          </cell>
          <cell r="F27">
            <v>1.45</v>
          </cell>
        </row>
        <row r="28">
          <cell r="C28">
            <v>1998</v>
          </cell>
          <cell r="D28">
            <v>1</v>
          </cell>
          <cell r="F28">
            <v>1.4541999999999999</v>
          </cell>
        </row>
        <row r="29">
          <cell r="C29">
            <v>1998</v>
          </cell>
          <cell r="D29">
            <v>1</v>
          </cell>
          <cell r="F29">
            <v>1.4567000000000001</v>
          </cell>
        </row>
        <row r="30">
          <cell r="C30">
            <v>1998</v>
          </cell>
          <cell r="D30">
            <v>1</v>
          </cell>
          <cell r="F30">
            <v>1.4639</v>
          </cell>
        </row>
        <row r="31">
          <cell r="C31">
            <v>1998</v>
          </cell>
          <cell r="D31">
            <v>1</v>
          </cell>
          <cell r="F31">
            <v>1.4562999999999999</v>
          </cell>
        </row>
        <row r="32">
          <cell r="C32">
            <v>1998</v>
          </cell>
          <cell r="D32">
            <v>2</v>
          </cell>
          <cell r="F32">
            <v>1.4562999999999999</v>
          </cell>
        </row>
        <row r="33">
          <cell r="C33">
            <v>1998</v>
          </cell>
          <cell r="D33">
            <v>2</v>
          </cell>
          <cell r="F33">
            <v>1.4562999999999999</v>
          </cell>
        </row>
        <row r="34">
          <cell r="C34">
            <v>1998</v>
          </cell>
          <cell r="D34">
            <v>2</v>
          </cell>
          <cell r="F34">
            <v>1.4525999999999999</v>
          </cell>
        </row>
        <row r="35">
          <cell r="C35">
            <v>1998</v>
          </cell>
          <cell r="D35">
            <v>2</v>
          </cell>
          <cell r="F35">
            <v>1.4509000000000001</v>
          </cell>
        </row>
        <row r="36">
          <cell r="C36">
            <v>1998</v>
          </cell>
          <cell r="D36">
            <v>2</v>
          </cell>
          <cell r="F36">
            <v>1.4471000000000001</v>
          </cell>
        </row>
        <row r="37">
          <cell r="C37">
            <v>1998</v>
          </cell>
          <cell r="D37">
            <v>2</v>
          </cell>
          <cell r="F37">
            <v>1.4391</v>
          </cell>
        </row>
        <row r="38">
          <cell r="C38">
            <v>1998</v>
          </cell>
          <cell r="D38">
            <v>2</v>
          </cell>
          <cell r="F38">
            <v>1.4285000000000001</v>
          </cell>
        </row>
        <row r="39">
          <cell r="C39">
            <v>1998</v>
          </cell>
          <cell r="D39">
            <v>2</v>
          </cell>
          <cell r="F39">
            <v>1.4285000000000001</v>
          </cell>
        </row>
        <row r="40">
          <cell r="C40">
            <v>1998</v>
          </cell>
          <cell r="D40">
            <v>2</v>
          </cell>
          <cell r="F40">
            <v>1.4285000000000001</v>
          </cell>
        </row>
        <row r="41">
          <cell r="C41">
            <v>1998</v>
          </cell>
          <cell r="D41">
            <v>2</v>
          </cell>
          <cell r="F41">
            <v>1.4355</v>
          </cell>
        </row>
        <row r="42">
          <cell r="C42">
            <v>1998</v>
          </cell>
          <cell r="D42">
            <v>2</v>
          </cell>
          <cell r="F42">
            <v>1.429</v>
          </cell>
        </row>
        <row r="43">
          <cell r="C43">
            <v>1998</v>
          </cell>
          <cell r="D43">
            <v>2</v>
          </cell>
          <cell r="F43">
            <v>1.4365000000000001</v>
          </cell>
        </row>
        <row r="44">
          <cell r="C44">
            <v>1998</v>
          </cell>
          <cell r="D44">
            <v>2</v>
          </cell>
          <cell r="F44">
            <v>1.4382999999999999</v>
          </cell>
        </row>
        <row r="45">
          <cell r="C45">
            <v>1998</v>
          </cell>
          <cell r="D45">
            <v>2</v>
          </cell>
          <cell r="F45">
            <v>1.4430000000000001</v>
          </cell>
        </row>
        <row r="46">
          <cell r="C46">
            <v>1998</v>
          </cell>
          <cell r="D46">
            <v>2</v>
          </cell>
          <cell r="F46">
            <v>1.4430000000000001</v>
          </cell>
        </row>
        <row r="47">
          <cell r="C47">
            <v>1998</v>
          </cell>
          <cell r="D47">
            <v>2</v>
          </cell>
          <cell r="F47">
            <v>1.4430000000000001</v>
          </cell>
        </row>
        <row r="48">
          <cell r="C48">
            <v>1998</v>
          </cell>
          <cell r="D48">
            <v>2</v>
          </cell>
          <cell r="F48">
            <v>1.4455</v>
          </cell>
        </row>
        <row r="49">
          <cell r="C49">
            <v>1998</v>
          </cell>
          <cell r="D49">
            <v>2</v>
          </cell>
          <cell r="F49">
            <v>1.4401999999999999</v>
          </cell>
        </row>
        <row r="50">
          <cell r="C50">
            <v>1998</v>
          </cell>
          <cell r="D50">
            <v>2</v>
          </cell>
          <cell r="F50">
            <v>1.4348000000000001</v>
          </cell>
        </row>
        <row r="51">
          <cell r="C51">
            <v>1998</v>
          </cell>
          <cell r="D51">
            <v>2</v>
          </cell>
          <cell r="F51">
            <v>1.423</v>
          </cell>
        </row>
        <row r="52">
          <cell r="C52">
            <v>1998</v>
          </cell>
          <cell r="D52">
            <v>2</v>
          </cell>
          <cell r="F52">
            <v>1.4202999999999999</v>
          </cell>
        </row>
        <row r="53">
          <cell r="C53">
            <v>1998</v>
          </cell>
          <cell r="D53">
            <v>2</v>
          </cell>
          <cell r="F53">
            <v>1.4202999999999999</v>
          </cell>
        </row>
        <row r="54">
          <cell r="C54">
            <v>1998</v>
          </cell>
          <cell r="D54">
            <v>2</v>
          </cell>
          <cell r="F54">
            <v>1.4202999999999999</v>
          </cell>
        </row>
        <row r="55">
          <cell r="C55">
            <v>1998</v>
          </cell>
          <cell r="D55">
            <v>2</v>
          </cell>
          <cell r="F55">
            <v>1.4244000000000001</v>
          </cell>
        </row>
        <row r="56">
          <cell r="C56">
            <v>1998</v>
          </cell>
          <cell r="D56">
            <v>2</v>
          </cell>
          <cell r="F56">
            <v>1.4221999999999999</v>
          </cell>
        </row>
        <row r="57">
          <cell r="C57">
            <v>1998</v>
          </cell>
          <cell r="D57">
            <v>2</v>
          </cell>
          <cell r="F57">
            <v>1.4236</v>
          </cell>
        </row>
        <row r="58">
          <cell r="C58">
            <v>1998</v>
          </cell>
          <cell r="D58">
            <v>2</v>
          </cell>
          <cell r="F58">
            <v>1.4214</v>
          </cell>
        </row>
        <row r="59">
          <cell r="C59">
            <v>1998</v>
          </cell>
          <cell r="D59">
            <v>2</v>
          </cell>
          <cell r="F59">
            <v>1.4235</v>
          </cell>
        </row>
        <row r="60">
          <cell r="C60">
            <v>1998</v>
          </cell>
          <cell r="D60">
            <v>3</v>
          </cell>
          <cell r="F60">
            <v>1.4235</v>
          </cell>
        </row>
        <row r="61">
          <cell r="C61">
            <v>1998</v>
          </cell>
          <cell r="D61">
            <v>3</v>
          </cell>
          <cell r="F61">
            <v>1.4235</v>
          </cell>
        </row>
        <row r="62">
          <cell r="C62">
            <v>1998</v>
          </cell>
          <cell r="D62">
            <v>3</v>
          </cell>
          <cell r="F62">
            <v>1.4216</v>
          </cell>
        </row>
        <row r="63">
          <cell r="C63">
            <v>1998</v>
          </cell>
          <cell r="D63">
            <v>3</v>
          </cell>
          <cell r="F63">
            <v>1.4184000000000001</v>
          </cell>
        </row>
        <row r="64">
          <cell r="C64">
            <v>1998</v>
          </cell>
          <cell r="D64">
            <v>3</v>
          </cell>
          <cell r="F64">
            <v>1.4218999999999999</v>
          </cell>
        </row>
        <row r="65">
          <cell r="C65">
            <v>1998</v>
          </cell>
          <cell r="D65">
            <v>3</v>
          </cell>
          <cell r="F65">
            <v>1.4204000000000001</v>
          </cell>
        </row>
        <row r="66">
          <cell r="C66">
            <v>1998</v>
          </cell>
          <cell r="D66">
            <v>3</v>
          </cell>
          <cell r="F66">
            <v>1.4181999999999999</v>
          </cell>
        </row>
        <row r="67">
          <cell r="C67">
            <v>1998</v>
          </cell>
          <cell r="D67">
            <v>3</v>
          </cell>
          <cell r="F67">
            <v>1.4181999999999999</v>
          </cell>
        </row>
        <row r="68">
          <cell r="C68">
            <v>1998</v>
          </cell>
          <cell r="D68">
            <v>3</v>
          </cell>
          <cell r="F68">
            <v>1.4181999999999999</v>
          </cell>
        </row>
        <row r="69">
          <cell r="C69">
            <v>1998</v>
          </cell>
          <cell r="D69">
            <v>3</v>
          </cell>
          <cell r="F69">
            <v>1.4142999999999999</v>
          </cell>
        </row>
        <row r="70">
          <cell r="C70">
            <v>1998</v>
          </cell>
          <cell r="D70">
            <v>3</v>
          </cell>
          <cell r="F70">
            <v>1.4139999999999999</v>
          </cell>
        </row>
        <row r="71">
          <cell r="C71">
            <v>1998</v>
          </cell>
          <cell r="D71">
            <v>3</v>
          </cell>
          <cell r="F71">
            <v>1.4075</v>
          </cell>
        </row>
        <row r="72">
          <cell r="C72">
            <v>1998</v>
          </cell>
          <cell r="D72">
            <v>3</v>
          </cell>
          <cell r="F72">
            <v>1.411</v>
          </cell>
        </row>
        <row r="73">
          <cell r="C73">
            <v>1998</v>
          </cell>
          <cell r="D73">
            <v>3</v>
          </cell>
          <cell r="F73">
            <v>1.4096</v>
          </cell>
        </row>
        <row r="74">
          <cell r="C74">
            <v>1998</v>
          </cell>
          <cell r="D74">
            <v>3</v>
          </cell>
          <cell r="F74">
            <v>1.4096</v>
          </cell>
        </row>
        <row r="75">
          <cell r="C75">
            <v>1998</v>
          </cell>
          <cell r="D75">
            <v>3</v>
          </cell>
          <cell r="F75">
            <v>1.4096</v>
          </cell>
        </row>
        <row r="76">
          <cell r="C76">
            <v>1998</v>
          </cell>
          <cell r="D76">
            <v>3</v>
          </cell>
          <cell r="F76">
            <v>1.4135</v>
          </cell>
        </row>
        <row r="77">
          <cell r="C77">
            <v>1998</v>
          </cell>
          <cell r="D77">
            <v>3</v>
          </cell>
          <cell r="F77">
            <v>1.4165000000000001</v>
          </cell>
        </row>
        <row r="78">
          <cell r="C78">
            <v>1998</v>
          </cell>
          <cell r="D78">
            <v>3</v>
          </cell>
          <cell r="F78">
            <v>1.4186000000000001</v>
          </cell>
        </row>
        <row r="79">
          <cell r="C79">
            <v>1998</v>
          </cell>
          <cell r="D79">
            <v>3</v>
          </cell>
          <cell r="F79">
            <v>1.4177999999999999</v>
          </cell>
        </row>
        <row r="80">
          <cell r="C80">
            <v>1998</v>
          </cell>
          <cell r="D80">
            <v>3</v>
          </cell>
          <cell r="F80">
            <v>1.4179999999999999</v>
          </cell>
        </row>
        <row r="81">
          <cell r="C81">
            <v>1998</v>
          </cell>
          <cell r="D81">
            <v>3</v>
          </cell>
          <cell r="F81">
            <v>1.4179999999999999</v>
          </cell>
        </row>
        <row r="82">
          <cell r="C82">
            <v>1998</v>
          </cell>
          <cell r="D82">
            <v>3</v>
          </cell>
          <cell r="F82">
            <v>1.4179999999999999</v>
          </cell>
        </row>
        <row r="83">
          <cell r="C83">
            <v>1998</v>
          </cell>
          <cell r="D83">
            <v>3</v>
          </cell>
          <cell r="F83">
            <v>1.4217</v>
          </cell>
        </row>
        <row r="84">
          <cell r="C84">
            <v>1998</v>
          </cell>
          <cell r="D84">
            <v>3</v>
          </cell>
          <cell r="F84">
            <v>1.4191</v>
          </cell>
        </row>
        <row r="85">
          <cell r="C85">
            <v>1998</v>
          </cell>
          <cell r="D85">
            <v>3</v>
          </cell>
          <cell r="F85">
            <v>1.41</v>
          </cell>
        </row>
        <row r="86">
          <cell r="C86">
            <v>1998</v>
          </cell>
          <cell r="D86">
            <v>3</v>
          </cell>
          <cell r="F86">
            <v>1.4120999999999999</v>
          </cell>
        </row>
        <row r="87">
          <cell r="C87">
            <v>1998</v>
          </cell>
          <cell r="D87">
            <v>3</v>
          </cell>
          <cell r="F87">
            <v>1.415</v>
          </cell>
        </row>
        <row r="88">
          <cell r="C88">
            <v>1998</v>
          </cell>
          <cell r="D88">
            <v>3</v>
          </cell>
          <cell r="F88">
            <v>1.415</v>
          </cell>
        </row>
        <row r="89">
          <cell r="C89">
            <v>1998</v>
          </cell>
          <cell r="D89">
            <v>3</v>
          </cell>
          <cell r="F89">
            <v>1.415</v>
          </cell>
        </row>
        <row r="90">
          <cell r="C90">
            <v>1998</v>
          </cell>
          <cell r="D90">
            <v>3</v>
          </cell>
          <cell r="F90">
            <v>1.4222999999999999</v>
          </cell>
        </row>
        <row r="91">
          <cell r="C91">
            <v>1998</v>
          </cell>
          <cell r="D91">
            <v>4</v>
          </cell>
          <cell r="F91">
            <v>1.4166000000000001</v>
          </cell>
        </row>
        <row r="92">
          <cell r="C92">
            <v>1998</v>
          </cell>
          <cell r="D92">
            <v>4</v>
          </cell>
          <cell r="F92">
            <v>1.4173</v>
          </cell>
        </row>
        <row r="93">
          <cell r="C93">
            <v>1998</v>
          </cell>
          <cell r="D93">
            <v>4</v>
          </cell>
          <cell r="F93">
            <v>1.419</v>
          </cell>
        </row>
        <row r="94">
          <cell r="C94">
            <v>1998</v>
          </cell>
          <cell r="D94">
            <v>4</v>
          </cell>
          <cell r="F94">
            <v>1.4209000000000001</v>
          </cell>
        </row>
        <row r="95">
          <cell r="C95">
            <v>1998</v>
          </cell>
          <cell r="D95">
            <v>4</v>
          </cell>
          <cell r="F95">
            <v>1.4209000000000001</v>
          </cell>
        </row>
        <row r="96">
          <cell r="C96">
            <v>1998</v>
          </cell>
          <cell r="D96">
            <v>4</v>
          </cell>
          <cell r="F96">
            <v>1.4209000000000001</v>
          </cell>
        </row>
        <row r="97">
          <cell r="C97">
            <v>1998</v>
          </cell>
          <cell r="D97">
            <v>4</v>
          </cell>
          <cell r="F97">
            <v>1.4184000000000001</v>
          </cell>
        </row>
        <row r="98">
          <cell r="C98">
            <v>1998</v>
          </cell>
          <cell r="D98">
            <v>4</v>
          </cell>
          <cell r="F98">
            <v>1.4221999999999999</v>
          </cell>
        </row>
        <row r="99">
          <cell r="C99">
            <v>1998</v>
          </cell>
          <cell r="D99">
            <v>4</v>
          </cell>
          <cell r="F99">
            <v>1.4245000000000001</v>
          </cell>
        </row>
        <row r="100">
          <cell r="C100">
            <v>1998</v>
          </cell>
          <cell r="D100">
            <v>4</v>
          </cell>
          <cell r="F100">
            <v>1.425</v>
          </cell>
        </row>
        <row r="101">
          <cell r="C101">
            <v>1998</v>
          </cell>
          <cell r="D101">
            <v>4</v>
          </cell>
          <cell r="F101">
            <v>1.425</v>
          </cell>
        </row>
        <row r="102">
          <cell r="C102">
            <v>1998</v>
          </cell>
          <cell r="D102">
            <v>4</v>
          </cell>
          <cell r="F102">
            <v>1.425</v>
          </cell>
        </row>
        <row r="103">
          <cell r="C103">
            <v>1998</v>
          </cell>
          <cell r="D103">
            <v>4</v>
          </cell>
          <cell r="F103">
            <v>1.425</v>
          </cell>
        </row>
        <row r="104">
          <cell r="C104">
            <v>1998</v>
          </cell>
          <cell r="D104">
            <v>4</v>
          </cell>
          <cell r="F104">
            <v>1.4320999999999999</v>
          </cell>
        </row>
        <row r="105">
          <cell r="C105">
            <v>1998</v>
          </cell>
          <cell r="D105">
            <v>4</v>
          </cell>
          <cell r="F105">
            <v>1.4348000000000001</v>
          </cell>
        </row>
        <row r="106">
          <cell r="C106">
            <v>1998</v>
          </cell>
          <cell r="D106">
            <v>4</v>
          </cell>
          <cell r="F106">
            <v>1.4393</v>
          </cell>
        </row>
        <row r="107">
          <cell r="C107">
            <v>1998</v>
          </cell>
          <cell r="D107">
            <v>4</v>
          </cell>
          <cell r="F107">
            <v>1.4367000000000001</v>
          </cell>
        </row>
        <row r="108">
          <cell r="C108">
            <v>1998</v>
          </cell>
          <cell r="D108">
            <v>4</v>
          </cell>
          <cell r="F108">
            <v>1.4295</v>
          </cell>
        </row>
        <row r="109">
          <cell r="C109">
            <v>1998</v>
          </cell>
          <cell r="D109">
            <v>4</v>
          </cell>
          <cell r="F109">
            <v>1.4295</v>
          </cell>
        </row>
        <row r="110">
          <cell r="C110">
            <v>1998</v>
          </cell>
          <cell r="D110">
            <v>4</v>
          </cell>
          <cell r="F110">
            <v>1.4295</v>
          </cell>
        </row>
        <row r="111">
          <cell r="C111">
            <v>1998</v>
          </cell>
          <cell r="D111">
            <v>4</v>
          </cell>
          <cell r="F111">
            <v>1.4278999999999999</v>
          </cell>
        </row>
        <row r="112">
          <cell r="C112">
            <v>1998</v>
          </cell>
          <cell r="D112">
            <v>4</v>
          </cell>
          <cell r="F112">
            <v>1.4309000000000001</v>
          </cell>
        </row>
        <row r="113">
          <cell r="C113">
            <v>1998</v>
          </cell>
          <cell r="D113">
            <v>4</v>
          </cell>
          <cell r="F113">
            <v>1.4325000000000001</v>
          </cell>
        </row>
        <row r="114">
          <cell r="C114">
            <v>1998</v>
          </cell>
          <cell r="D114">
            <v>4</v>
          </cell>
          <cell r="F114">
            <v>1.4345000000000001</v>
          </cell>
        </row>
        <row r="115">
          <cell r="C115">
            <v>1998</v>
          </cell>
          <cell r="D115">
            <v>4</v>
          </cell>
          <cell r="F115">
            <v>1.4353</v>
          </cell>
        </row>
        <row r="116">
          <cell r="C116">
            <v>1998</v>
          </cell>
          <cell r="D116">
            <v>4</v>
          </cell>
          <cell r="F116">
            <v>1.4353</v>
          </cell>
        </row>
        <row r="117">
          <cell r="C117">
            <v>1998</v>
          </cell>
          <cell r="D117">
            <v>4</v>
          </cell>
          <cell r="F117">
            <v>1.4353</v>
          </cell>
        </row>
        <row r="118">
          <cell r="C118">
            <v>1998</v>
          </cell>
          <cell r="D118">
            <v>4</v>
          </cell>
          <cell r="F118">
            <v>1.4387000000000001</v>
          </cell>
        </row>
        <row r="119">
          <cell r="C119">
            <v>1998</v>
          </cell>
          <cell r="D119">
            <v>4</v>
          </cell>
          <cell r="F119">
            <v>1.4387000000000001</v>
          </cell>
        </row>
        <row r="120">
          <cell r="C120">
            <v>1998</v>
          </cell>
          <cell r="D120">
            <v>4</v>
          </cell>
          <cell r="F120">
            <v>1.4376</v>
          </cell>
        </row>
        <row r="121">
          <cell r="C121">
            <v>1998</v>
          </cell>
          <cell r="D121">
            <v>5</v>
          </cell>
          <cell r="F121">
            <v>1.4301999999999999</v>
          </cell>
        </row>
        <row r="122">
          <cell r="C122">
            <v>1998</v>
          </cell>
          <cell r="D122">
            <v>5</v>
          </cell>
          <cell r="F122">
            <v>1.4336</v>
          </cell>
        </row>
        <row r="123">
          <cell r="C123">
            <v>1998</v>
          </cell>
          <cell r="D123">
            <v>5</v>
          </cell>
          <cell r="F123">
            <v>1.4336</v>
          </cell>
        </row>
        <row r="124">
          <cell r="C124">
            <v>1998</v>
          </cell>
          <cell r="D124">
            <v>5</v>
          </cell>
          <cell r="F124">
            <v>1.4336</v>
          </cell>
        </row>
        <row r="125">
          <cell r="C125">
            <v>1998</v>
          </cell>
          <cell r="D125">
            <v>5</v>
          </cell>
          <cell r="F125">
            <v>1.4349000000000001</v>
          </cell>
        </row>
        <row r="126">
          <cell r="C126">
            <v>1998</v>
          </cell>
          <cell r="D126">
            <v>5</v>
          </cell>
          <cell r="F126">
            <v>1.4387000000000001</v>
          </cell>
        </row>
        <row r="127">
          <cell r="C127">
            <v>1998</v>
          </cell>
          <cell r="D127">
            <v>5</v>
          </cell>
          <cell r="F127">
            <v>1.4387000000000001</v>
          </cell>
        </row>
        <row r="128">
          <cell r="C128">
            <v>1998</v>
          </cell>
          <cell r="D128">
            <v>5</v>
          </cell>
          <cell r="F128">
            <v>1.4399</v>
          </cell>
        </row>
        <row r="129">
          <cell r="C129">
            <v>1998</v>
          </cell>
          <cell r="D129">
            <v>5</v>
          </cell>
          <cell r="F129">
            <v>1.4368000000000001</v>
          </cell>
        </row>
        <row r="130">
          <cell r="C130">
            <v>1998</v>
          </cell>
          <cell r="D130">
            <v>5</v>
          </cell>
          <cell r="F130">
            <v>1.4368000000000001</v>
          </cell>
        </row>
        <row r="131">
          <cell r="C131">
            <v>1998</v>
          </cell>
          <cell r="D131">
            <v>5</v>
          </cell>
          <cell r="F131">
            <v>1.4368000000000001</v>
          </cell>
        </row>
        <row r="132">
          <cell r="C132">
            <v>1998</v>
          </cell>
          <cell r="D132">
            <v>5</v>
          </cell>
          <cell r="F132">
            <v>1.4334</v>
          </cell>
        </row>
        <row r="133">
          <cell r="C133">
            <v>1998</v>
          </cell>
          <cell r="D133">
            <v>5</v>
          </cell>
          <cell r="F133">
            <v>1.4319999999999999</v>
          </cell>
        </row>
        <row r="134">
          <cell r="C134">
            <v>1998</v>
          </cell>
          <cell r="D134">
            <v>5</v>
          </cell>
          <cell r="F134">
            <v>1.4443999999999999</v>
          </cell>
        </row>
        <row r="135">
          <cell r="C135">
            <v>1998</v>
          </cell>
          <cell r="D135">
            <v>5</v>
          </cell>
          <cell r="F135">
            <v>1.4478</v>
          </cell>
        </row>
        <row r="136">
          <cell r="C136">
            <v>1998</v>
          </cell>
          <cell r="D136">
            <v>5</v>
          </cell>
          <cell r="F136">
            <v>1.4504999999999999</v>
          </cell>
        </row>
        <row r="137">
          <cell r="C137">
            <v>1998</v>
          </cell>
          <cell r="D137">
            <v>5</v>
          </cell>
          <cell r="F137">
            <v>1.4504999999999999</v>
          </cell>
        </row>
        <row r="138">
          <cell r="C138">
            <v>1998</v>
          </cell>
          <cell r="D138">
            <v>5</v>
          </cell>
          <cell r="F138">
            <v>1.4504999999999999</v>
          </cell>
        </row>
        <row r="139">
          <cell r="C139">
            <v>1998</v>
          </cell>
          <cell r="D139">
            <v>5</v>
          </cell>
          <cell r="F139">
            <v>1.4504999999999999</v>
          </cell>
        </row>
        <row r="140">
          <cell r="C140">
            <v>1998</v>
          </cell>
          <cell r="D140">
            <v>5</v>
          </cell>
          <cell r="F140">
            <v>1.45</v>
          </cell>
        </row>
        <row r="141">
          <cell r="C141">
            <v>1998</v>
          </cell>
          <cell r="D141">
            <v>5</v>
          </cell>
          <cell r="F141">
            <v>1.4498</v>
          </cell>
        </row>
        <row r="142">
          <cell r="C142">
            <v>1998</v>
          </cell>
          <cell r="D142">
            <v>5</v>
          </cell>
          <cell r="F142">
            <v>1.4473</v>
          </cell>
        </row>
        <row r="143">
          <cell r="C143">
            <v>1998</v>
          </cell>
          <cell r="D143">
            <v>5</v>
          </cell>
          <cell r="F143">
            <v>1.4496</v>
          </cell>
        </row>
        <row r="144">
          <cell r="C144">
            <v>1998</v>
          </cell>
          <cell r="D144">
            <v>5</v>
          </cell>
          <cell r="F144">
            <v>1.4496</v>
          </cell>
        </row>
        <row r="145">
          <cell r="C145">
            <v>1998</v>
          </cell>
          <cell r="D145">
            <v>5</v>
          </cell>
          <cell r="F145">
            <v>1.4496</v>
          </cell>
        </row>
        <row r="146">
          <cell r="C146">
            <v>1998</v>
          </cell>
          <cell r="D146">
            <v>5</v>
          </cell>
          <cell r="F146">
            <v>1.4493</v>
          </cell>
        </row>
        <row r="147">
          <cell r="C147">
            <v>1998</v>
          </cell>
          <cell r="D147">
            <v>5</v>
          </cell>
          <cell r="F147">
            <v>1.4542999999999999</v>
          </cell>
        </row>
        <row r="148">
          <cell r="C148">
            <v>1998</v>
          </cell>
          <cell r="D148">
            <v>5</v>
          </cell>
          <cell r="F148">
            <v>1.4564999999999999</v>
          </cell>
        </row>
        <row r="149">
          <cell r="C149">
            <v>1998</v>
          </cell>
          <cell r="D149">
            <v>5</v>
          </cell>
          <cell r="F149">
            <v>1.4553</v>
          </cell>
        </row>
        <row r="150">
          <cell r="C150">
            <v>1998</v>
          </cell>
          <cell r="D150">
            <v>5</v>
          </cell>
          <cell r="F150">
            <v>1.4571000000000001</v>
          </cell>
        </row>
        <row r="151">
          <cell r="C151">
            <v>1998</v>
          </cell>
          <cell r="D151">
            <v>5</v>
          </cell>
          <cell r="F151">
            <v>1.4571000000000001</v>
          </cell>
        </row>
        <row r="152">
          <cell r="C152">
            <v>1998</v>
          </cell>
          <cell r="D152">
            <v>6</v>
          </cell>
          <cell r="F152">
            <v>1.4571000000000001</v>
          </cell>
        </row>
        <row r="153">
          <cell r="C153">
            <v>1998</v>
          </cell>
          <cell r="D153">
            <v>6</v>
          </cell>
          <cell r="F153">
            <v>1.4564999999999999</v>
          </cell>
        </row>
        <row r="154">
          <cell r="C154">
            <v>1998</v>
          </cell>
          <cell r="D154">
            <v>6</v>
          </cell>
          <cell r="F154">
            <v>1.454</v>
          </cell>
        </row>
        <row r="155">
          <cell r="C155">
            <v>1998</v>
          </cell>
          <cell r="D155">
            <v>6</v>
          </cell>
          <cell r="F155">
            <v>1.4530000000000001</v>
          </cell>
        </row>
        <row r="156">
          <cell r="C156">
            <v>1998</v>
          </cell>
          <cell r="D156">
            <v>6</v>
          </cell>
          <cell r="F156">
            <v>1.4555</v>
          </cell>
        </row>
        <row r="157">
          <cell r="C157">
            <v>1998</v>
          </cell>
          <cell r="D157">
            <v>6</v>
          </cell>
          <cell r="F157">
            <v>1.4583999999999999</v>
          </cell>
        </row>
        <row r="158">
          <cell r="C158">
            <v>1998</v>
          </cell>
          <cell r="D158">
            <v>6</v>
          </cell>
          <cell r="F158">
            <v>1.4583999999999999</v>
          </cell>
        </row>
        <row r="159">
          <cell r="C159">
            <v>1998</v>
          </cell>
          <cell r="D159">
            <v>6</v>
          </cell>
          <cell r="F159">
            <v>1.4583999999999999</v>
          </cell>
        </row>
        <row r="160">
          <cell r="C160">
            <v>1998</v>
          </cell>
          <cell r="D160">
            <v>6</v>
          </cell>
          <cell r="F160">
            <v>1.4588000000000001</v>
          </cell>
        </row>
        <row r="161">
          <cell r="C161">
            <v>1998</v>
          </cell>
          <cell r="D161">
            <v>6</v>
          </cell>
          <cell r="F161">
            <v>1.4601999999999999</v>
          </cell>
        </row>
        <row r="162">
          <cell r="C162">
            <v>1998</v>
          </cell>
          <cell r="D162">
            <v>6</v>
          </cell>
          <cell r="F162">
            <v>1.4665999999999999</v>
          </cell>
        </row>
        <row r="163">
          <cell r="C163">
            <v>1998</v>
          </cell>
          <cell r="D163">
            <v>6</v>
          </cell>
          <cell r="F163">
            <v>1.4699</v>
          </cell>
        </row>
        <row r="164">
          <cell r="C164">
            <v>1998</v>
          </cell>
          <cell r="D164">
            <v>6</v>
          </cell>
          <cell r="F164">
            <v>1.4683999999999999</v>
          </cell>
        </row>
        <row r="165">
          <cell r="C165">
            <v>1998</v>
          </cell>
          <cell r="D165">
            <v>6</v>
          </cell>
          <cell r="F165">
            <v>1.4683999999999999</v>
          </cell>
        </row>
        <row r="166">
          <cell r="C166">
            <v>1998</v>
          </cell>
          <cell r="D166">
            <v>6</v>
          </cell>
          <cell r="F166">
            <v>1.4683999999999999</v>
          </cell>
        </row>
        <row r="167">
          <cell r="C167">
            <v>1998</v>
          </cell>
          <cell r="D167">
            <v>6</v>
          </cell>
          <cell r="F167">
            <v>1.4736</v>
          </cell>
        </row>
        <row r="168">
          <cell r="C168">
            <v>1998</v>
          </cell>
          <cell r="D168">
            <v>6</v>
          </cell>
          <cell r="F168">
            <v>1.4704999999999999</v>
          </cell>
        </row>
        <row r="169">
          <cell r="C169">
            <v>1998</v>
          </cell>
          <cell r="D169">
            <v>6</v>
          </cell>
          <cell r="F169">
            <v>1.4634</v>
          </cell>
        </row>
        <row r="170">
          <cell r="C170">
            <v>1998</v>
          </cell>
          <cell r="D170">
            <v>6</v>
          </cell>
          <cell r="F170">
            <v>1.4684999999999999</v>
          </cell>
        </row>
        <row r="171">
          <cell r="C171">
            <v>1998</v>
          </cell>
          <cell r="D171">
            <v>6</v>
          </cell>
          <cell r="F171">
            <v>1.4697</v>
          </cell>
        </row>
        <row r="172">
          <cell r="C172">
            <v>1998</v>
          </cell>
          <cell r="D172">
            <v>6</v>
          </cell>
          <cell r="F172">
            <v>1.4697</v>
          </cell>
        </row>
        <row r="173">
          <cell r="C173">
            <v>1998</v>
          </cell>
          <cell r="D173">
            <v>6</v>
          </cell>
          <cell r="F173">
            <v>1.4697</v>
          </cell>
        </row>
        <row r="174">
          <cell r="C174">
            <v>1998</v>
          </cell>
          <cell r="D174">
            <v>6</v>
          </cell>
          <cell r="F174">
            <v>1.4711000000000001</v>
          </cell>
        </row>
        <row r="175">
          <cell r="C175">
            <v>1998</v>
          </cell>
          <cell r="D175">
            <v>6</v>
          </cell>
          <cell r="F175">
            <v>1.4696</v>
          </cell>
        </row>
        <row r="176">
          <cell r="C176">
            <v>1998</v>
          </cell>
          <cell r="D176">
            <v>6</v>
          </cell>
          <cell r="F176">
            <v>1.4697</v>
          </cell>
        </row>
        <row r="177">
          <cell r="C177">
            <v>1998</v>
          </cell>
          <cell r="D177">
            <v>6</v>
          </cell>
          <cell r="F177">
            <v>1.4665999999999999</v>
          </cell>
        </row>
        <row r="178">
          <cell r="C178">
            <v>1998</v>
          </cell>
          <cell r="D178">
            <v>6</v>
          </cell>
          <cell r="F178">
            <v>1.4693000000000001</v>
          </cell>
        </row>
        <row r="179">
          <cell r="C179">
            <v>1998</v>
          </cell>
          <cell r="D179">
            <v>6</v>
          </cell>
          <cell r="F179">
            <v>1.4693000000000001</v>
          </cell>
        </row>
        <row r="180">
          <cell r="C180">
            <v>1998</v>
          </cell>
          <cell r="D180">
            <v>6</v>
          </cell>
          <cell r="F180">
            <v>1.4693000000000001</v>
          </cell>
        </row>
        <row r="181">
          <cell r="C181">
            <v>1998</v>
          </cell>
          <cell r="D181">
            <v>6</v>
          </cell>
          <cell r="F181">
            <v>1.4718</v>
          </cell>
        </row>
        <row r="182">
          <cell r="C182">
            <v>1998</v>
          </cell>
          <cell r="D182">
            <v>7</v>
          </cell>
          <cell r="F182">
            <v>1.4716</v>
          </cell>
        </row>
        <row r="183">
          <cell r="C183">
            <v>1998</v>
          </cell>
          <cell r="D183">
            <v>7</v>
          </cell>
          <cell r="F183">
            <v>1.4716</v>
          </cell>
        </row>
        <row r="184">
          <cell r="C184">
            <v>1998</v>
          </cell>
          <cell r="D184">
            <v>7</v>
          </cell>
          <cell r="F184">
            <v>1.4677</v>
          </cell>
        </row>
        <row r="185">
          <cell r="C185">
            <v>1998</v>
          </cell>
          <cell r="D185">
            <v>7</v>
          </cell>
          <cell r="F185">
            <v>1.4673</v>
          </cell>
        </row>
        <row r="186">
          <cell r="C186">
            <v>1998</v>
          </cell>
          <cell r="D186">
            <v>7</v>
          </cell>
          <cell r="F186">
            <v>1.4673</v>
          </cell>
        </row>
        <row r="187">
          <cell r="C187">
            <v>1998</v>
          </cell>
          <cell r="D187">
            <v>7</v>
          </cell>
          <cell r="F187">
            <v>1.4673</v>
          </cell>
        </row>
        <row r="188">
          <cell r="C188">
            <v>1998</v>
          </cell>
          <cell r="D188">
            <v>7</v>
          </cell>
          <cell r="F188">
            <v>1.4732000000000001</v>
          </cell>
        </row>
        <row r="189">
          <cell r="C189">
            <v>1998</v>
          </cell>
          <cell r="D189">
            <v>7</v>
          </cell>
          <cell r="F189">
            <v>1.4728000000000001</v>
          </cell>
        </row>
        <row r="190">
          <cell r="C190">
            <v>1998</v>
          </cell>
          <cell r="D190">
            <v>7</v>
          </cell>
          <cell r="F190">
            <v>1.4744999999999999</v>
          </cell>
        </row>
        <row r="191">
          <cell r="C191">
            <v>1998</v>
          </cell>
          <cell r="D191">
            <v>7</v>
          </cell>
          <cell r="F191">
            <v>1.476</v>
          </cell>
        </row>
        <row r="192">
          <cell r="C192">
            <v>1998</v>
          </cell>
          <cell r="D192">
            <v>7</v>
          </cell>
          <cell r="F192">
            <v>1.4795</v>
          </cell>
        </row>
        <row r="193">
          <cell r="C193">
            <v>1998</v>
          </cell>
          <cell r="D193">
            <v>7</v>
          </cell>
          <cell r="F193">
            <v>1.4795</v>
          </cell>
        </row>
        <row r="194">
          <cell r="C194">
            <v>1998</v>
          </cell>
          <cell r="D194">
            <v>7</v>
          </cell>
          <cell r="F194">
            <v>1.4795</v>
          </cell>
        </row>
        <row r="195">
          <cell r="C195">
            <v>1998</v>
          </cell>
          <cell r="D195">
            <v>7</v>
          </cell>
          <cell r="F195">
            <v>1.4784999999999999</v>
          </cell>
        </row>
        <row r="196">
          <cell r="C196">
            <v>1998</v>
          </cell>
          <cell r="D196">
            <v>7</v>
          </cell>
          <cell r="F196">
            <v>1.4789000000000001</v>
          </cell>
        </row>
        <row r="197">
          <cell r="C197">
            <v>1998</v>
          </cell>
          <cell r="D197">
            <v>7</v>
          </cell>
          <cell r="F197">
            <v>1.4847999999999999</v>
          </cell>
        </row>
        <row r="198">
          <cell r="C198">
            <v>1998</v>
          </cell>
          <cell r="D198">
            <v>7</v>
          </cell>
          <cell r="F198">
            <v>1.4887999999999999</v>
          </cell>
        </row>
        <row r="199">
          <cell r="C199">
            <v>1998</v>
          </cell>
          <cell r="D199">
            <v>7</v>
          </cell>
          <cell r="F199">
            <v>1.4883</v>
          </cell>
        </row>
        <row r="200">
          <cell r="C200">
            <v>1998</v>
          </cell>
          <cell r="D200">
            <v>7</v>
          </cell>
          <cell r="F200">
            <v>1.4883</v>
          </cell>
        </row>
        <row r="201">
          <cell r="C201">
            <v>1998</v>
          </cell>
          <cell r="D201">
            <v>7</v>
          </cell>
          <cell r="F201">
            <v>1.4883</v>
          </cell>
        </row>
        <row r="202">
          <cell r="C202">
            <v>1998</v>
          </cell>
          <cell r="D202">
            <v>7</v>
          </cell>
          <cell r="F202">
            <v>1.4878</v>
          </cell>
        </row>
        <row r="203">
          <cell r="C203">
            <v>1998</v>
          </cell>
          <cell r="D203">
            <v>7</v>
          </cell>
          <cell r="F203">
            <v>1.492</v>
          </cell>
        </row>
        <row r="204">
          <cell r="C204">
            <v>1998</v>
          </cell>
          <cell r="D204">
            <v>7</v>
          </cell>
          <cell r="F204">
            <v>1.4954000000000001</v>
          </cell>
        </row>
        <row r="205">
          <cell r="C205">
            <v>1998</v>
          </cell>
          <cell r="D205">
            <v>7</v>
          </cell>
          <cell r="F205">
            <v>1.4955000000000001</v>
          </cell>
        </row>
        <row r="206">
          <cell r="C206">
            <v>1998</v>
          </cell>
          <cell r="D206">
            <v>7</v>
          </cell>
          <cell r="F206">
            <v>1.498</v>
          </cell>
        </row>
        <row r="207">
          <cell r="C207">
            <v>1998</v>
          </cell>
          <cell r="D207">
            <v>7</v>
          </cell>
          <cell r="F207">
            <v>1.498</v>
          </cell>
        </row>
        <row r="208">
          <cell r="C208">
            <v>1998</v>
          </cell>
          <cell r="D208">
            <v>7</v>
          </cell>
          <cell r="F208">
            <v>1.498</v>
          </cell>
        </row>
        <row r="209">
          <cell r="C209">
            <v>1998</v>
          </cell>
          <cell r="D209">
            <v>7</v>
          </cell>
          <cell r="F209">
            <v>1.5035000000000001</v>
          </cell>
        </row>
        <row r="210">
          <cell r="C210">
            <v>1998</v>
          </cell>
          <cell r="D210">
            <v>7</v>
          </cell>
          <cell r="F210">
            <v>1.5024999999999999</v>
          </cell>
        </row>
        <row r="211">
          <cell r="C211">
            <v>1998</v>
          </cell>
          <cell r="D211">
            <v>7</v>
          </cell>
          <cell r="F211">
            <v>1.5034000000000001</v>
          </cell>
        </row>
        <row r="212">
          <cell r="C212">
            <v>1998</v>
          </cell>
          <cell r="D212">
            <v>7</v>
          </cell>
          <cell r="F212">
            <v>1.5083</v>
          </cell>
        </row>
        <row r="213">
          <cell r="C213">
            <v>1998</v>
          </cell>
          <cell r="D213">
            <v>8</v>
          </cell>
          <cell r="F213">
            <v>1.5111000000000001</v>
          </cell>
        </row>
        <row r="214">
          <cell r="C214">
            <v>1998</v>
          </cell>
          <cell r="D214">
            <v>8</v>
          </cell>
          <cell r="F214">
            <v>1.5111000000000001</v>
          </cell>
        </row>
        <row r="215">
          <cell r="C215">
            <v>1998</v>
          </cell>
          <cell r="D215">
            <v>8</v>
          </cell>
          <cell r="F215">
            <v>1.5111000000000001</v>
          </cell>
        </row>
        <row r="216">
          <cell r="C216">
            <v>1998</v>
          </cell>
          <cell r="D216">
            <v>8</v>
          </cell>
          <cell r="F216">
            <v>1.5111000000000001</v>
          </cell>
        </row>
        <row r="217">
          <cell r="C217">
            <v>1998</v>
          </cell>
          <cell r="D217">
            <v>8</v>
          </cell>
          <cell r="F217">
            <v>1.5138</v>
          </cell>
        </row>
        <row r="218">
          <cell r="C218">
            <v>1998</v>
          </cell>
          <cell r="D218">
            <v>8</v>
          </cell>
          <cell r="F218">
            <v>1.516</v>
          </cell>
        </row>
        <row r="219">
          <cell r="C219">
            <v>1998</v>
          </cell>
          <cell r="D219">
            <v>8</v>
          </cell>
          <cell r="F219">
            <v>1.5286999999999999</v>
          </cell>
        </row>
        <row r="220">
          <cell r="C220">
            <v>1998</v>
          </cell>
          <cell r="D220">
            <v>8</v>
          </cell>
          <cell r="F220">
            <v>1.522</v>
          </cell>
        </row>
        <row r="221">
          <cell r="C221">
            <v>1998</v>
          </cell>
          <cell r="D221">
            <v>8</v>
          </cell>
          <cell r="F221">
            <v>1.522</v>
          </cell>
        </row>
        <row r="222">
          <cell r="C222">
            <v>1998</v>
          </cell>
          <cell r="D222">
            <v>8</v>
          </cell>
          <cell r="F222">
            <v>1.522</v>
          </cell>
        </row>
        <row r="223">
          <cell r="C223">
            <v>1998</v>
          </cell>
          <cell r="D223">
            <v>8</v>
          </cell>
          <cell r="F223">
            <v>1.5176000000000001</v>
          </cell>
        </row>
        <row r="224">
          <cell r="C224">
            <v>1998</v>
          </cell>
          <cell r="D224">
            <v>8</v>
          </cell>
          <cell r="F224">
            <v>1.5210999999999999</v>
          </cell>
        </row>
        <row r="225">
          <cell r="C225">
            <v>1998</v>
          </cell>
          <cell r="D225">
            <v>8</v>
          </cell>
          <cell r="F225">
            <v>1.5149999999999999</v>
          </cell>
        </row>
        <row r="226">
          <cell r="C226">
            <v>1998</v>
          </cell>
          <cell r="D226">
            <v>8</v>
          </cell>
          <cell r="F226">
            <v>1.5172000000000001</v>
          </cell>
        </row>
        <row r="227">
          <cell r="C227">
            <v>1998</v>
          </cell>
          <cell r="D227">
            <v>8</v>
          </cell>
          <cell r="F227">
            <v>1.5186999999999999</v>
          </cell>
        </row>
        <row r="228">
          <cell r="C228">
            <v>1998</v>
          </cell>
          <cell r="D228">
            <v>8</v>
          </cell>
          <cell r="F228">
            <v>1.5186999999999999</v>
          </cell>
        </row>
        <row r="229">
          <cell r="C229">
            <v>1998</v>
          </cell>
          <cell r="D229">
            <v>8</v>
          </cell>
          <cell r="F229">
            <v>1.5186999999999999</v>
          </cell>
        </row>
        <row r="230">
          <cell r="C230">
            <v>1998</v>
          </cell>
          <cell r="D230">
            <v>8</v>
          </cell>
          <cell r="F230">
            <v>1.524</v>
          </cell>
        </row>
        <row r="231">
          <cell r="C231">
            <v>1998</v>
          </cell>
          <cell r="D231">
            <v>8</v>
          </cell>
          <cell r="F231">
            <v>1.5285</v>
          </cell>
        </row>
        <row r="232">
          <cell r="C232">
            <v>1998</v>
          </cell>
          <cell r="D232">
            <v>8</v>
          </cell>
          <cell r="F232">
            <v>1.5331999999999999</v>
          </cell>
        </row>
        <row r="233">
          <cell r="C233">
            <v>1998</v>
          </cell>
          <cell r="D233">
            <v>8</v>
          </cell>
          <cell r="F233">
            <v>1.5297000000000001</v>
          </cell>
        </row>
        <row r="234">
          <cell r="C234">
            <v>1998</v>
          </cell>
          <cell r="D234">
            <v>8</v>
          </cell>
          <cell r="F234">
            <v>1.5418000000000001</v>
          </cell>
        </row>
        <row r="235">
          <cell r="C235">
            <v>1998</v>
          </cell>
          <cell r="D235">
            <v>8</v>
          </cell>
          <cell r="F235">
            <v>1.5418000000000001</v>
          </cell>
        </row>
        <row r="236">
          <cell r="C236">
            <v>1998</v>
          </cell>
          <cell r="D236">
            <v>8</v>
          </cell>
          <cell r="F236">
            <v>1.5418000000000001</v>
          </cell>
        </row>
        <row r="237">
          <cell r="C237">
            <v>1998</v>
          </cell>
          <cell r="D237">
            <v>8</v>
          </cell>
          <cell r="F237">
            <v>1.5489999999999999</v>
          </cell>
        </row>
        <row r="238">
          <cell r="C238">
            <v>1998</v>
          </cell>
          <cell r="D238">
            <v>8</v>
          </cell>
          <cell r="F238">
            <v>1.5506</v>
          </cell>
        </row>
        <row r="239">
          <cell r="C239">
            <v>1998</v>
          </cell>
          <cell r="D239">
            <v>8</v>
          </cell>
          <cell r="F239">
            <v>1.5622</v>
          </cell>
        </row>
        <row r="240">
          <cell r="C240">
            <v>1998</v>
          </cell>
          <cell r="D240">
            <v>8</v>
          </cell>
          <cell r="F240">
            <v>1.5765</v>
          </cell>
        </row>
        <row r="241">
          <cell r="C241">
            <v>1998</v>
          </cell>
          <cell r="D241">
            <v>8</v>
          </cell>
          <cell r="F241">
            <v>1.5680000000000001</v>
          </cell>
        </row>
        <row r="242">
          <cell r="C242">
            <v>1998</v>
          </cell>
          <cell r="D242">
            <v>8</v>
          </cell>
          <cell r="F242">
            <v>1.5680000000000001</v>
          </cell>
        </row>
        <row r="243">
          <cell r="C243">
            <v>1998</v>
          </cell>
          <cell r="D243">
            <v>8</v>
          </cell>
          <cell r="F243">
            <v>1.5680000000000001</v>
          </cell>
        </row>
        <row r="244">
          <cell r="C244">
            <v>1998</v>
          </cell>
          <cell r="D244">
            <v>9</v>
          </cell>
          <cell r="F244">
            <v>1.5722</v>
          </cell>
        </row>
        <row r="245">
          <cell r="C245">
            <v>1998</v>
          </cell>
          <cell r="D245">
            <v>9</v>
          </cell>
          <cell r="F245">
            <v>1.5532999999999999</v>
          </cell>
        </row>
        <row r="246">
          <cell r="C246">
            <v>1998</v>
          </cell>
          <cell r="D246">
            <v>9</v>
          </cell>
          <cell r="F246">
            <v>1.5369999999999999</v>
          </cell>
        </row>
        <row r="247">
          <cell r="C247">
            <v>1998</v>
          </cell>
          <cell r="D247">
            <v>9</v>
          </cell>
          <cell r="F247">
            <v>1.5391999999999999</v>
          </cell>
        </row>
        <row r="248">
          <cell r="C248">
            <v>1998</v>
          </cell>
          <cell r="D248">
            <v>9</v>
          </cell>
          <cell r="F248">
            <v>1.5257000000000001</v>
          </cell>
        </row>
        <row r="249">
          <cell r="C249">
            <v>1998</v>
          </cell>
          <cell r="D249">
            <v>9</v>
          </cell>
          <cell r="F249">
            <v>1.5257000000000001</v>
          </cell>
        </row>
        <row r="250">
          <cell r="C250">
            <v>1998</v>
          </cell>
          <cell r="D250">
            <v>9</v>
          </cell>
          <cell r="F250">
            <v>1.5257000000000001</v>
          </cell>
        </row>
        <row r="251">
          <cell r="C251">
            <v>1998</v>
          </cell>
          <cell r="D251">
            <v>9</v>
          </cell>
          <cell r="F251">
            <v>1.5257000000000001</v>
          </cell>
        </row>
        <row r="252">
          <cell r="C252">
            <v>1998</v>
          </cell>
          <cell r="D252">
            <v>9</v>
          </cell>
          <cell r="F252">
            <v>1.5259</v>
          </cell>
        </row>
        <row r="253">
          <cell r="C253">
            <v>1998</v>
          </cell>
          <cell r="D253">
            <v>9</v>
          </cell>
          <cell r="F253">
            <v>1.5204</v>
          </cell>
        </row>
        <row r="254">
          <cell r="C254">
            <v>1998</v>
          </cell>
          <cell r="D254">
            <v>9</v>
          </cell>
          <cell r="F254">
            <v>1.514</v>
          </cell>
        </row>
        <row r="255">
          <cell r="C255">
            <v>1998</v>
          </cell>
          <cell r="D255">
            <v>9</v>
          </cell>
          <cell r="F255">
            <v>1.5127999999999999</v>
          </cell>
        </row>
        <row r="256">
          <cell r="C256">
            <v>1998</v>
          </cell>
          <cell r="D256">
            <v>9</v>
          </cell>
          <cell r="F256">
            <v>1.5127999999999999</v>
          </cell>
        </row>
        <row r="257">
          <cell r="C257">
            <v>1998</v>
          </cell>
          <cell r="D257">
            <v>9</v>
          </cell>
          <cell r="F257">
            <v>1.5127999999999999</v>
          </cell>
        </row>
        <row r="258">
          <cell r="C258">
            <v>1998</v>
          </cell>
          <cell r="D258">
            <v>9</v>
          </cell>
          <cell r="F258">
            <v>1.5161</v>
          </cell>
        </row>
        <row r="259">
          <cell r="C259">
            <v>1998</v>
          </cell>
          <cell r="D259">
            <v>9</v>
          </cell>
          <cell r="F259">
            <v>1.4997</v>
          </cell>
        </row>
        <row r="260">
          <cell r="C260">
            <v>1998</v>
          </cell>
          <cell r="D260">
            <v>9</v>
          </cell>
          <cell r="F260">
            <v>1.5034000000000001</v>
          </cell>
        </row>
        <row r="261">
          <cell r="C261">
            <v>1998</v>
          </cell>
          <cell r="D261">
            <v>9</v>
          </cell>
          <cell r="F261">
            <v>1.5259</v>
          </cell>
        </row>
        <row r="262">
          <cell r="C262">
            <v>1998</v>
          </cell>
          <cell r="D262">
            <v>9</v>
          </cell>
          <cell r="F262">
            <v>1.5293000000000001</v>
          </cell>
        </row>
        <row r="263">
          <cell r="C263">
            <v>1998</v>
          </cell>
          <cell r="D263">
            <v>9</v>
          </cell>
          <cell r="F263">
            <v>1.5293000000000001</v>
          </cell>
        </row>
        <row r="264">
          <cell r="C264">
            <v>1998</v>
          </cell>
          <cell r="D264">
            <v>9</v>
          </cell>
          <cell r="F264">
            <v>1.5293000000000001</v>
          </cell>
        </row>
        <row r="265">
          <cell r="C265">
            <v>1998</v>
          </cell>
          <cell r="D265">
            <v>9</v>
          </cell>
          <cell r="F265">
            <v>1.5273000000000001</v>
          </cell>
        </row>
        <row r="266">
          <cell r="C266">
            <v>1998</v>
          </cell>
          <cell r="D266">
            <v>9</v>
          </cell>
          <cell r="F266">
            <v>1.5294000000000001</v>
          </cell>
        </row>
        <row r="267">
          <cell r="C267">
            <v>1998</v>
          </cell>
          <cell r="D267">
            <v>9</v>
          </cell>
          <cell r="F267">
            <v>1.5267999999999999</v>
          </cell>
        </row>
        <row r="268">
          <cell r="C268">
            <v>1998</v>
          </cell>
          <cell r="D268">
            <v>9</v>
          </cell>
          <cell r="F268">
            <v>1.5118</v>
          </cell>
        </row>
        <row r="269">
          <cell r="C269">
            <v>1998</v>
          </cell>
          <cell r="D269">
            <v>9</v>
          </cell>
          <cell r="F269">
            <v>1.5125</v>
          </cell>
        </row>
        <row r="270">
          <cell r="C270">
            <v>1998</v>
          </cell>
          <cell r="D270">
            <v>9</v>
          </cell>
          <cell r="F270">
            <v>1.5125</v>
          </cell>
        </row>
        <row r="271">
          <cell r="C271">
            <v>1998</v>
          </cell>
          <cell r="D271">
            <v>9</v>
          </cell>
          <cell r="F271">
            <v>1.5125</v>
          </cell>
        </row>
        <row r="272">
          <cell r="C272">
            <v>1998</v>
          </cell>
          <cell r="D272">
            <v>9</v>
          </cell>
          <cell r="F272">
            <v>1.5109999999999999</v>
          </cell>
        </row>
        <row r="273">
          <cell r="C273">
            <v>1998</v>
          </cell>
          <cell r="D273">
            <v>9</v>
          </cell>
          <cell r="F273">
            <v>1.5008999999999999</v>
          </cell>
        </row>
        <row r="274">
          <cell r="C274">
            <v>1998</v>
          </cell>
          <cell r="D274">
            <v>10</v>
          </cell>
          <cell r="F274">
            <v>1.5259</v>
          </cell>
        </row>
        <row r="275">
          <cell r="C275">
            <v>1998</v>
          </cell>
          <cell r="D275">
            <v>10</v>
          </cell>
          <cell r="F275">
            <v>1.536</v>
          </cell>
        </row>
        <row r="276">
          <cell r="C276">
            <v>1998</v>
          </cell>
          <cell r="D276">
            <v>10</v>
          </cell>
          <cell r="F276">
            <v>1.5508</v>
          </cell>
        </row>
        <row r="277">
          <cell r="C277">
            <v>1998</v>
          </cell>
          <cell r="D277">
            <v>10</v>
          </cell>
          <cell r="F277">
            <v>1.5508</v>
          </cell>
        </row>
        <row r="278">
          <cell r="C278">
            <v>1998</v>
          </cell>
          <cell r="D278">
            <v>10</v>
          </cell>
          <cell r="F278">
            <v>1.5508</v>
          </cell>
        </row>
        <row r="279">
          <cell r="C279">
            <v>1998</v>
          </cell>
          <cell r="D279">
            <v>10</v>
          </cell>
          <cell r="F279">
            <v>1.5578000000000001</v>
          </cell>
        </row>
        <row r="280">
          <cell r="C280">
            <v>1998</v>
          </cell>
          <cell r="D280">
            <v>10</v>
          </cell>
          <cell r="F280">
            <v>1.5517000000000001</v>
          </cell>
        </row>
        <row r="281">
          <cell r="C281">
            <v>1998</v>
          </cell>
          <cell r="D281">
            <v>10</v>
          </cell>
          <cell r="F281">
            <v>1.5287999999999999</v>
          </cell>
        </row>
        <row r="282">
          <cell r="C282">
            <v>1998</v>
          </cell>
          <cell r="D282">
            <v>10</v>
          </cell>
          <cell r="F282">
            <v>1.5427999999999999</v>
          </cell>
        </row>
        <row r="283">
          <cell r="C283">
            <v>1998</v>
          </cell>
          <cell r="D283">
            <v>10</v>
          </cell>
          <cell r="F283">
            <v>1.5465</v>
          </cell>
        </row>
        <row r="284">
          <cell r="C284">
            <v>1998</v>
          </cell>
          <cell r="D284">
            <v>10</v>
          </cell>
          <cell r="F284">
            <v>1.5465</v>
          </cell>
        </row>
        <row r="285">
          <cell r="C285">
            <v>1998</v>
          </cell>
          <cell r="D285">
            <v>10</v>
          </cell>
          <cell r="F285">
            <v>1.5465</v>
          </cell>
        </row>
        <row r="286">
          <cell r="C286">
            <v>1998</v>
          </cell>
          <cell r="D286">
            <v>10</v>
          </cell>
          <cell r="F286">
            <v>1.5465</v>
          </cell>
        </row>
        <row r="287">
          <cell r="C287">
            <v>1998</v>
          </cell>
          <cell r="D287">
            <v>10</v>
          </cell>
          <cell r="F287">
            <v>1.548</v>
          </cell>
        </row>
        <row r="288">
          <cell r="C288">
            <v>1998</v>
          </cell>
          <cell r="D288">
            <v>10</v>
          </cell>
          <cell r="F288">
            <v>1.5455000000000001</v>
          </cell>
        </row>
        <row r="289">
          <cell r="C289">
            <v>1998</v>
          </cell>
          <cell r="D289">
            <v>10</v>
          </cell>
          <cell r="F289">
            <v>1.546</v>
          </cell>
        </row>
        <row r="290">
          <cell r="C290">
            <v>1998</v>
          </cell>
          <cell r="D290">
            <v>10</v>
          </cell>
          <cell r="F290">
            <v>1.5429999999999999</v>
          </cell>
        </row>
        <row r="291">
          <cell r="C291">
            <v>1998</v>
          </cell>
          <cell r="D291">
            <v>10</v>
          </cell>
          <cell r="F291">
            <v>1.5429999999999999</v>
          </cell>
        </row>
        <row r="292">
          <cell r="C292">
            <v>1998</v>
          </cell>
          <cell r="D292">
            <v>10</v>
          </cell>
          <cell r="F292">
            <v>1.5429999999999999</v>
          </cell>
        </row>
        <row r="293">
          <cell r="C293">
            <v>1998</v>
          </cell>
          <cell r="D293">
            <v>10</v>
          </cell>
          <cell r="F293">
            <v>1.5489999999999999</v>
          </cell>
        </row>
        <row r="294">
          <cell r="C294">
            <v>1998</v>
          </cell>
          <cell r="D294">
            <v>10</v>
          </cell>
          <cell r="F294">
            <v>1.5385</v>
          </cell>
        </row>
        <row r="295">
          <cell r="C295">
            <v>1998</v>
          </cell>
          <cell r="D295">
            <v>10</v>
          </cell>
          <cell r="F295">
            <v>1.554</v>
          </cell>
        </row>
        <row r="296">
          <cell r="C296">
            <v>1998</v>
          </cell>
          <cell r="D296">
            <v>10</v>
          </cell>
          <cell r="F296">
            <v>1.5432999999999999</v>
          </cell>
        </row>
        <row r="297">
          <cell r="C297">
            <v>1998</v>
          </cell>
          <cell r="D297">
            <v>10</v>
          </cell>
          <cell r="F297">
            <v>1.5446</v>
          </cell>
        </row>
        <row r="298">
          <cell r="C298">
            <v>1998</v>
          </cell>
          <cell r="D298">
            <v>10</v>
          </cell>
          <cell r="F298">
            <v>1.5446</v>
          </cell>
        </row>
        <row r="299">
          <cell r="C299">
            <v>1998</v>
          </cell>
          <cell r="D299">
            <v>10</v>
          </cell>
          <cell r="F299">
            <v>1.5446</v>
          </cell>
        </row>
        <row r="300">
          <cell r="C300">
            <v>1998</v>
          </cell>
          <cell r="D300">
            <v>10</v>
          </cell>
          <cell r="F300">
            <v>1.5449999999999999</v>
          </cell>
        </row>
        <row r="301">
          <cell r="C301">
            <v>1998</v>
          </cell>
          <cell r="D301">
            <v>10</v>
          </cell>
          <cell r="F301">
            <v>1.5405</v>
          </cell>
        </row>
        <row r="302">
          <cell r="C302">
            <v>1998</v>
          </cell>
          <cell r="D302">
            <v>10</v>
          </cell>
          <cell r="F302">
            <v>1.5421</v>
          </cell>
        </row>
        <row r="303">
          <cell r="C303">
            <v>1998</v>
          </cell>
          <cell r="D303">
            <v>10</v>
          </cell>
          <cell r="F303">
            <v>1.5495000000000001</v>
          </cell>
        </row>
        <row r="304">
          <cell r="C304">
            <v>1998</v>
          </cell>
          <cell r="D304">
            <v>10</v>
          </cell>
          <cell r="F304">
            <v>1.5425</v>
          </cell>
        </row>
        <row r="305">
          <cell r="C305">
            <v>1998</v>
          </cell>
          <cell r="D305">
            <v>11</v>
          </cell>
          <cell r="F305">
            <v>1.5425</v>
          </cell>
        </row>
        <row r="306">
          <cell r="C306">
            <v>1998</v>
          </cell>
          <cell r="D306">
            <v>11</v>
          </cell>
          <cell r="F306">
            <v>1.5425</v>
          </cell>
        </row>
        <row r="307">
          <cell r="C307">
            <v>1998</v>
          </cell>
          <cell r="D307">
            <v>11</v>
          </cell>
          <cell r="F307">
            <v>1.5318000000000001</v>
          </cell>
        </row>
        <row r="308">
          <cell r="C308">
            <v>1998</v>
          </cell>
          <cell r="D308">
            <v>11</v>
          </cell>
          <cell r="F308">
            <v>1.5238</v>
          </cell>
        </row>
        <row r="309">
          <cell r="C309">
            <v>1998</v>
          </cell>
          <cell r="D309">
            <v>11</v>
          </cell>
          <cell r="F309">
            <v>1.5238</v>
          </cell>
        </row>
        <row r="310">
          <cell r="C310">
            <v>1998</v>
          </cell>
          <cell r="D310">
            <v>11</v>
          </cell>
          <cell r="F310">
            <v>1.5176000000000001</v>
          </cell>
        </row>
        <row r="311">
          <cell r="C311">
            <v>1998</v>
          </cell>
          <cell r="D311">
            <v>11</v>
          </cell>
          <cell r="F311">
            <v>1.5315000000000001</v>
          </cell>
        </row>
        <row r="312">
          <cell r="C312">
            <v>1998</v>
          </cell>
          <cell r="D312">
            <v>11</v>
          </cell>
          <cell r="F312">
            <v>1.5315000000000001</v>
          </cell>
        </row>
        <row r="313">
          <cell r="C313">
            <v>1998</v>
          </cell>
          <cell r="D313">
            <v>11</v>
          </cell>
          <cell r="F313">
            <v>1.5315000000000001</v>
          </cell>
        </row>
        <row r="314">
          <cell r="C314">
            <v>1998</v>
          </cell>
          <cell r="D314">
            <v>11</v>
          </cell>
          <cell r="F314">
            <v>1.5347</v>
          </cell>
        </row>
        <row r="315">
          <cell r="C315">
            <v>1998</v>
          </cell>
          <cell r="D315">
            <v>11</v>
          </cell>
          <cell r="F315">
            <v>1.5457000000000001</v>
          </cell>
        </row>
        <row r="316">
          <cell r="C316">
            <v>1998</v>
          </cell>
          <cell r="D316">
            <v>11</v>
          </cell>
          <cell r="F316">
            <v>1.5457000000000001</v>
          </cell>
        </row>
        <row r="317">
          <cell r="C317">
            <v>1998</v>
          </cell>
          <cell r="D317">
            <v>11</v>
          </cell>
          <cell r="F317">
            <v>1.5482</v>
          </cell>
        </row>
        <row r="318">
          <cell r="C318">
            <v>1998</v>
          </cell>
          <cell r="D318">
            <v>11</v>
          </cell>
          <cell r="F318">
            <v>1.5522</v>
          </cell>
        </row>
        <row r="319">
          <cell r="C319">
            <v>1998</v>
          </cell>
          <cell r="D319">
            <v>11</v>
          </cell>
          <cell r="F319">
            <v>1.5522</v>
          </cell>
        </row>
        <row r="320">
          <cell r="C320">
            <v>1998</v>
          </cell>
          <cell r="D320">
            <v>11</v>
          </cell>
          <cell r="F320">
            <v>1.5522</v>
          </cell>
        </row>
        <row r="321">
          <cell r="C321">
            <v>1998</v>
          </cell>
          <cell r="D321">
            <v>11</v>
          </cell>
          <cell r="F321">
            <v>1.5532999999999999</v>
          </cell>
        </row>
        <row r="322">
          <cell r="C322">
            <v>1998</v>
          </cell>
          <cell r="D322">
            <v>11</v>
          </cell>
          <cell r="F322">
            <v>1.5491999999999999</v>
          </cell>
        </row>
        <row r="323">
          <cell r="C323">
            <v>1998</v>
          </cell>
          <cell r="D323">
            <v>11</v>
          </cell>
          <cell r="F323">
            <v>1.5555000000000001</v>
          </cell>
        </row>
        <row r="324">
          <cell r="C324">
            <v>1998</v>
          </cell>
          <cell r="D324">
            <v>11</v>
          </cell>
          <cell r="F324">
            <v>1.5494000000000001</v>
          </cell>
        </row>
        <row r="325">
          <cell r="C325">
            <v>1998</v>
          </cell>
          <cell r="D325">
            <v>11</v>
          </cell>
          <cell r="F325">
            <v>1.5448</v>
          </cell>
        </row>
        <row r="326">
          <cell r="C326">
            <v>1998</v>
          </cell>
          <cell r="D326">
            <v>11</v>
          </cell>
          <cell r="F326">
            <v>1.5448</v>
          </cell>
        </row>
        <row r="327">
          <cell r="C327">
            <v>1998</v>
          </cell>
          <cell r="D327">
            <v>11</v>
          </cell>
          <cell r="F327">
            <v>1.5448</v>
          </cell>
        </row>
        <row r="328">
          <cell r="C328">
            <v>1998</v>
          </cell>
          <cell r="D328">
            <v>11</v>
          </cell>
          <cell r="F328">
            <v>1.5468</v>
          </cell>
        </row>
        <row r="329">
          <cell r="C329">
            <v>1998</v>
          </cell>
          <cell r="D329">
            <v>11</v>
          </cell>
          <cell r="F329">
            <v>1.5479000000000001</v>
          </cell>
        </row>
        <row r="330">
          <cell r="C330">
            <v>1998</v>
          </cell>
          <cell r="D330">
            <v>11</v>
          </cell>
          <cell r="F330">
            <v>1.5445</v>
          </cell>
        </row>
        <row r="331">
          <cell r="C331">
            <v>1998</v>
          </cell>
          <cell r="D331">
            <v>11</v>
          </cell>
          <cell r="F331">
            <v>1.5269999999999999</v>
          </cell>
        </row>
        <row r="332">
          <cell r="C332">
            <v>1998</v>
          </cell>
          <cell r="D332">
            <v>11</v>
          </cell>
          <cell r="F332">
            <v>1.536</v>
          </cell>
        </row>
        <row r="333">
          <cell r="C333">
            <v>1998</v>
          </cell>
          <cell r="D333">
            <v>11</v>
          </cell>
          <cell r="F333">
            <v>1.536</v>
          </cell>
        </row>
        <row r="334">
          <cell r="C334">
            <v>1998</v>
          </cell>
          <cell r="D334">
            <v>11</v>
          </cell>
          <cell r="F334">
            <v>1.536</v>
          </cell>
        </row>
        <row r="335">
          <cell r="C335">
            <v>1998</v>
          </cell>
          <cell r="D335">
            <v>12</v>
          </cell>
          <cell r="F335">
            <v>1.5237000000000001</v>
          </cell>
        </row>
        <row r="336">
          <cell r="C336">
            <v>1998</v>
          </cell>
          <cell r="D336">
            <v>12</v>
          </cell>
          <cell r="F336">
            <v>1.5329999999999999</v>
          </cell>
        </row>
        <row r="337">
          <cell r="C337">
            <v>1998</v>
          </cell>
          <cell r="D337">
            <v>12</v>
          </cell>
          <cell r="F337">
            <v>1.5367</v>
          </cell>
        </row>
        <row r="338">
          <cell r="C338">
            <v>1998</v>
          </cell>
          <cell r="D338">
            <v>12</v>
          </cell>
          <cell r="F338">
            <v>1.5335000000000001</v>
          </cell>
        </row>
        <row r="339">
          <cell r="C339">
            <v>1998</v>
          </cell>
          <cell r="D339">
            <v>12</v>
          </cell>
          <cell r="F339">
            <v>1.534</v>
          </cell>
        </row>
        <row r="340">
          <cell r="C340">
            <v>1998</v>
          </cell>
          <cell r="D340">
            <v>12</v>
          </cell>
          <cell r="F340">
            <v>1.534</v>
          </cell>
        </row>
        <row r="341">
          <cell r="C341">
            <v>1998</v>
          </cell>
          <cell r="D341">
            <v>12</v>
          </cell>
          <cell r="F341">
            <v>1.534</v>
          </cell>
        </row>
        <row r="342">
          <cell r="C342">
            <v>1998</v>
          </cell>
          <cell r="D342">
            <v>12</v>
          </cell>
          <cell r="F342">
            <v>1.5373000000000001</v>
          </cell>
        </row>
        <row r="343">
          <cell r="C343">
            <v>1998</v>
          </cell>
          <cell r="D343">
            <v>12</v>
          </cell>
          <cell r="F343">
            <v>1.5446</v>
          </cell>
        </row>
        <row r="344">
          <cell r="C344">
            <v>1998</v>
          </cell>
          <cell r="D344">
            <v>12</v>
          </cell>
          <cell r="F344">
            <v>1.5429999999999999</v>
          </cell>
        </row>
        <row r="345">
          <cell r="C345">
            <v>1998</v>
          </cell>
          <cell r="D345">
            <v>12</v>
          </cell>
          <cell r="F345">
            <v>1.5408999999999999</v>
          </cell>
        </row>
        <row r="346">
          <cell r="C346">
            <v>1998</v>
          </cell>
          <cell r="D346">
            <v>12</v>
          </cell>
          <cell r="F346">
            <v>1.5414000000000001</v>
          </cell>
        </row>
        <row r="347">
          <cell r="C347">
            <v>1998</v>
          </cell>
          <cell r="D347">
            <v>12</v>
          </cell>
          <cell r="F347">
            <v>1.5414000000000001</v>
          </cell>
        </row>
        <row r="348">
          <cell r="C348">
            <v>1998</v>
          </cell>
          <cell r="D348">
            <v>12</v>
          </cell>
          <cell r="F348">
            <v>1.5414000000000001</v>
          </cell>
        </row>
        <row r="349">
          <cell r="C349">
            <v>1998</v>
          </cell>
          <cell r="D349">
            <v>12</v>
          </cell>
          <cell r="F349">
            <v>1.54</v>
          </cell>
        </row>
        <row r="350">
          <cell r="C350">
            <v>1998</v>
          </cell>
          <cell r="D350">
            <v>12</v>
          </cell>
          <cell r="F350">
            <v>1.5418000000000001</v>
          </cell>
        </row>
        <row r="351">
          <cell r="C351">
            <v>1998</v>
          </cell>
          <cell r="D351">
            <v>12</v>
          </cell>
          <cell r="F351">
            <v>1.5387</v>
          </cell>
        </row>
        <row r="352">
          <cell r="C352">
            <v>1998</v>
          </cell>
          <cell r="D352">
            <v>12</v>
          </cell>
          <cell r="F352">
            <v>1.5423</v>
          </cell>
        </row>
        <row r="353">
          <cell r="C353">
            <v>1998</v>
          </cell>
          <cell r="D353">
            <v>12</v>
          </cell>
          <cell r="F353">
            <v>1.5445</v>
          </cell>
        </row>
        <row r="354">
          <cell r="C354">
            <v>1998</v>
          </cell>
          <cell r="D354">
            <v>12</v>
          </cell>
          <cell r="F354">
            <v>1.5445</v>
          </cell>
        </row>
        <row r="355">
          <cell r="C355">
            <v>1998</v>
          </cell>
          <cell r="D355">
            <v>12</v>
          </cell>
          <cell r="F355">
            <v>1.5445</v>
          </cell>
        </row>
        <row r="356">
          <cell r="C356">
            <v>1998</v>
          </cell>
          <cell r="D356">
            <v>12</v>
          </cell>
          <cell r="F356">
            <v>1.5488</v>
          </cell>
        </row>
        <row r="357">
          <cell r="C357">
            <v>1998</v>
          </cell>
          <cell r="D357">
            <v>12</v>
          </cell>
          <cell r="F357">
            <v>1.5527</v>
          </cell>
        </row>
        <row r="358">
          <cell r="C358">
            <v>1998</v>
          </cell>
          <cell r="D358">
            <v>12</v>
          </cell>
          <cell r="F358">
            <v>1.5515000000000001</v>
          </cell>
        </row>
        <row r="359">
          <cell r="C359">
            <v>1998</v>
          </cell>
          <cell r="D359">
            <v>12</v>
          </cell>
          <cell r="F359">
            <v>1.5511999999999999</v>
          </cell>
        </row>
        <row r="360">
          <cell r="C360">
            <v>1998</v>
          </cell>
          <cell r="D360">
            <v>12</v>
          </cell>
          <cell r="F360">
            <v>1.5511999999999999</v>
          </cell>
        </row>
        <row r="361">
          <cell r="C361">
            <v>1998</v>
          </cell>
          <cell r="D361">
            <v>12</v>
          </cell>
          <cell r="F361">
            <v>1.5511999999999999</v>
          </cell>
        </row>
        <row r="362">
          <cell r="C362">
            <v>1998</v>
          </cell>
          <cell r="D362">
            <v>12</v>
          </cell>
          <cell r="F362">
            <v>1.5511999999999999</v>
          </cell>
        </row>
        <row r="363">
          <cell r="C363">
            <v>1998</v>
          </cell>
          <cell r="D363">
            <v>12</v>
          </cell>
          <cell r="F363">
            <v>1.5511999999999999</v>
          </cell>
        </row>
        <row r="364">
          <cell r="C364">
            <v>1998</v>
          </cell>
          <cell r="D364">
            <v>12</v>
          </cell>
          <cell r="F364">
            <v>1.5513999999999999</v>
          </cell>
        </row>
        <row r="365">
          <cell r="C365">
            <v>1998</v>
          </cell>
          <cell r="D365">
            <v>12</v>
          </cell>
          <cell r="F365">
            <v>1.5488</v>
          </cell>
        </row>
        <row r="366">
          <cell r="C366">
            <v>1999</v>
          </cell>
          <cell r="D366">
            <v>1</v>
          </cell>
          <cell r="F366">
            <v>1.5305</v>
          </cell>
        </row>
        <row r="367">
          <cell r="C367">
            <v>1999</v>
          </cell>
          <cell r="D367">
            <v>1</v>
          </cell>
          <cell r="F367">
            <v>1.5305</v>
          </cell>
        </row>
        <row r="368">
          <cell r="C368">
            <v>1999</v>
          </cell>
          <cell r="D368">
            <v>1</v>
          </cell>
          <cell r="F368">
            <v>1.5305</v>
          </cell>
        </row>
        <row r="369">
          <cell r="C369">
            <v>1999</v>
          </cell>
          <cell r="D369">
            <v>1</v>
          </cell>
          <cell r="F369">
            <v>1.5305</v>
          </cell>
        </row>
        <row r="370">
          <cell r="C370">
            <v>1999</v>
          </cell>
          <cell r="D370">
            <v>1</v>
          </cell>
          <cell r="F370">
            <v>1.5263</v>
          </cell>
        </row>
        <row r="371">
          <cell r="C371">
            <v>1999</v>
          </cell>
          <cell r="D371">
            <v>1</v>
          </cell>
          <cell r="F371">
            <v>1.5199</v>
          </cell>
        </row>
        <row r="372">
          <cell r="C372">
            <v>1999</v>
          </cell>
          <cell r="D372">
            <v>1</v>
          </cell>
          <cell r="F372">
            <v>1.5103</v>
          </cell>
        </row>
        <row r="373">
          <cell r="C373">
            <v>1999</v>
          </cell>
          <cell r="D373">
            <v>1</v>
          </cell>
          <cell r="F373">
            <v>1.5118</v>
          </cell>
        </row>
        <row r="374">
          <cell r="C374">
            <v>1999</v>
          </cell>
          <cell r="D374">
            <v>1</v>
          </cell>
          <cell r="F374">
            <v>1.5135000000000001</v>
          </cell>
        </row>
        <row r="375">
          <cell r="C375">
            <v>1999</v>
          </cell>
          <cell r="D375">
            <v>1</v>
          </cell>
          <cell r="F375">
            <v>1.5135000000000001</v>
          </cell>
        </row>
        <row r="376">
          <cell r="C376">
            <v>1999</v>
          </cell>
          <cell r="D376">
            <v>1</v>
          </cell>
          <cell r="F376">
            <v>1.5135000000000001</v>
          </cell>
        </row>
        <row r="377">
          <cell r="C377">
            <v>1999</v>
          </cell>
          <cell r="D377">
            <v>1</v>
          </cell>
          <cell r="F377">
            <v>1.5058</v>
          </cell>
        </row>
        <row r="378">
          <cell r="C378">
            <v>1999</v>
          </cell>
          <cell r="D378">
            <v>1</v>
          </cell>
          <cell r="F378">
            <v>1.5088999999999999</v>
          </cell>
        </row>
        <row r="379">
          <cell r="C379">
            <v>1999</v>
          </cell>
          <cell r="D379">
            <v>1</v>
          </cell>
          <cell r="F379">
            <v>1.5287999999999999</v>
          </cell>
        </row>
        <row r="380">
          <cell r="C380">
            <v>1999</v>
          </cell>
          <cell r="D380">
            <v>1</v>
          </cell>
          <cell r="F380">
            <v>1.5289999999999999</v>
          </cell>
        </row>
        <row r="381">
          <cell r="C381">
            <v>1999</v>
          </cell>
          <cell r="D381">
            <v>1</v>
          </cell>
          <cell r="F381">
            <v>1.5284</v>
          </cell>
        </row>
        <row r="382">
          <cell r="C382">
            <v>1999</v>
          </cell>
          <cell r="D382">
            <v>1</v>
          </cell>
          <cell r="F382">
            <v>1.5284</v>
          </cell>
        </row>
        <row r="383">
          <cell r="C383">
            <v>1999</v>
          </cell>
          <cell r="D383">
            <v>1</v>
          </cell>
          <cell r="F383">
            <v>1.5284</v>
          </cell>
        </row>
        <row r="384">
          <cell r="C384">
            <v>1999</v>
          </cell>
          <cell r="D384">
            <v>1</v>
          </cell>
          <cell r="F384">
            <v>1.5294000000000001</v>
          </cell>
        </row>
        <row r="385">
          <cell r="C385">
            <v>1999</v>
          </cell>
          <cell r="D385">
            <v>1</v>
          </cell>
          <cell r="F385">
            <v>1.5298</v>
          </cell>
        </row>
        <row r="386">
          <cell r="C386">
            <v>1999</v>
          </cell>
          <cell r="D386">
            <v>1</v>
          </cell>
          <cell r="F386">
            <v>1.5223</v>
          </cell>
        </row>
        <row r="387">
          <cell r="C387">
            <v>1999</v>
          </cell>
          <cell r="D387">
            <v>1</v>
          </cell>
          <cell r="F387">
            <v>1.5132000000000001</v>
          </cell>
        </row>
        <row r="388">
          <cell r="C388">
            <v>1999</v>
          </cell>
          <cell r="D388">
            <v>1</v>
          </cell>
          <cell r="F388">
            <v>1.5178</v>
          </cell>
        </row>
        <row r="389">
          <cell r="C389">
            <v>1999</v>
          </cell>
          <cell r="D389">
            <v>1</v>
          </cell>
          <cell r="F389">
            <v>1.5178</v>
          </cell>
        </row>
        <row r="390">
          <cell r="C390">
            <v>1999</v>
          </cell>
          <cell r="D390">
            <v>1</v>
          </cell>
          <cell r="F390">
            <v>1.5178</v>
          </cell>
        </row>
        <row r="391">
          <cell r="C391">
            <v>1999</v>
          </cell>
          <cell r="D391">
            <v>1</v>
          </cell>
          <cell r="F391">
            <v>1.5145</v>
          </cell>
        </row>
        <row r="392">
          <cell r="C392">
            <v>1999</v>
          </cell>
          <cell r="D392">
            <v>1</v>
          </cell>
          <cell r="F392">
            <v>1.5203</v>
          </cell>
        </row>
        <row r="393">
          <cell r="C393">
            <v>1999</v>
          </cell>
          <cell r="D393">
            <v>1</v>
          </cell>
          <cell r="F393">
            <v>1.5206999999999999</v>
          </cell>
        </row>
        <row r="394">
          <cell r="C394">
            <v>1999</v>
          </cell>
          <cell r="D394">
            <v>1</v>
          </cell>
          <cell r="F394">
            <v>1.526</v>
          </cell>
        </row>
        <row r="395">
          <cell r="C395">
            <v>1999</v>
          </cell>
          <cell r="D395">
            <v>1</v>
          </cell>
          <cell r="F395">
            <v>1.5074000000000001</v>
          </cell>
        </row>
        <row r="396">
          <cell r="C396">
            <v>1999</v>
          </cell>
          <cell r="D396">
            <v>1</v>
          </cell>
          <cell r="F396">
            <v>1.5074000000000001</v>
          </cell>
        </row>
        <row r="397">
          <cell r="C397">
            <v>1999</v>
          </cell>
          <cell r="D397">
            <v>2</v>
          </cell>
          <cell r="F397">
            <v>1.5074000000000001</v>
          </cell>
        </row>
        <row r="398">
          <cell r="C398">
            <v>1999</v>
          </cell>
          <cell r="D398">
            <v>2</v>
          </cell>
          <cell r="F398">
            <v>1.5084</v>
          </cell>
        </row>
        <row r="399">
          <cell r="C399">
            <v>1999</v>
          </cell>
          <cell r="D399">
            <v>2</v>
          </cell>
          <cell r="F399">
            <v>1.5123</v>
          </cell>
        </row>
        <row r="400">
          <cell r="C400">
            <v>1999</v>
          </cell>
          <cell r="D400">
            <v>2</v>
          </cell>
          <cell r="F400">
            <v>1.5134000000000001</v>
          </cell>
        </row>
        <row r="401">
          <cell r="C401">
            <v>1999</v>
          </cell>
          <cell r="D401">
            <v>2</v>
          </cell>
          <cell r="F401">
            <v>1.4932000000000001</v>
          </cell>
        </row>
        <row r="402">
          <cell r="C402">
            <v>1999</v>
          </cell>
          <cell r="D402">
            <v>2</v>
          </cell>
          <cell r="F402">
            <v>1.4878</v>
          </cell>
        </row>
        <row r="403">
          <cell r="C403">
            <v>1999</v>
          </cell>
          <cell r="D403">
            <v>2</v>
          </cell>
          <cell r="F403">
            <v>1.4878</v>
          </cell>
        </row>
        <row r="404">
          <cell r="C404">
            <v>1999</v>
          </cell>
          <cell r="D404">
            <v>2</v>
          </cell>
          <cell r="F404">
            <v>1.4878</v>
          </cell>
        </row>
        <row r="405">
          <cell r="C405">
            <v>1999</v>
          </cell>
          <cell r="D405">
            <v>2</v>
          </cell>
          <cell r="F405">
            <v>1.4876</v>
          </cell>
        </row>
        <row r="406">
          <cell r="C406">
            <v>1999</v>
          </cell>
          <cell r="D406">
            <v>2</v>
          </cell>
          <cell r="F406">
            <v>1.4932000000000001</v>
          </cell>
        </row>
        <row r="407">
          <cell r="C407">
            <v>1999</v>
          </cell>
          <cell r="D407">
            <v>2</v>
          </cell>
          <cell r="F407">
            <v>1.4935</v>
          </cell>
        </row>
        <row r="408">
          <cell r="C408">
            <v>1999</v>
          </cell>
          <cell r="D408">
            <v>2</v>
          </cell>
          <cell r="F408">
            <v>1.4890000000000001</v>
          </cell>
        </row>
        <row r="409">
          <cell r="C409">
            <v>1999</v>
          </cell>
          <cell r="D409">
            <v>2</v>
          </cell>
          <cell r="F409">
            <v>1.4921</v>
          </cell>
        </row>
        <row r="410">
          <cell r="C410">
            <v>1999</v>
          </cell>
          <cell r="D410">
            <v>2</v>
          </cell>
          <cell r="F410">
            <v>1.4921</v>
          </cell>
        </row>
        <row r="411">
          <cell r="C411">
            <v>1999</v>
          </cell>
          <cell r="D411">
            <v>2</v>
          </cell>
          <cell r="F411">
            <v>1.4921</v>
          </cell>
        </row>
        <row r="412">
          <cell r="C412">
            <v>1999</v>
          </cell>
          <cell r="D412">
            <v>2</v>
          </cell>
          <cell r="F412">
            <v>1.4938</v>
          </cell>
        </row>
        <row r="413">
          <cell r="C413">
            <v>1999</v>
          </cell>
          <cell r="D413">
            <v>2</v>
          </cell>
          <cell r="F413">
            <v>1.4995000000000001</v>
          </cell>
        </row>
        <row r="414">
          <cell r="C414">
            <v>1999</v>
          </cell>
          <cell r="D414">
            <v>2</v>
          </cell>
          <cell r="F414">
            <v>1.4993000000000001</v>
          </cell>
        </row>
        <row r="415">
          <cell r="C415">
            <v>1999</v>
          </cell>
          <cell r="D415">
            <v>2</v>
          </cell>
          <cell r="F415">
            <v>1.4870000000000001</v>
          </cell>
        </row>
        <row r="416">
          <cell r="C416">
            <v>1999</v>
          </cell>
          <cell r="D416">
            <v>2</v>
          </cell>
          <cell r="F416">
            <v>1.4903</v>
          </cell>
        </row>
        <row r="417">
          <cell r="C417">
            <v>1999</v>
          </cell>
          <cell r="D417">
            <v>2</v>
          </cell>
          <cell r="F417">
            <v>1.4903</v>
          </cell>
        </row>
        <row r="418">
          <cell r="C418">
            <v>1999</v>
          </cell>
          <cell r="D418">
            <v>2</v>
          </cell>
          <cell r="F418">
            <v>1.4903</v>
          </cell>
        </row>
        <row r="419">
          <cell r="C419">
            <v>1999</v>
          </cell>
          <cell r="D419">
            <v>2</v>
          </cell>
          <cell r="F419">
            <v>1.4967999999999999</v>
          </cell>
        </row>
        <row r="420">
          <cell r="C420">
            <v>1999</v>
          </cell>
          <cell r="D420">
            <v>2</v>
          </cell>
          <cell r="F420">
            <v>1.4965999999999999</v>
          </cell>
        </row>
        <row r="421">
          <cell r="C421">
            <v>1999</v>
          </cell>
          <cell r="D421">
            <v>2</v>
          </cell>
          <cell r="F421">
            <v>1.4985999999999999</v>
          </cell>
        </row>
        <row r="422">
          <cell r="C422">
            <v>1999</v>
          </cell>
          <cell r="D422">
            <v>2</v>
          </cell>
          <cell r="F422">
            <v>1.5057</v>
          </cell>
        </row>
        <row r="423">
          <cell r="C423">
            <v>1999</v>
          </cell>
          <cell r="D423">
            <v>2</v>
          </cell>
          <cell r="F423">
            <v>1.5074000000000001</v>
          </cell>
        </row>
        <row r="424">
          <cell r="C424">
            <v>1999</v>
          </cell>
          <cell r="D424">
            <v>2</v>
          </cell>
          <cell r="F424">
            <v>1.5074000000000001</v>
          </cell>
        </row>
        <row r="425">
          <cell r="C425">
            <v>1999</v>
          </cell>
          <cell r="D425">
            <v>3</v>
          </cell>
          <cell r="F425">
            <v>1.5074000000000001</v>
          </cell>
        </row>
        <row r="426">
          <cell r="C426">
            <v>1999</v>
          </cell>
          <cell r="D426">
            <v>3</v>
          </cell>
          <cell r="F426">
            <v>1.5228999999999999</v>
          </cell>
        </row>
        <row r="427">
          <cell r="C427">
            <v>1999</v>
          </cell>
          <cell r="D427">
            <v>3</v>
          </cell>
          <cell r="F427">
            <v>1.52</v>
          </cell>
        </row>
        <row r="428">
          <cell r="C428">
            <v>1999</v>
          </cell>
          <cell r="D428">
            <v>3</v>
          </cell>
          <cell r="F428">
            <v>1.5269999999999999</v>
          </cell>
        </row>
        <row r="429">
          <cell r="C429">
            <v>1999</v>
          </cell>
          <cell r="D429">
            <v>3</v>
          </cell>
          <cell r="F429">
            <v>1.5254000000000001</v>
          </cell>
        </row>
        <row r="430">
          <cell r="C430">
            <v>1999</v>
          </cell>
          <cell r="D430">
            <v>3</v>
          </cell>
          <cell r="F430">
            <v>1.5167999999999999</v>
          </cell>
        </row>
        <row r="431">
          <cell r="C431">
            <v>1999</v>
          </cell>
          <cell r="D431">
            <v>3</v>
          </cell>
          <cell r="F431">
            <v>1.5167999999999999</v>
          </cell>
        </row>
        <row r="432">
          <cell r="C432">
            <v>1999</v>
          </cell>
          <cell r="D432">
            <v>3</v>
          </cell>
          <cell r="F432">
            <v>1.5167999999999999</v>
          </cell>
        </row>
        <row r="433">
          <cell r="C433">
            <v>1999</v>
          </cell>
          <cell r="D433">
            <v>3</v>
          </cell>
          <cell r="F433">
            <v>1.5155000000000001</v>
          </cell>
        </row>
        <row r="434">
          <cell r="C434">
            <v>1999</v>
          </cell>
          <cell r="D434">
            <v>3</v>
          </cell>
          <cell r="F434">
            <v>1.5168999999999999</v>
          </cell>
        </row>
        <row r="435">
          <cell r="C435">
            <v>1999</v>
          </cell>
          <cell r="D435">
            <v>3</v>
          </cell>
          <cell r="F435">
            <v>1.5239</v>
          </cell>
        </row>
        <row r="436">
          <cell r="C436">
            <v>1999</v>
          </cell>
          <cell r="D436">
            <v>3</v>
          </cell>
          <cell r="F436">
            <v>1.5225</v>
          </cell>
        </row>
        <row r="437">
          <cell r="C437">
            <v>1999</v>
          </cell>
          <cell r="D437">
            <v>3</v>
          </cell>
          <cell r="F437">
            <v>1.5238</v>
          </cell>
        </row>
        <row r="438">
          <cell r="C438">
            <v>1999</v>
          </cell>
          <cell r="D438">
            <v>3</v>
          </cell>
          <cell r="F438">
            <v>1.5238</v>
          </cell>
        </row>
        <row r="439">
          <cell r="C439">
            <v>1999</v>
          </cell>
          <cell r="D439">
            <v>3</v>
          </cell>
          <cell r="F439">
            <v>1.5238</v>
          </cell>
        </row>
        <row r="440">
          <cell r="C440">
            <v>1999</v>
          </cell>
          <cell r="D440">
            <v>3</v>
          </cell>
          <cell r="F440">
            <v>1.5275000000000001</v>
          </cell>
        </row>
        <row r="441">
          <cell r="C441">
            <v>1999</v>
          </cell>
          <cell r="D441">
            <v>3</v>
          </cell>
          <cell r="F441">
            <v>1.5285</v>
          </cell>
        </row>
        <row r="442">
          <cell r="C442">
            <v>1999</v>
          </cell>
          <cell r="D442">
            <v>3</v>
          </cell>
          <cell r="F442">
            <v>1.5217000000000001</v>
          </cell>
        </row>
        <row r="443">
          <cell r="C443">
            <v>1999</v>
          </cell>
          <cell r="D443">
            <v>3</v>
          </cell>
          <cell r="F443">
            <v>1.5197000000000001</v>
          </cell>
        </row>
        <row r="444">
          <cell r="C444">
            <v>1999</v>
          </cell>
          <cell r="D444">
            <v>3</v>
          </cell>
          <cell r="F444">
            <v>1.5153000000000001</v>
          </cell>
        </row>
        <row r="445">
          <cell r="C445">
            <v>1999</v>
          </cell>
          <cell r="D445">
            <v>3</v>
          </cell>
          <cell r="F445">
            <v>1.5153000000000001</v>
          </cell>
        </row>
        <row r="446">
          <cell r="C446">
            <v>1999</v>
          </cell>
          <cell r="D446">
            <v>3</v>
          </cell>
          <cell r="F446">
            <v>1.5153000000000001</v>
          </cell>
        </row>
        <row r="447">
          <cell r="C447">
            <v>1999</v>
          </cell>
          <cell r="D447">
            <v>3</v>
          </cell>
          <cell r="F447">
            <v>1.5069999999999999</v>
          </cell>
        </row>
        <row r="448">
          <cell r="C448">
            <v>1999</v>
          </cell>
          <cell r="D448">
            <v>3</v>
          </cell>
          <cell r="F448">
            <v>1.5063</v>
          </cell>
        </row>
        <row r="449">
          <cell r="C449">
            <v>1999</v>
          </cell>
          <cell r="D449">
            <v>3</v>
          </cell>
          <cell r="F449">
            <v>1.5039</v>
          </cell>
        </row>
        <row r="450">
          <cell r="C450">
            <v>1999</v>
          </cell>
          <cell r="D450">
            <v>3</v>
          </cell>
          <cell r="F450">
            <v>1.5102</v>
          </cell>
        </row>
        <row r="451">
          <cell r="C451">
            <v>1999</v>
          </cell>
          <cell r="D451">
            <v>3</v>
          </cell>
          <cell r="F451">
            <v>1.5134000000000001</v>
          </cell>
        </row>
        <row r="452">
          <cell r="C452">
            <v>1999</v>
          </cell>
          <cell r="D452">
            <v>3</v>
          </cell>
          <cell r="F452">
            <v>1.5134000000000001</v>
          </cell>
        </row>
        <row r="453">
          <cell r="C453">
            <v>1999</v>
          </cell>
          <cell r="D453">
            <v>3</v>
          </cell>
          <cell r="F453">
            <v>1.5134000000000001</v>
          </cell>
        </row>
        <row r="454">
          <cell r="C454">
            <v>1999</v>
          </cell>
          <cell r="D454">
            <v>3</v>
          </cell>
          <cell r="F454">
            <v>1.5125999999999999</v>
          </cell>
        </row>
        <row r="455">
          <cell r="C455">
            <v>1999</v>
          </cell>
          <cell r="D455">
            <v>3</v>
          </cell>
          <cell r="F455">
            <v>1.5125</v>
          </cell>
        </row>
        <row r="456">
          <cell r="C456">
            <v>1999</v>
          </cell>
          <cell r="D456">
            <v>4</v>
          </cell>
          <cell r="F456">
            <v>1.5092000000000001</v>
          </cell>
        </row>
        <row r="457">
          <cell r="C457">
            <v>1999</v>
          </cell>
          <cell r="D457">
            <v>4</v>
          </cell>
          <cell r="F457">
            <v>1.5007999999999999</v>
          </cell>
        </row>
        <row r="458">
          <cell r="C458">
            <v>1999</v>
          </cell>
          <cell r="D458">
            <v>4</v>
          </cell>
          <cell r="F458">
            <v>1.5007999999999999</v>
          </cell>
        </row>
        <row r="459">
          <cell r="C459">
            <v>1999</v>
          </cell>
          <cell r="D459">
            <v>4</v>
          </cell>
          <cell r="F459">
            <v>1.5007999999999999</v>
          </cell>
        </row>
        <row r="460">
          <cell r="C460">
            <v>1999</v>
          </cell>
          <cell r="D460">
            <v>4</v>
          </cell>
          <cell r="F460">
            <v>1.5007999999999999</v>
          </cell>
        </row>
        <row r="461">
          <cell r="C461">
            <v>1999</v>
          </cell>
          <cell r="D461">
            <v>4</v>
          </cell>
          <cell r="F461">
            <v>1.4990000000000001</v>
          </cell>
        </row>
        <row r="462">
          <cell r="C462">
            <v>1999</v>
          </cell>
          <cell r="D462">
            <v>4</v>
          </cell>
          <cell r="F462">
            <v>1.5034000000000001</v>
          </cell>
        </row>
        <row r="463">
          <cell r="C463">
            <v>1999</v>
          </cell>
          <cell r="D463">
            <v>4</v>
          </cell>
          <cell r="F463">
            <v>1.5005999999999999</v>
          </cell>
        </row>
        <row r="464">
          <cell r="C464">
            <v>1999</v>
          </cell>
          <cell r="D464">
            <v>4</v>
          </cell>
          <cell r="F464">
            <v>1.4988999999999999</v>
          </cell>
        </row>
        <row r="465">
          <cell r="C465">
            <v>1999</v>
          </cell>
          <cell r="D465">
            <v>4</v>
          </cell>
          <cell r="F465">
            <v>1.502</v>
          </cell>
        </row>
        <row r="466">
          <cell r="C466">
            <v>1999</v>
          </cell>
          <cell r="D466">
            <v>4</v>
          </cell>
          <cell r="F466">
            <v>1.502</v>
          </cell>
        </row>
        <row r="467">
          <cell r="C467">
            <v>1999</v>
          </cell>
          <cell r="D467">
            <v>4</v>
          </cell>
          <cell r="F467">
            <v>1.502</v>
          </cell>
        </row>
        <row r="468">
          <cell r="C468">
            <v>1999</v>
          </cell>
          <cell r="D468">
            <v>4</v>
          </cell>
          <cell r="F468">
            <v>1.4942</v>
          </cell>
        </row>
        <row r="469">
          <cell r="C469">
            <v>1999</v>
          </cell>
          <cell r="D469">
            <v>4</v>
          </cell>
          <cell r="F469">
            <v>1.4901</v>
          </cell>
        </row>
        <row r="470">
          <cell r="C470">
            <v>1999</v>
          </cell>
          <cell r="D470">
            <v>4</v>
          </cell>
          <cell r="F470">
            <v>1.4928999999999999</v>
          </cell>
        </row>
        <row r="471">
          <cell r="C471">
            <v>1999</v>
          </cell>
          <cell r="D471">
            <v>4</v>
          </cell>
          <cell r="F471">
            <v>1.4904999999999999</v>
          </cell>
        </row>
        <row r="472">
          <cell r="C472">
            <v>1999</v>
          </cell>
          <cell r="D472">
            <v>4</v>
          </cell>
          <cell r="F472">
            <v>1.4854000000000001</v>
          </cell>
        </row>
        <row r="473">
          <cell r="C473">
            <v>1999</v>
          </cell>
          <cell r="D473">
            <v>4</v>
          </cell>
          <cell r="F473">
            <v>1.4854000000000001</v>
          </cell>
        </row>
        <row r="474">
          <cell r="C474">
            <v>1999</v>
          </cell>
          <cell r="D474">
            <v>4</v>
          </cell>
          <cell r="F474">
            <v>1.4854000000000001</v>
          </cell>
        </row>
        <row r="475">
          <cell r="C475">
            <v>1999</v>
          </cell>
          <cell r="D475">
            <v>4</v>
          </cell>
          <cell r="F475">
            <v>1.4825999999999999</v>
          </cell>
        </row>
        <row r="476">
          <cell r="C476">
            <v>1999</v>
          </cell>
          <cell r="D476">
            <v>4</v>
          </cell>
          <cell r="F476">
            <v>1.4895</v>
          </cell>
        </row>
        <row r="477">
          <cell r="C477">
            <v>1999</v>
          </cell>
          <cell r="D477">
            <v>4</v>
          </cell>
          <cell r="F477">
            <v>1.4891000000000001</v>
          </cell>
        </row>
        <row r="478">
          <cell r="C478">
            <v>1999</v>
          </cell>
          <cell r="D478">
            <v>4</v>
          </cell>
          <cell r="F478">
            <v>1.4811000000000001</v>
          </cell>
        </row>
        <row r="479">
          <cell r="C479">
            <v>1999</v>
          </cell>
          <cell r="D479">
            <v>4</v>
          </cell>
          <cell r="F479">
            <v>1.4763999999999999</v>
          </cell>
        </row>
        <row r="480">
          <cell r="C480">
            <v>1999</v>
          </cell>
          <cell r="D480">
            <v>4</v>
          </cell>
          <cell r="F480">
            <v>1.4763999999999999</v>
          </cell>
        </row>
        <row r="481">
          <cell r="C481">
            <v>1999</v>
          </cell>
          <cell r="D481">
            <v>4</v>
          </cell>
          <cell r="F481">
            <v>1.4763999999999999</v>
          </cell>
        </row>
        <row r="482">
          <cell r="C482">
            <v>1999</v>
          </cell>
          <cell r="D482">
            <v>4</v>
          </cell>
          <cell r="F482">
            <v>1.4790000000000001</v>
          </cell>
        </row>
        <row r="483">
          <cell r="C483">
            <v>1999</v>
          </cell>
          <cell r="D483">
            <v>4</v>
          </cell>
          <cell r="F483">
            <v>1.4785999999999999</v>
          </cell>
        </row>
        <row r="484">
          <cell r="C484">
            <v>1999</v>
          </cell>
          <cell r="D484">
            <v>4</v>
          </cell>
          <cell r="F484">
            <v>1.4764999999999999</v>
          </cell>
        </row>
        <row r="485">
          <cell r="C485">
            <v>1999</v>
          </cell>
          <cell r="D485">
            <v>4</v>
          </cell>
          <cell r="F485">
            <v>1.4666999999999999</v>
          </cell>
        </row>
        <row r="486">
          <cell r="C486">
            <v>1999</v>
          </cell>
          <cell r="D486">
            <v>5</v>
          </cell>
          <cell r="F486">
            <v>1.4576</v>
          </cell>
        </row>
        <row r="487">
          <cell r="C487">
            <v>1999</v>
          </cell>
          <cell r="D487">
            <v>5</v>
          </cell>
          <cell r="F487">
            <v>1.4576</v>
          </cell>
        </row>
        <row r="488">
          <cell r="C488">
            <v>1999</v>
          </cell>
          <cell r="D488">
            <v>5</v>
          </cell>
          <cell r="F488">
            <v>1.4576</v>
          </cell>
        </row>
        <row r="489">
          <cell r="C489">
            <v>1999</v>
          </cell>
          <cell r="D489">
            <v>5</v>
          </cell>
          <cell r="F489">
            <v>1.4504999999999999</v>
          </cell>
        </row>
        <row r="490">
          <cell r="C490">
            <v>1999</v>
          </cell>
          <cell r="D490">
            <v>5</v>
          </cell>
          <cell r="F490">
            <v>1.4532</v>
          </cell>
        </row>
        <row r="491">
          <cell r="C491">
            <v>1999</v>
          </cell>
          <cell r="D491">
            <v>5</v>
          </cell>
          <cell r="F491">
            <v>1.456</v>
          </cell>
        </row>
        <row r="492">
          <cell r="C492">
            <v>1999</v>
          </cell>
          <cell r="D492">
            <v>5</v>
          </cell>
          <cell r="F492">
            <v>1.456</v>
          </cell>
        </row>
        <row r="493">
          <cell r="C493">
            <v>1999</v>
          </cell>
          <cell r="D493">
            <v>5</v>
          </cell>
          <cell r="F493">
            <v>1.4582999999999999</v>
          </cell>
        </row>
        <row r="494">
          <cell r="C494">
            <v>1999</v>
          </cell>
          <cell r="D494">
            <v>5</v>
          </cell>
          <cell r="F494">
            <v>1.4582999999999999</v>
          </cell>
        </row>
        <row r="495">
          <cell r="C495">
            <v>1999</v>
          </cell>
          <cell r="D495">
            <v>5</v>
          </cell>
          <cell r="F495">
            <v>1.4582999999999999</v>
          </cell>
        </row>
        <row r="496">
          <cell r="C496">
            <v>1999</v>
          </cell>
          <cell r="D496">
            <v>5</v>
          </cell>
          <cell r="F496">
            <v>1.4597</v>
          </cell>
        </row>
        <row r="497">
          <cell r="C497">
            <v>1999</v>
          </cell>
          <cell r="D497">
            <v>5</v>
          </cell>
          <cell r="F497">
            <v>1.4544999999999999</v>
          </cell>
        </row>
        <row r="498">
          <cell r="C498">
            <v>1999</v>
          </cell>
          <cell r="D498">
            <v>5</v>
          </cell>
          <cell r="F498">
            <v>1.4608000000000001</v>
          </cell>
        </row>
        <row r="499">
          <cell r="C499">
            <v>1999</v>
          </cell>
          <cell r="D499">
            <v>5</v>
          </cell>
          <cell r="F499">
            <v>1.4599</v>
          </cell>
        </row>
        <row r="500">
          <cell r="C500">
            <v>1999</v>
          </cell>
          <cell r="D500">
            <v>5</v>
          </cell>
          <cell r="F500">
            <v>1.4638</v>
          </cell>
        </row>
        <row r="501">
          <cell r="C501">
            <v>1999</v>
          </cell>
          <cell r="D501">
            <v>5</v>
          </cell>
          <cell r="F501">
            <v>1.4638</v>
          </cell>
        </row>
        <row r="502">
          <cell r="C502">
            <v>1999</v>
          </cell>
          <cell r="D502">
            <v>5</v>
          </cell>
          <cell r="F502">
            <v>1.4638</v>
          </cell>
        </row>
        <row r="503">
          <cell r="C503">
            <v>1999</v>
          </cell>
          <cell r="D503">
            <v>5</v>
          </cell>
          <cell r="F503">
            <v>1.4602999999999999</v>
          </cell>
        </row>
        <row r="504">
          <cell r="C504">
            <v>1999</v>
          </cell>
          <cell r="D504">
            <v>5</v>
          </cell>
          <cell r="F504">
            <v>1.4604999999999999</v>
          </cell>
        </row>
        <row r="505">
          <cell r="C505">
            <v>1999</v>
          </cell>
          <cell r="D505">
            <v>5</v>
          </cell>
          <cell r="F505">
            <v>1.4659</v>
          </cell>
        </row>
        <row r="506">
          <cell r="C506">
            <v>1999</v>
          </cell>
          <cell r="D506">
            <v>5</v>
          </cell>
          <cell r="F506">
            <v>1.4657</v>
          </cell>
        </row>
        <row r="507">
          <cell r="C507">
            <v>1999</v>
          </cell>
          <cell r="D507">
            <v>5</v>
          </cell>
          <cell r="F507">
            <v>1.4595</v>
          </cell>
        </row>
        <row r="508">
          <cell r="C508">
            <v>1999</v>
          </cell>
          <cell r="D508">
            <v>5</v>
          </cell>
          <cell r="F508">
            <v>1.4595</v>
          </cell>
        </row>
        <row r="509">
          <cell r="C509">
            <v>1999</v>
          </cell>
          <cell r="D509">
            <v>5</v>
          </cell>
          <cell r="F509">
            <v>1.4595</v>
          </cell>
        </row>
        <row r="510">
          <cell r="C510">
            <v>1999</v>
          </cell>
          <cell r="D510">
            <v>5</v>
          </cell>
          <cell r="F510">
            <v>1.4595</v>
          </cell>
        </row>
        <row r="511">
          <cell r="C511">
            <v>1999</v>
          </cell>
          <cell r="D511">
            <v>5</v>
          </cell>
          <cell r="F511">
            <v>1.4598</v>
          </cell>
        </row>
        <row r="512">
          <cell r="C512">
            <v>1999</v>
          </cell>
          <cell r="D512">
            <v>5</v>
          </cell>
          <cell r="F512">
            <v>1.4723999999999999</v>
          </cell>
        </row>
        <row r="513">
          <cell r="C513">
            <v>1999</v>
          </cell>
          <cell r="D513">
            <v>5</v>
          </cell>
          <cell r="F513">
            <v>1.4751000000000001</v>
          </cell>
        </row>
        <row r="514">
          <cell r="C514">
            <v>1999</v>
          </cell>
          <cell r="D514">
            <v>5</v>
          </cell>
          <cell r="F514">
            <v>1.472</v>
          </cell>
        </row>
        <row r="515">
          <cell r="C515">
            <v>1999</v>
          </cell>
          <cell r="D515">
            <v>5</v>
          </cell>
          <cell r="F515">
            <v>1.472</v>
          </cell>
        </row>
        <row r="516">
          <cell r="C516">
            <v>1999</v>
          </cell>
          <cell r="D516">
            <v>5</v>
          </cell>
          <cell r="F516">
            <v>1.472</v>
          </cell>
        </row>
        <row r="517">
          <cell r="C517">
            <v>1999</v>
          </cell>
          <cell r="D517">
            <v>6</v>
          </cell>
          <cell r="F517">
            <v>1.4770000000000001</v>
          </cell>
        </row>
        <row r="518">
          <cell r="C518">
            <v>1999</v>
          </cell>
          <cell r="D518">
            <v>6</v>
          </cell>
          <cell r="F518">
            <v>1.4835</v>
          </cell>
        </row>
        <row r="519">
          <cell r="C519">
            <v>1999</v>
          </cell>
          <cell r="D519">
            <v>6</v>
          </cell>
          <cell r="F519">
            <v>1.4801</v>
          </cell>
        </row>
        <row r="520">
          <cell r="C520">
            <v>1999</v>
          </cell>
          <cell r="D520">
            <v>6</v>
          </cell>
          <cell r="F520">
            <v>1.4762</v>
          </cell>
        </row>
        <row r="521">
          <cell r="C521">
            <v>1999</v>
          </cell>
          <cell r="D521">
            <v>6</v>
          </cell>
          <cell r="F521">
            <v>1.4697</v>
          </cell>
        </row>
        <row r="522">
          <cell r="C522">
            <v>1999</v>
          </cell>
          <cell r="D522">
            <v>6</v>
          </cell>
          <cell r="F522">
            <v>1.4697</v>
          </cell>
        </row>
        <row r="523">
          <cell r="C523">
            <v>1999</v>
          </cell>
          <cell r="D523">
            <v>6</v>
          </cell>
          <cell r="F523">
            <v>1.4697</v>
          </cell>
        </row>
        <row r="524">
          <cell r="C524">
            <v>1999</v>
          </cell>
          <cell r="D524">
            <v>6</v>
          </cell>
          <cell r="F524">
            <v>1.4730000000000001</v>
          </cell>
        </row>
        <row r="525">
          <cell r="C525">
            <v>1999</v>
          </cell>
          <cell r="D525">
            <v>6</v>
          </cell>
          <cell r="F525">
            <v>1.4698</v>
          </cell>
        </row>
        <row r="526">
          <cell r="C526">
            <v>1999</v>
          </cell>
          <cell r="D526">
            <v>6</v>
          </cell>
          <cell r="F526">
            <v>1.4722</v>
          </cell>
        </row>
        <row r="527">
          <cell r="C527">
            <v>1999</v>
          </cell>
          <cell r="D527">
            <v>6</v>
          </cell>
          <cell r="F527">
            <v>1.4601999999999999</v>
          </cell>
        </row>
        <row r="528">
          <cell r="C528">
            <v>1999</v>
          </cell>
          <cell r="D528">
            <v>6</v>
          </cell>
          <cell r="F528">
            <v>1.4603999999999999</v>
          </cell>
        </row>
        <row r="529">
          <cell r="C529">
            <v>1999</v>
          </cell>
          <cell r="D529">
            <v>6</v>
          </cell>
          <cell r="F529">
            <v>1.4603999999999999</v>
          </cell>
        </row>
        <row r="530">
          <cell r="C530">
            <v>1999</v>
          </cell>
          <cell r="D530">
            <v>6</v>
          </cell>
          <cell r="F530">
            <v>1.4603999999999999</v>
          </cell>
        </row>
        <row r="531">
          <cell r="C531">
            <v>1999</v>
          </cell>
          <cell r="D531">
            <v>6</v>
          </cell>
          <cell r="F531">
            <v>1.4598</v>
          </cell>
        </row>
        <row r="532">
          <cell r="C532">
            <v>1999</v>
          </cell>
          <cell r="D532">
            <v>6</v>
          </cell>
          <cell r="F532">
            <v>1.4644999999999999</v>
          </cell>
        </row>
        <row r="533">
          <cell r="C533">
            <v>1999</v>
          </cell>
          <cell r="D533">
            <v>6</v>
          </cell>
          <cell r="F533">
            <v>1.4587000000000001</v>
          </cell>
        </row>
        <row r="534">
          <cell r="C534">
            <v>1999</v>
          </cell>
          <cell r="D534">
            <v>6</v>
          </cell>
          <cell r="F534">
            <v>1.4610000000000001</v>
          </cell>
        </row>
        <row r="535">
          <cell r="C535">
            <v>1999</v>
          </cell>
          <cell r="D535">
            <v>6</v>
          </cell>
          <cell r="F535">
            <v>1.4641999999999999</v>
          </cell>
        </row>
        <row r="536">
          <cell r="C536">
            <v>1999</v>
          </cell>
          <cell r="D536">
            <v>6</v>
          </cell>
          <cell r="F536">
            <v>1.4641999999999999</v>
          </cell>
        </row>
        <row r="537">
          <cell r="C537">
            <v>1999</v>
          </cell>
          <cell r="D537">
            <v>6</v>
          </cell>
          <cell r="F537">
            <v>1.4641999999999999</v>
          </cell>
        </row>
        <row r="538">
          <cell r="C538">
            <v>1999</v>
          </cell>
          <cell r="D538">
            <v>6</v>
          </cell>
          <cell r="F538">
            <v>1.4724999999999999</v>
          </cell>
        </row>
        <row r="539">
          <cell r="C539">
            <v>1999</v>
          </cell>
          <cell r="D539">
            <v>6</v>
          </cell>
          <cell r="F539">
            <v>1.47</v>
          </cell>
        </row>
        <row r="540">
          <cell r="C540">
            <v>1999</v>
          </cell>
          <cell r="D540">
            <v>6</v>
          </cell>
          <cell r="F540">
            <v>1.4733000000000001</v>
          </cell>
        </row>
        <row r="541">
          <cell r="C541">
            <v>1999</v>
          </cell>
          <cell r="D541">
            <v>6</v>
          </cell>
          <cell r="F541">
            <v>1.4706999999999999</v>
          </cell>
        </row>
        <row r="542">
          <cell r="C542">
            <v>1999</v>
          </cell>
          <cell r="D542">
            <v>6</v>
          </cell>
          <cell r="F542">
            <v>1.4632000000000001</v>
          </cell>
        </row>
        <row r="543">
          <cell r="C543">
            <v>1999</v>
          </cell>
          <cell r="D543">
            <v>6</v>
          </cell>
          <cell r="F543">
            <v>1.4632000000000001</v>
          </cell>
        </row>
        <row r="544">
          <cell r="C544">
            <v>1999</v>
          </cell>
          <cell r="D544">
            <v>6</v>
          </cell>
          <cell r="F544">
            <v>1.4632000000000001</v>
          </cell>
        </row>
        <row r="545">
          <cell r="C545">
            <v>1999</v>
          </cell>
          <cell r="D545">
            <v>6</v>
          </cell>
          <cell r="F545">
            <v>1.4694</v>
          </cell>
        </row>
        <row r="546">
          <cell r="C546">
            <v>1999</v>
          </cell>
          <cell r="D546">
            <v>6</v>
          </cell>
          <cell r="F546">
            <v>1.4757</v>
          </cell>
        </row>
        <row r="547">
          <cell r="C547">
            <v>1999</v>
          </cell>
          <cell r="D547">
            <v>7</v>
          </cell>
          <cell r="F547">
            <v>1.472</v>
          </cell>
        </row>
        <row r="548">
          <cell r="C548">
            <v>1999</v>
          </cell>
          <cell r="D548">
            <v>7</v>
          </cell>
          <cell r="F548">
            <v>1.472</v>
          </cell>
        </row>
        <row r="549">
          <cell r="C549">
            <v>1999</v>
          </cell>
          <cell r="D549">
            <v>7</v>
          </cell>
          <cell r="F549">
            <v>1.4644999999999999</v>
          </cell>
        </row>
        <row r="550">
          <cell r="C550">
            <v>1999</v>
          </cell>
          <cell r="D550">
            <v>7</v>
          </cell>
          <cell r="F550">
            <v>1.4644999999999999</v>
          </cell>
        </row>
        <row r="551">
          <cell r="C551">
            <v>1999</v>
          </cell>
          <cell r="D551">
            <v>7</v>
          </cell>
          <cell r="F551">
            <v>1.4644999999999999</v>
          </cell>
        </row>
        <row r="552">
          <cell r="C552">
            <v>1999</v>
          </cell>
          <cell r="D552">
            <v>7</v>
          </cell>
          <cell r="F552">
            <v>1.4673</v>
          </cell>
        </row>
        <row r="553">
          <cell r="C553">
            <v>1999</v>
          </cell>
          <cell r="D553">
            <v>7</v>
          </cell>
          <cell r="F553">
            <v>1.4681999999999999</v>
          </cell>
        </row>
        <row r="554">
          <cell r="C554">
            <v>1999</v>
          </cell>
          <cell r="D554">
            <v>7</v>
          </cell>
          <cell r="F554">
            <v>1.47</v>
          </cell>
        </row>
        <row r="555">
          <cell r="C555">
            <v>1999</v>
          </cell>
          <cell r="D555">
            <v>7</v>
          </cell>
          <cell r="F555">
            <v>1.4697</v>
          </cell>
        </row>
        <row r="556">
          <cell r="C556">
            <v>1999</v>
          </cell>
          <cell r="D556">
            <v>7</v>
          </cell>
          <cell r="F556">
            <v>1.4731000000000001</v>
          </cell>
        </row>
        <row r="557">
          <cell r="C557">
            <v>1999</v>
          </cell>
          <cell r="D557">
            <v>7</v>
          </cell>
          <cell r="F557">
            <v>1.4731000000000001</v>
          </cell>
        </row>
        <row r="558">
          <cell r="C558">
            <v>1999</v>
          </cell>
          <cell r="D558">
            <v>7</v>
          </cell>
          <cell r="F558">
            <v>1.4731000000000001</v>
          </cell>
        </row>
        <row r="559">
          <cell r="C559">
            <v>1999</v>
          </cell>
          <cell r="D559">
            <v>7</v>
          </cell>
          <cell r="F559">
            <v>1.4813000000000001</v>
          </cell>
        </row>
        <row r="560">
          <cell r="C560">
            <v>1999</v>
          </cell>
          <cell r="D560">
            <v>7</v>
          </cell>
          <cell r="F560">
            <v>1.4824999999999999</v>
          </cell>
        </row>
        <row r="561">
          <cell r="C561">
            <v>1999</v>
          </cell>
          <cell r="D561">
            <v>7</v>
          </cell>
          <cell r="F561">
            <v>1.4806999999999999</v>
          </cell>
        </row>
        <row r="562">
          <cell r="C562">
            <v>1999</v>
          </cell>
          <cell r="D562">
            <v>7</v>
          </cell>
          <cell r="F562">
            <v>1.4823999999999999</v>
          </cell>
        </row>
        <row r="563">
          <cell r="C563">
            <v>1999</v>
          </cell>
          <cell r="D563">
            <v>7</v>
          </cell>
          <cell r="F563">
            <v>1.4823999999999999</v>
          </cell>
        </row>
        <row r="564">
          <cell r="C564">
            <v>1999</v>
          </cell>
          <cell r="D564">
            <v>7</v>
          </cell>
          <cell r="F564">
            <v>1.4823999999999999</v>
          </cell>
        </row>
        <row r="565">
          <cell r="C565">
            <v>1999</v>
          </cell>
          <cell r="D565">
            <v>7</v>
          </cell>
          <cell r="F565">
            <v>1.4823999999999999</v>
          </cell>
        </row>
        <row r="566">
          <cell r="C566">
            <v>1999</v>
          </cell>
          <cell r="D566">
            <v>7</v>
          </cell>
          <cell r="F566">
            <v>1.4916</v>
          </cell>
        </row>
        <row r="567">
          <cell r="C567">
            <v>1999</v>
          </cell>
          <cell r="D567">
            <v>7</v>
          </cell>
          <cell r="F567">
            <v>1.4914000000000001</v>
          </cell>
        </row>
        <row r="568">
          <cell r="C568">
            <v>1999</v>
          </cell>
          <cell r="D568">
            <v>7</v>
          </cell>
          <cell r="F568">
            <v>1.5009999999999999</v>
          </cell>
        </row>
        <row r="569">
          <cell r="C569">
            <v>1999</v>
          </cell>
          <cell r="D569">
            <v>7</v>
          </cell>
          <cell r="F569">
            <v>1.5024999999999999</v>
          </cell>
        </row>
        <row r="570">
          <cell r="C570">
            <v>1999</v>
          </cell>
          <cell r="D570">
            <v>7</v>
          </cell>
          <cell r="F570">
            <v>1.5075000000000001</v>
          </cell>
        </row>
        <row r="571">
          <cell r="C571">
            <v>1999</v>
          </cell>
          <cell r="D571">
            <v>7</v>
          </cell>
          <cell r="F571">
            <v>1.5075000000000001</v>
          </cell>
        </row>
        <row r="572">
          <cell r="C572">
            <v>1999</v>
          </cell>
          <cell r="D572">
            <v>7</v>
          </cell>
          <cell r="F572">
            <v>1.5075000000000001</v>
          </cell>
        </row>
        <row r="573">
          <cell r="C573">
            <v>1999</v>
          </cell>
          <cell r="D573">
            <v>7</v>
          </cell>
          <cell r="F573">
            <v>1.5098</v>
          </cell>
        </row>
        <row r="574">
          <cell r="C574">
            <v>1999</v>
          </cell>
          <cell r="D574">
            <v>7</v>
          </cell>
          <cell r="F574">
            <v>1.5132000000000001</v>
          </cell>
        </row>
        <row r="575">
          <cell r="C575">
            <v>1999</v>
          </cell>
          <cell r="D575">
            <v>7</v>
          </cell>
          <cell r="F575">
            <v>1.5109999999999999</v>
          </cell>
        </row>
        <row r="576">
          <cell r="C576">
            <v>1999</v>
          </cell>
          <cell r="D576">
            <v>7</v>
          </cell>
          <cell r="F576">
            <v>1.508</v>
          </cell>
        </row>
        <row r="577">
          <cell r="C577">
            <v>1999</v>
          </cell>
          <cell r="D577">
            <v>7</v>
          </cell>
          <cell r="F577">
            <v>1.5063</v>
          </cell>
        </row>
        <row r="578">
          <cell r="C578">
            <v>1999</v>
          </cell>
          <cell r="D578">
            <v>8</v>
          </cell>
          <cell r="F578">
            <v>1.5063</v>
          </cell>
        </row>
        <row r="579">
          <cell r="C579">
            <v>1999</v>
          </cell>
          <cell r="D579">
            <v>8</v>
          </cell>
          <cell r="F579">
            <v>1.5063</v>
          </cell>
        </row>
        <row r="580">
          <cell r="C580">
            <v>1999</v>
          </cell>
          <cell r="D580">
            <v>8</v>
          </cell>
          <cell r="F580">
            <v>1.5063</v>
          </cell>
        </row>
        <row r="581">
          <cell r="C581">
            <v>1999</v>
          </cell>
          <cell r="D581">
            <v>8</v>
          </cell>
          <cell r="F581">
            <v>1.4944999999999999</v>
          </cell>
        </row>
        <row r="582">
          <cell r="C582">
            <v>1999</v>
          </cell>
          <cell r="D582">
            <v>8</v>
          </cell>
          <cell r="F582">
            <v>1.4895</v>
          </cell>
        </row>
        <row r="583">
          <cell r="C583">
            <v>1999</v>
          </cell>
          <cell r="D583">
            <v>8</v>
          </cell>
          <cell r="F583">
            <v>1.4944999999999999</v>
          </cell>
        </row>
        <row r="584">
          <cell r="C584">
            <v>1999</v>
          </cell>
          <cell r="D584">
            <v>8</v>
          </cell>
          <cell r="F584">
            <v>1.5038</v>
          </cell>
        </row>
        <row r="585">
          <cell r="C585">
            <v>1999</v>
          </cell>
          <cell r="D585">
            <v>8</v>
          </cell>
          <cell r="F585">
            <v>1.5038</v>
          </cell>
        </row>
        <row r="586">
          <cell r="C586">
            <v>1999</v>
          </cell>
          <cell r="D586">
            <v>8</v>
          </cell>
          <cell r="F586">
            <v>1.5038</v>
          </cell>
        </row>
        <row r="587">
          <cell r="C587">
            <v>1999</v>
          </cell>
          <cell r="D587">
            <v>8</v>
          </cell>
          <cell r="F587">
            <v>1.5031000000000001</v>
          </cell>
        </row>
        <row r="588">
          <cell r="C588">
            <v>1999</v>
          </cell>
          <cell r="D588">
            <v>8</v>
          </cell>
          <cell r="F588">
            <v>1.5</v>
          </cell>
        </row>
        <row r="589">
          <cell r="C589">
            <v>1999</v>
          </cell>
          <cell r="D589">
            <v>8</v>
          </cell>
          <cell r="F589">
            <v>1.4906999999999999</v>
          </cell>
        </row>
        <row r="590">
          <cell r="C590">
            <v>1999</v>
          </cell>
          <cell r="D590">
            <v>8</v>
          </cell>
          <cell r="F590">
            <v>1.4846999999999999</v>
          </cell>
        </row>
        <row r="591">
          <cell r="C591">
            <v>1999</v>
          </cell>
          <cell r="D591">
            <v>8</v>
          </cell>
          <cell r="F591">
            <v>1.4777</v>
          </cell>
        </row>
        <row r="592">
          <cell r="C592">
            <v>1999</v>
          </cell>
          <cell r="D592">
            <v>8</v>
          </cell>
          <cell r="F592">
            <v>1.4777</v>
          </cell>
        </row>
        <row r="593">
          <cell r="C593">
            <v>1999</v>
          </cell>
          <cell r="D593">
            <v>8</v>
          </cell>
          <cell r="F593">
            <v>1.4777</v>
          </cell>
        </row>
        <row r="594">
          <cell r="C594">
            <v>1999</v>
          </cell>
          <cell r="D594">
            <v>8</v>
          </cell>
          <cell r="F594">
            <v>1.4813000000000001</v>
          </cell>
        </row>
        <row r="595">
          <cell r="C595">
            <v>1999</v>
          </cell>
          <cell r="D595">
            <v>8</v>
          </cell>
          <cell r="F595">
            <v>1.4786999999999999</v>
          </cell>
        </row>
        <row r="596">
          <cell r="C596">
            <v>1999</v>
          </cell>
          <cell r="D596">
            <v>8</v>
          </cell>
          <cell r="F596">
            <v>1.4830000000000001</v>
          </cell>
        </row>
        <row r="597">
          <cell r="C597">
            <v>1999</v>
          </cell>
          <cell r="D597">
            <v>8</v>
          </cell>
          <cell r="F597">
            <v>1.4935</v>
          </cell>
        </row>
        <row r="598">
          <cell r="C598">
            <v>1999</v>
          </cell>
          <cell r="D598">
            <v>8</v>
          </cell>
          <cell r="F598">
            <v>1.4941</v>
          </cell>
        </row>
        <row r="599">
          <cell r="C599">
            <v>1999</v>
          </cell>
          <cell r="D599">
            <v>8</v>
          </cell>
          <cell r="F599">
            <v>1.4941</v>
          </cell>
        </row>
        <row r="600">
          <cell r="C600">
            <v>1999</v>
          </cell>
          <cell r="D600">
            <v>8</v>
          </cell>
          <cell r="F600">
            <v>1.4941</v>
          </cell>
        </row>
        <row r="601">
          <cell r="C601">
            <v>1999</v>
          </cell>
          <cell r="D601">
            <v>8</v>
          </cell>
          <cell r="F601">
            <v>1.4955000000000001</v>
          </cell>
        </row>
        <row r="602">
          <cell r="C602">
            <v>1999</v>
          </cell>
          <cell r="D602">
            <v>8</v>
          </cell>
          <cell r="F602">
            <v>1.4957</v>
          </cell>
        </row>
        <row r="603">
          <cell r="C603">
            <v>1999</v>
          </cell>
          <cell r="D603">
            <v>8</v>
          </cell>
          <cell r="F603">
            <v>1.4959</v>
          </cell>
        </row>
        <row r="604">
          <cell r="C604">
            <v>1999</v>
          </cell>
          <cell r="D604">
            <v>8</v>
          </cell>
          <cell r="F604">
            <v>1.5025999999999999</v>
          </cell>
        </row>
        <row r="605">
          <cell r="C605">
            <v>1999</v>
          </cell>
          <cell r="D605">
            <v>8</v>
          </cell>
          <cell r="F605">
            <v>1.492</v>
          </cell>
        </row>
        <row r="606">
          <cell r="C606">
            <v>1999</v>
          </cell>
          <cell r="D606">
            <v>8</v>
          </cell>
          <cell r="F606">
            <v>1.492</v>
          </cell>
        </row>
        <row r="607">
          <cell r="C607">
            <v>1999</v>
          </cell>
          <cell r="D607">
            <v>8</v>
          </cell>
          <cell r="F607">
            <v>1.492</v>
          </cell>
        </row>
        <row r="608">
          <cell r="C608">
            <v>1999</v>
          </cell>
          <cell r="D608">
            <v>8</v>
          </cell>
          <cell r="F608">
            <v>1.4926999999999999</v>
          </cell>
        </row>
        <row r="609">
          <cell r="C609">
            <v>1999</v>
          </cell>
          <cell r="D609">
            <v>9</v>
          </cell>
          <cell r="F609">
            <v>1.4958</v>
          </cell>
        </row>
        <row r="610">
          <cell r="C610">
            <v>1999</v>
          </cell>
          <cell r="D610">
            <v>9</v>
          </cell>
          <cell r="F610">
            <v>1.4857</v>
          </cell>
        </row>
        <row r="611">
          <cell r="C611">
            <v>1999</v>
          </cell>
          <cell r="D611">
            <v>9</v>
          </cell>
          <cell r="F611">
            <v>1.4942</v>
          </cell>
        </row>
        <row r="612">
          <cell r="C612">
            <v>1999</v>
          </cell>
          <cell r="D612">
            <v>9</v>
          </cell>
          <cell r="F612">
            <v>1.4907999999999999</v>
          </cell>
        </row>
        <row r="613">
          <cell r="C613">
            <v>1999</v>
          </cell>
          <cell r="D613">
            <v>9</v>
          </cell>
          <cell r="F613">
            <v>1.4907999999999999</v>
          </cell>
        </row>
        <row r="614">
          <cell r="C614">
            <v>1999</v>
          </cell>
          <cell r="D614">
            <v>9</v>
          </cell>
          <cell r="F614">
            <v>1.4907999999999999</v>
          </cell>
        </row>
        <row r="615">
          <cell r="C615">
            <v>1999</v>
          </cell>
          <cell r="D615">
            <v>9</v>
          </cell>
          <cell r="F615">
            <v>1.4907999999999999</v>
          </cell>
        </row>
        <row r="616">
          <cell r="C616">
            <v>1999</v>
          </cell>
          <cell r="D616">
            <v>9</v>
          </cell>
          <cell r="F616">
            <v>1.4934000000000001</v>
          </cell>
        </row>
        <row r="617">
          <cell r="C617">
            <v>1999</v>
          </cell>
          <cell r="D617">
            <v>9</v>
          </cell>
          <cell r="F617">
            <v>1.4874000000000001</v>
          </cell>
        </row>
        <row r="618">
          <cell r="C618">
            <v>1999</v>
          </cell>
          <cell r="D618">
            <v>9</v>
          </cell>
          <cell r="F618">
            <v>1.4802999999999999</v>
          </cell>
        </row>
        <row r="619">
          <cell r="C619">
            <v>1999</v>
          </cell>
          <cell r="D619">
            <v>9</v>
          </cell>
          <cell r="F619">
            <v>1.4748000000000001</v>
          </cell>
        </row>
        <row r="620">
          <cell r="C620">
            <v>1999</v>
          </cell>
          <cell r="D620">
            <v>9</v>
          </cell>
          <cell r="F620">
            <v>1.4748000000000001</v>
          </cell>
        </row>
        <row r="621">
          <cell r="C621">
            <v>1999</v>
          </cell>
          <cell r="D621">
            <v>9</v>
          </cell>
          <cell r="F621">
            <v>1.4748000000000001</v>
          </cell>
        </row>
        <row r="622">
          <cell r="C622">
            <v>1999</v>
          </cell>
          <cell r="D622">
            <v>9</v>
          </cell>
          <cell r="F622">
            <v>1.47</v>
          </cell>
        </row>
        <row r="623">
          <cell r="C623">
            <v>1999</v>
          </cell>
          <cell r="D623">
            <v>9</v>
          </cell>
          <cell r="F623">
            <v>1.4737</v>
          </cell>
        </row>
        <row r="624">
          <cell r="C624">
            <v>1999</v>
          </cell>
          <cell r="D624">
            <v>9</v>
          </cell>
          <cell r="F624">
            <v>1.4754</v>
          </cell>
        </row>
        <row r="625">
          <cell r="C625">
            <v>1999</v>
          </cell>
          <cell r="D625">
            <v>9</v>
          </cell>
          <cell r="F625">
            <v>1.476</v>
          </cell>
        </row>
        <row r="626">
          <cell r="C626">
            <v>1999</v>
          </cell>
          <cell r="D626">
            <v>9</v>
          </cell>
          <cell r="F626">
            <v>1.474</v>
          </cell>
        </row>
        <row r="627">
          <cell r="C627">
            <v>1999</v>
          </cell>
          <cell r="D627">
            <v>9</v>
          </cell>
          <cell r="F627">
            <v>1.474</v>
          </cell>
        </row>
        <row r="628">
          <cell r="C628">
            <v>1999</v>
          </cell>
          <cell r="D628">
            <v>9</v>
          </cell>
          <cell r="F628">
            <v>1.474</v>
          </cell>
        </row>
        <row r="629">
          <cell r="C629">
            <v>1999</v>
          </cell>
          <cell r="D629">
            <v>9</v>
          </cell>
          <cell r="F629">
            <v>1.4790000000000001</v>
          </cell>
        </row>
        <row r="630">
          <cell r="C630">
            <v>1999</v>
          </cell>
          <cell r="D630">
            <v>9</v>
          </cell>
          <cell r="F630">
            <v>1.4722</v>
          </cell>
        </row>
        <row r="631">
          <cell r="C631">
            <v>1999</v>
          </cell>
          <cell r="D631">
            <v>9</v>
          </cell>
          <cell r="F631">
            <v>1.4681999999999999</v>
          </cell>
        </row>
        <row r="632">
          <cell r="C632">
            <v>1999</v>
          </cell>
          <cell r="D632">
            <v>9</v>
          </cell>
          <cell r="F632">
            <v>1.4753000000000001</v>
          </cell>
        </row>
        <row r="633">
          <cell r="C633">
            <v>1999</v>
          </cell>
          <cell r="D633">
            <v>9</v>
          </cell>
          <cell r="F633">
            <v>1.4736</v>
          </cell>
        </row>
        <row r="634">
          <cell r="C634">
            <v>1999</v>
          </cell>
          <cell r="D634">
            <v>9</v>
          </cell>
          <cell r="F634">
            <v>1.4736</v>
          </cell>
        </row>
        <row r="635">
          <cell r="C635">
            <v>1999</v>
          </cell>
          <cell r="D635">
            <v>9</v>
          </cell>
          <cell r="F635">
            <v>1.4736</v>
          </cell>
        </row>
        <row r="636">
          <cell r="C636">
            <v>1999</v>
          </cell>
          <cell r="D636">
            <v>9</v>
          </cell>
          <cell r="F636">
            <v>1.4713000000000001</v>
          </cell>
        </row>
        <row r="637">
          <cell r="C637">
            <v>1999</v>
          </cell>
          <cell r="D637">
            <v>9</v>
          </cell>
          <cell r="F637">
            <v>1.4642999999999999</v>
          </cell>
        </row>
        <row r="638">
          <cell r="C638">
            <v>1999</v>
          </cell>
          <cell r="D638">
            <v>9</v>
          </cell>
          <cell r="F638">
            <v>1.4637</v>
          </cell>
        </row>
        <row r="639">
          <cell r="C639">
            <v>1999</v>
          </cell>
          <cell r="D639">
            <v>10</v>
          </cell>
          <cell r="F639">
            <v>1.47</v>
          </cell>
        </row>
        <row r="640">
          <cell r="C640">
            <v>1999</v>
          </cell>
          <cell r="D640">
            <v>10</v>
          </cell>
          <cell r="F640">
            <v>1.4722999999999999</v>
          </cell>
        </row>
        <row r="641">
          <cell r="C641">
            <v>1999</v>
          </cell>
          <cell r="D641">
            <v>10</v>
          </cell>
          <cell r="F641">
            <v>1.4722999999999999</v>
          </cell>
        </row>
        <row r="642">
          <cell r="C642">
            <v>1999</v>
          </cell>
          <cell r="D642">
            <v>10</v>
          </cell>
          <cell r="F642">
            <v>1.4722999999999999</v>
          </cell>
        </row>
        <row r="643">
          <cell r="C643">
            <v>1999</v>
          </cell>
          <cell r="D643">
            <v>10</v>
          </cell>
          <cell r="F643">
            <v>1.4698</v>
          </cell>
        </row>
        <row r="644">
          <cell r="C644">
            <v>1999</v>
          </cell>
          <cell r="D644">
            <v>10</v>
          </cell>
          <cell r="F644">
            <v>1.4685999999999999</v>
          </cell>
        </row>
        <row r="645">
          <cell r="C645">
            <v>1999</v>
          </cell>
          <cell r="D645">
            <v>10</v>
          </cell>
          <cell r="F645">
            <v>1.4695</v>
          </cell>
        </row>
        <row r="646">
          <cell r="C646">
            <v>1999</v>
          </cell>
          <cell r="D646">
            <v>10</v>
          </cell>
          <cell r="F646">
            <v>1.4713000000000001</v>
          </cell>
        </row>
        <row r="647">
          <cell r="C647">
            <v>1999</v>
          </cell>
          <cell r="D647">
            <v>10</v>
          </cell>
          <cell r="F647">
            <v>1.4737</v>
          </cell>
        </row>
        <row r="648">
          <cell r="C648">
            <v>1999</v>
          </cell>
          <cell r="D648">
            <v>10</v>
          </cell>
          <cell r="F648">
            <v>1.4737</v>
          </cell>
        </row>
        <row r="649">
          <cell r="C649">
            <v>1999</v>
          </cell>
          <cell r="D649">
            <v>10</v>
          </cell>
          <cell r="F649">
            <v>1.4737</v>
          </cell>
        </row>
        <row r="650">
          <cell r="C650">
            <v>1999</v>
          </cell>
          <cell r="D650">
            <v>10</v>
          </cell>
          <cell r="F650">
            <v>1.4737</v>
          </cell>
        </row>
        <row r="651">
          <cell r="C651">
            <v>1999</v>
          </cell>
          <cell r="D651">
            <v>10</v>
          </cell>
          <cell r="F651">
            <v>1.4750000000000001</v>
          </cell>
        </row>
        <row r="652">
          <cell r="C652">
            <v>1999</v>
          </cell>
          <cell r="D652">
            <v>10</v>
          </cell>
          <cell r="F652">
            <v>1.4812000000000001</v>
          </cell>
        </row>
        <row r="653">
          <cell r="C653">
            <v>1999</v>
          </cell>
          <cell r="D653">
            <v>10</v>
          </cell>
          <cell r="F653">
            <v>1.4819</v>
          </cell>
        </row>
        <row r="654">
          <cell r="C654">
            <v>1999</v>
          </cell>
          <cell r="D654">
            <v>10</v>
          </cell>
          <cell r="F654">
            <v>1.4852000000000001</v>
          </cell>
        </row>
        <row r="655">
          <cell r="C655">
            <v>1999</v>
          </cell>
          <cell r="D655">
            <v>10</v>
          </cell>
          <cell r="F655">
            <v>1.4852000000000001</v>
          </cell>
        </row>
        <row r="656">
          <cell r="C656">
            <v>1999</v>
          </cell>
          <cell r="D656">
            <v>10</v>
          </cell>
          <cell r="F656">
            <v>1.4852000000000001</v>
          </cell>
        </row>
        <row r="657">
          <cell r="C657">
            <v>1999</v>
          </cell>
          <cell r="D657">
            <v>10</v>
          </cell>
          <cell r="F657">
            <v>1.4948999999999999</v>
          </cell>
        </row>
        <row r="658">
          <cell r="C658">
            <v>1999</v>
          </cell>
          <cell r="D658">
            <v>10</v>
          </cell>
          <cell r="F658">
            <v>1.4907999999999999</v>
          </cell>
        </row>
        <row r="659">
          <cell r="C659">
            <v>1999</v>
          </cell>
          <cell r="D659">
            <v>10</v>
          </cell>
          <cell r="F659">
            <v>1.4902</v>
          </cell>
        </row>
        <row r="660">
          <cell r="C660">
            <v>1999</v>
          </cell>
          <cell r="D660">
            <v>10</v>
          </cell>
          <cell r="F660">
            <v>1.4849000000000001</v>
          </cell>
        </row>
        <row r="661">
          <cell r="C661">
            <v>1999</v>
          </cell>
          <cell r="D661">
            <v>10</v>
          </cell>
          <cell r="F661">
            <v>1.4763999999999999</v>
          </cell>
        </row>
        <row r="662">
          <cell r="C662">
            <v>1999</v>
          </cell>
          <cell r="D662">
            <v>10</v>
          </cell>
          <cell r="F662">
            <v>1.4763999999999999</v>
          </cell>
        </row>
        <row r="663">
          <cell r="C663">
            <v>1999</v>
          </cell>
          <cell r="D663">
            <v>10</v>
          </cell>
          <cell r="F663">
            <v>1.4763999999999999</v>
          </cell>
        </row>
        <row r="664">
          <cell r="C664">
            <v>1999</v>
          </cell>
          <cell r="D664">
            <v>10</v>
          </cell>
          <cell r="F664">
            <v>1.4742</v>
          </cell>
        </row>
        <row r="665">
          <cell r="C665">
            <v>1999</v>
          </cell>
          <cell r="D665">
            <v>10</v>
          </cell>
          <cell r="F665">
            <v>1.4713000000000001</v>
          </cell>
        </row>
        <row r="666">
          <cell r="C666">
            <v>1999</v>
          </cell>
          <cell r="D666">
            <v>10</v>
          </cell>
          <cell r="F666">
            <v>1.4709000000000001</v>
          </cell>
        </row>
        <row r="667">
          <cell r="C667">
            <v>1999</v>
          </cell>
          <cell r="D667">
            <v>10</v>
          </cell>
          <cell r="F667">
            <v>1.4722</v>
          </cell>
        </row>
        <row r="668">
          <cell r="C668">
            <v>1999</v>
          </cell>
          <cell r="D668">
            <v>10</v>
          </cell>
          <cell r="F668">
            <v>1.4718</v>
          </cell>
        </row>
        <row r="669">
          <cell r="C669">
            <v>1999</v>
          </cell>
          <cell r="D669">
            <v>10</v>
          </cell>
          <cell r="F669">
            <v>1.4718</v>
          </cell>
        </row>
        <row r="670">
          <cell r="C670">
            <v>1999</v>
          </cell>
          <cell r="D670">
            <v>11</v>
          </cell>
          <cell r="F670">
            <v>1.4718</v>
          </cell>
        </row>
        <row r="671">
          <cell r="C671">
            <v>1999</v>
          </cell>
          <cell r="D671">
            <v>11</v>
          </cell>
          <cell r="F671">
            <v>1.4682999999999999</v>
          </cell>
        </row>
        <row r="672">
          <cell r="C672">
            <v>1999</v>
          </cell>
          <cell r="D672">
            <v>11</v>
          </cell>
          <cell r="F672">
            <v>1.4686999999999999</v>
          </cell>
        </row>
        <row r="673">
          <cell r="C673">
            <v>1999</v>
          </cell>
          <cell r="D673">
            <v>11</v>
          </cell>
          <cell r="F673">
            <v>1.4686999999999999</v>
          </cell>
        </row>
        <row r="674">
          <cell r="C674">
            <v>1999</v>
          </cell>
          <cell r="D674">
            <v>11</v>
          </cell>
          <cell r="F674">
            <v>1.4649000000000001</v>
          </cell>
        </row>
        <row r="675">
          <cell r="C675">
            <v>1999</v>
          </cell>
          <cell r="D675">
            <v>11</v>
          </cell>
          <cell r="F675">
            <v>1.4629000000000001</v>
          </cell>
        </row>
        <row r="676">
          <cell r="C676">
            <v>1999</v>
          </cell>
          <cell r="D676">
            <v>11</v>
          </cell>
          <cell r="F676">
            <v>1.4629000000000001</v>
          </cell>
        </row>
        <row r="677">
          <cell r="C677">
            <v>1999</v>
          </cell>
          <cell r="D677">
            <v>11</v>
          </cell>
          <cell r="F677">
            <v>1.4629000000000001</v>
          </cell>
        </row>
        <row r="678">
          <cell r="C678">
            <v>1999</v>
          </cell>
          <cell r="D678">
            <v>11</v>
          </cell>
          <cell r="F678">
            <v>1.4684999999999999</v>
          </cell>
        </row>
        <row r="679">
          <cell r="C679">
            <v>1999</v>
          </cell>
          <cell r="D679">
            <v>11</v>
          </cell>
          <cell r="F679">
            <v>1.4738</v>
          </cell>
        </row>
        <row r="680">
          <cell r="C680">
            <v>1999</v>
          </cell>
          <cell r="D680">
            <v>11</v>
          </cell>
          <cell r="F680">
            <v>1.4714</v>
          </cell>
        </row>
        <row r="681">
          <cell r="C681">
            <v>1999</v>
          </cell>
          <cell r="D681">
            <v>11</v>
          </cell>
          <cell r="F681">
            <v>1.4714</v>
          </cell>
        </row>
        <row r="682">
          <cell r="C682">
            <v>1999</v>
          </cell>
          <cell r="D682">
            <v>11</v>
          </cell>
          <cell r="F682">
            <v>1.4617</v>
          </cell>
        </row>
        <row r="683">
          <cell r="C683">
            <v>1999</v>
          </cell>
          <cell r="D683">
            <v>11</v>
          </cell>
          <cell r="F683">
            <v>1.4617</v>
          </cell>
        </row>
        <row r="684">
          <cell r="C684">
            <v>1999</v>
          </cell>
          <cell r="D684">
            <v>11</v>
          </cell>
          <cell r="F684">
            <v>1.4617</v>
          </cell>
        </row>
        <row r="685">
          <cell r="C685">
            <v>1999</v>
          </cell>
          <cell r="D685">
            <v>11</v>
          </cell>
          <cell r="F685">
            <v>1.4650000000000001</v>
          </cell>
        </row>
        <row r="686">
          <cell r="C686">
            <v>1999</v>
          </cell>
          <cell r="D686">
            <v>11</v>
          </cell>
          <cell r="F686">
            <v>1.4694</v>
          </cell>
        </row>
        <row r="687">
          <cell r="C687">
            <v>1999</v>
          </cell>
          <cell r="D687">
            <v>11</v>
          </cell>
          <cell r="F687">
            <v>1.4674</v>
          </cell>
        </row>
        <row r="688">
          <cell r="C688">
            <v>1999</v>
          </cell>
          <cell r="D688">
            <v>11</v>
          </cell>
          <cell r="F688">
            <v>1.464</v>
          </cell>
        </row>
        <row r="689">
          <cell r="C689">
            <v>1999</v>
          </cell>
          <cell r="D689">
            <v>11</v>
          </cell>
          <cell r="F689">
            <v>1.4622999999999999</v>
          </cell>
        </row>
        <row r="690">
          <cell r="C690">
            <v>1999</v>
          </cell>
          <cell r="D690">
            <v>11</v>
          </cell>
          <cell r="F690">
            <v>1.4622999999999999</v>
          </cell>
        </row>
        <row r="691">
          <cell r="C691">
            <v>1999</v>
          </cell>
          <cell r="D691">
            <v>11</v>
          </cell>
          <cell r="F691">
            <v>1.4622999999999999</v>
          </cell>
        </row>
        <row r="692">
          <cell r="C692">
            <v>1999</v>
          </cell>
          <cell r="D692">
            <v>11</v>
          </cell>
          <cell r="F692">
            <v>1.4618</v>
          </cell>
        </row>
        <row r="693">
          <cell r="C693">
            <v>1999</v>
          </cell>
          <cell r="D693">
            <v>11</v>
          </cell>
          <cell r="F693">
            <v>1.4646999999999999</v>
          </cell>
        </row>
        <row r="694">
          <cell r="C694">
            <v>1999</v>
          </cell>
          <cell r="D694">
            <v>11</v>
          </cell>
          <cell r="F694">
            <v>1.4686999999999999</v>
          </cell>
        </row>
        <row r="695">
          <cell r="C695">
            <v>1999</v>
          </cell>
          <cell r="D695">
            <v>11</v>
          </cell>
          <cell r="F695">
            <v>1.4684999999999999</v>
          </cell>
        </row>
        <row r="696">
          <cell r="C696">
            <v>1999</v>
          </cell>
          <cell r="D696">
            <v>11</v>
          </cell>
          <cell r="F696">
            <v>1.4681999999999999</v>
          </cell>
        </row>
        <row r="697">
          <cell r="C697">
            <v>1999</v>
          </cell>
          <cell r="D697">
            <v>11</v>
          </cell>
          <cell r="F697">
            <v>1.4681999999999999</v>
          </cell>
        </row>
        <row r="698">
          <cell r="C698">
            <v>1999</v>
          </cell>
          <cell r="D698">
            <v>11</v>
          </cell>
          <cell r="F698">
            <v>1.4681999999999999</v>
          </cell>
        </row>
        <row r="699">
          <cell r="C699">
            <v>1999</v>
          </cell>
          <cell r="D699">
            <v>11</v>
          </cell>
          <cell r="F699">
            <v>1.4748000000000001</v>
          </cell>
        </row>
        <row r="700">
          <cell r="C700">
            <v>1999</v>
          </cell>
          <cell r="D700">
            <v>12</v>
          </cell>
          <cell r="F700">
            <v>1.4728000000000001</v>
          </cell>
        </row>
        <row r="701">
          <cell r="C701">
            <v>1999</v>
          </cell>
          <cell r="D701">
            <v>12</v>
          </cell>
          <cell r="F701">
            <v>1.4742</v>
          </cell>
        </row>
        <row r="702">
          <cell r="C702">
            <v>1999</v>
          </cell>
          <cell r="D702">
            <v>12</v>
          </cell>
          <cell r="F702">
            <v>1.4799</v>
          </cell>
        </row>
        <row r="703">
          <cell r="C703">
            <v>1999</v>
          </cell>
          <cell r="D703">
            <v>12</v>
          </cell>
          <cell r="F703">
            <v>1.4791000000000001</v>
          </cell>
        </row>
        <row r="704">
          <cell r="C704">
            <v>1999</v>
          </cell>
          <cell r="D704">
            <v>12</v>
          </cell>
          <cell r="F704">
            <v>1.4791000000000001</v>
          </cell>
        </row>
        <row r="705">
          <cell r="C705">
            <v>1999</v>
          </cell>
          <cell r="D705">
            <v>12</v>
          </cell>
          <cell r="F705">
            <v>1.4791000000000001</v>
          </cell>
        </row>
        <row r="706">
          <cell r="C706">
            <v>1999</v>
          </cell>
          <cell r="D706">
            <v>12</v>
          </cell>
          <cell r="F706">
            <v>1.4742</v>
          </cell>
        </row>
        <row r="707">
          <cell r="C707">
            <v>1999</v>
          </cell>
          <cell r="D707">
            <v>12</v>
          </cell>
          <cell r="F707">
            <v>1.4749000000000001</v>
          </cell>
        </row>
        <row r="708">
          <cell r="C708">
            <v>1999</v>
          </cell>
          <cell r="D708">
            <v>12</v>
          </cell>
          <cell r="F708">
            <v>1.4793000000000001</v>
          </cell>
        </row>
        <row r="709">
          <cell r="C709">
            <v>1999</v>
          </cell>
          <cell r="D709">
            <v>12</v>
          </cell>
          <cell r="F709">
            <v>1.474</v>
          </cell>
        </row>
        <row r="710">
          <cell r="C710">
            <v>1999</v>
          </cell>
          <cell r="D710">
            <v>12</v>
          </cell>
          <cell r="F710">
            <v>1.4782999999999999</v>
          </cell>
        </row>
        <row r="711">
          <cell r="C711">
            <v>1999</v>
          </cell>
          <cell r="D711">
            <v>12</v>
          </cell>
          <cell r="F711">
            <v>1.4782999999999999</v>
          </cell>
        </row>
        <row r="712">
          <cell r="C712">
            <v>1999</v>
          </cell>
          <cell r="D712">
            <v>12</v>
          </cell>
          <cell r="F712">
            <v>1.4782999999999999</v>
          </cell>
        </row>
        <row r="713">
          <cell r="C713">
            <v>1999</v>
          </cell>
          <cell r="D713">
            <v>12</v>
          </cell>
          <cell r="F713">
            <v>1.4796</v>
          </cell>
        </row>
        <row r="714">
          <cell r="C714">
            <v>1999</v>
          </cell>
          <cell r="D714">
            <v>12</v>
          </cell>
          <cell r="F714">
            <v>1.482</v>
          </cell>
        </row>
        <row r="715">
          <cell r="C715">
            <v>1999</v>
          </cell>
          <cell r="D715">
            <v>12</v>
          </cell>
          <cell r="F715">
            <v>1.4832000000000001</v>
          </cell>
        </row>
        <row r="716">
          <cell r="C716">
            <v>1999</v>
          </cell>
          <cell r="D716">
            <v>12</v>
          </cell>
          <cell r="F716">
            <v>1.4784999999999999</v>
          </cell>
        </row>
        <row r="717">
          <cell r="C717">
            <v>1999</v>
          </cell>
          <cell r="D717">
            <v>12</v>
          </cell>
          <cell r="F717">
            <v>1.4776</v>
          </cell>
        </row>
        <row r="718">
          <cell r="C718">
            <v>1999</v>
          </cell>
          <cell r="D718">
            <v>12</v>
          </cell>
          <cell r="F718">
            <v>1.4776</v>
          </cell>
        </row>
        <row r="719">
          <cell r="C719">
            <v>1999</v>
          </cell>
          <cell r="D719">
            <v>12</v>
          </cell>
          <cell r="F719">
            <v>1.4776</v>
          </cell>
        </row>
        <row r="720">
          <cell r="C720">
            <v>1999</v>
          </cell>
          <cell r="D720">
            <v>12</v>
          </cell>
          <cell r="F720">
            <v>1.4797</v>
          </cell>
        </row>
        <row r="721">
          <cell r="C721">
            <v>1999</v>
          </cell>
          <cell r="D721">
            <v>12</v>
          </cell>
          <cell r="F721">
            <v>1.4785999999999999</v>
          </cell>
        </row>
        <row r="722">
          <cell r="C722">
            <v>1999</v>
          </cell>
          <cell r="D722">
            <v>12</v>
          </cell>
          <cell r="F722">
            <v>1.4764999999999999</v>
          </cell>
        </row>
        <row r="723">
          <cell r="C723">
            <v>1999</v>
          </cell>
          <cell r="D723">
            <v>12</v>
          </cell>
          <cell r="F723">
            <v>1.4735</v>
          </cell>
        </row>
        <row r="724">
          <cell r="C724">
            <v>1999</v>
          </cell>
          <cell r="D724">
            <v>12</v>
          </cell>
          <cell r="F724">
            <v>1.4681999999999999</v>
          </cell>
        </row>
        <row r="725">
          <cell r="C725">
            <v>1999</v>
          </cell>
          <cell r="D725">
            <v>12</v>
          </cell>
          <cell r="F725">
            <v>1.4681999999999999</v>
          </cell>
        </row>
        <row r="726">
          <cell r="C726">
            <v>1999</v>
          </cell>
          <cell r="D726">
            <v>12</v>
          </cell>
          <cell r="F726">
            <v>1.4681999999999999</v>
          </cell>
        </row>
        <row r="727">
          <cell r="C727">
            <v>1999</v>
          </cell>
          <cell r="D727">
            <v>12</v>
          </cell>
          <cell r="F727">
            <v>1.4681999999999999</v>
          </cell>
        </row>
        <row r="728">
          <cell r="C728">
            <v>1999</v>
          </cell>
          <cell r="D728">
            <v>12</v>
          </cell>
          <cell r="F728">
            <v>1.4681999999999999</v>
          </cell>
        </row>
        <row r="729">
          <cell r="C729">
            <v>1999</v>
          </cell>
          <cell r="D729">
            <v>12</v>
          </cell>
          <cell r="F729">
            <v>1.4507000000000001</v>
          </cell>
        </row>
        <row r="730">
          <cell r="C730">
            <v>1999</v>
          </cell>
          <cell r="D730">
            <v>12</v>
          </cell>
          <cell r="F730">
            <v>1.4530000000000001</v>
          </cell>
        </row>
        <row r="731">
          <cell r="C731">
            <v>2000</v>
          </cell>
          <cell r="D731">
            <v>1</v>
          </cell>
          <cell r="F731">
            <v>1.4433</v>
          </cell>
        </row>
        <row r="732">
          <cell r="C732">
            <v>2000</v>
          </cell>
          <cell r="D732">
            <v>1</v>
          </cell>
          <cell r="F732">
            <v>1.4433</v>
          </cell>
        </row>
        <row r="733">
          <cell r="C733">
            <v>2000</v>
          </cell>
          <cell r="D733">
            <v>1</v>
          </cell>
          <cell r="F733">
            <v>1.4433</v>
          </cell>
        </row>
        <row r="734">
          <cell r="C734">
            <v>2000</v>
          </cell>
          <cell r="D734">
            <v>1</v>
          </cell>
          <cell r="F734">
            <v>1.4433</v>
          </cell>
        </row>
        <row r="735">
          <cell r="C735">
            <v>2000</v>
          </cell>
          <cell r="D735">
            <v>1</v>
          </cell>
          <cell r="F735">
            <v>1.452</v>
          </cell>
        </row>
        <row r="736">
          <cell r="C736">
            <v>2000</v>
          </cell>
          <cell r="D736">
            <v>1</v>
          </cell>
          <cell r="F736">
            <v>1.4513</v>
          </cell>
        </row>
        <row r="737">
          <cell r="C737">
            <v>2000</v>
          </cell>
          <cell r="D737">
            <v>1</v>
          </cell>
          <cell r="F737">
            <v>1.4571000000000001</v>
          </cell>
        </row>
        <row r="738">
          <cell r="C738">
            <v>2000</v>
          </cell>
          <cell r="D738">
            <v>1</v>
          </cell>
          <cell r="F738">
            <v>1.46</v>
          </cell>
        </row>
        <row r="739">
          <cell r="C739">
            <v>2000</v>
          </cell>
          <cell r="D739">
            <v>1</v>
          </cell>
          <cell r="F739">
            <v>1.46</v>
          </cell>
        </row>
        <row r="740">
          <cell r="C740">
            <v>2000</v>
          </cell>
          <cell r="D740">
            <v>1</v>
          </cell>
          <cell r="F740">
            <v>1.46</v>
          </cell>
        </row>
        <row r="741">
          <cell r="C741">
            <v>2000</v>
          </cell>
          <cell r="D741">
            <v>1</v>
          </cell>
          <cell r="F741">
            <v>1.4563999999999999</v>
          </cell>
        </row>
        <row r="742">
          <cell r="C742">
            <v>2000</v>
          </cell>
          <cell r="D742">
            <v>1</v>
          </cell>
          <cell r="F742">
            <v>1.4573</v>
          </cell>
        </row>
        <row r="743">
          <cell r="C743">
            <v>2000</v>
          </cell>
          <cell r="D743">
            <v>1</v>
          </cell>
          <cell r="F743">
            <v>1.4547000000000001</v>
          </cell>
        </row>
        <row r="744">
          <cell r="C744">
            <v>2000</v>
          </cell>
          <cell r="D744">
            <v>1</v>
          </cell>
          <cell r="F744">
            <v>1.4494</v>
          </cell>
        </row>
        <row r="745">
          <cell r="C745">
            <v>2000</v>
          </cell>
          <cell r="D745">
            <v>1</v>
          </cell>
          <cell r="F745">
            <v>1.4493</v>
          </cell>
        </row>
        <row r="746">
          <cell r="C746">
            <v>2000</v>
          </cell>
          <cell r="D746">
            <v>1</v>
          </cell>
          <cell r="F746">
            <v>1.4493</v>
          </cell>
        </row>
        <row r="747">
          <cell r="C747">
            <v>2000</v>
          </cell>
          <cell r="D747">
            <v>1</v>
          </cell>
          <cell r="F747">
            <v>1.4493</v>
          </cell>
        </row>
        <row r="748">
          <cell r="C748">
            <v>2000</v>
          </cell>
          <cell r="D748">
            <v>1</v>
          </cell>
          <cell r="F748">
            <v>1.4508000000000001</v>
          </cell>
        </row>
        <row r="749">
          <cell r="C749">
            <v>2000</v>
          </cell>
          <cell r="D749">
            <v>1</v>
          </cell>
          <cell r="F749">
            <v>1.4500999999999999</v>
          </cell>
        </row>
        <row r="750">
          <cell r="C750">
            <v>2000</v>
          </cell>
          <cell r="D750">
            <v>1</v>
          </cell>
          <cell r="F750">
            <v>1.4522999999999999</v>
          </cell>
        </row>
        <row r="751">
          <cell r="C751">
            <v>2000</v>
          </cell>
          <cell r="D751">
            <v>1</v>
          </cell>
          <cell r="F751">
            <v>1.448</v>
          </cell>
        </row>
        <row r="752">
          <cell r="C752">
            <v>2000</v>
          </cell>
          <cell r="D752">
            <v>1</v>
          </cell>
          <cell r="F752">
            <v>1.4395</v>
          </cell>
        </row>
        <row r="753">
          <cell r="C753">
            <v>2000</v>
          </cell>
          <cell r="D753">
            <v>1</v>
          </cell>
          <cell r="F753">
            <v>1.4395</v>
          </cell>
        </row>
        <row r="754">
          <cell r="C754">
            <v>2000</v>
          </cell>
          <cell r="D754">
            <v>1</v>
          </cell>
          <cell r="F754">
            <v>1.4395</v>
          </cell>
        </row>
        <row r="755">
          <cell r="C755">
            <v>2000</v>
          </cell>
          <cell r="D755">
            <v>1</v>
          </cell>
          <cell r="F755">
            <v>1.44</v>
          </cell>
        </row>
        <row r="756">
          <cell r="C756">
            <v>2000</v>
          </cell>
          <cell r="D756">
            <v>1</v>
          </cell>
          <cell r="F756">
            <v>1.4390000000000001</v>
          </cell>
        </row>
        <row r="757">
          <cell r="C757">
            <v>2000</v>
          </cell>
          <cell r="D757">
            <v>1</v>
          </cell>
          <cell r="F757">
            <v>1.4378</v>
          </cell>
        </row>
        <row r="758">
          <cell r="C758">
            <v>2000</v>
          </cell>
          <cell r="D758">
            <v>1</v>
          </cell>
          <cell r="F758">
            <v>1.4340999999999999</v>
          </cell>
        </row>
        <row r="759">
          <cell r="C759">
            <v>2000</v>
          </cell>
          <cell r="D759">
            <v>1</v>
          </cell>
          <cell r="F759">
            <v>1.4482999999999999</v>
          </cell>
        </row>
        <row r="760">
          <cell r="C760">
            <v>2000</v>
          </cell>
          <cell r="D760">
            <v>1</v>
          </cell>
          <cell r="F760">
            <v>1.4482999999999999</v>
          </cell>
        </row>
        <row r="761">
          <cell r="C761">
            <v>2000</v>
          </cell>
          <cell r="D761">
            <v>1</v>
          </cell>
          <cell r="F761">
            <v>1.4482999999999999</v>
          </cell>
        </row>
        <row r="762">
          <cell r="C762">
            <v>2000</v>
          </cell>
          <cell r="D762">
            <v>2</v>
          </cell>
          <cell r="F762">
            <v>1.4512</v>
          </cell>
        </row>
        <row r="763">
          <cell r="C763">
            <v>2000</v>
          </cell>
          <cell r="D763">
            <v>2</v>
          </cell>
          <cell r="F763">
            <v>1.4479</v>
          </cell>
        </row>
        <row r="764">
          <cell r="C764">
            <v>2000</v>
          </cell>
          <cell r="D764">
            <v>2</v>
          </cell>
          <cell r="F764">
            <v>1.4430000000000001</v>
          </cell>
        </row>
        <row r="765">
          <cell r="C765">
            <v>2000</v>
          </cell>
          <cell r="D765">
            <v>2</v>
          </cell>
          <cell r="F765">
            <v>1.4413</v>
          </cell>
        </row>
        <row r="766">
          <cell r="C766">
            <v>2000</v>
          </cell>
          <cell r="D766">
            <v>2</v>
          </cell>
          <cell r="F766">
            <v>1.4464999999999999</v>
          </cell>
        </row>
        <row r="767">
          <cell r="C767">
            <v>2000</v>
          </cell>
          <cell r="D767">
            <v>2</v>
          </cell>
          <cell r="F767">
            <v>1.4464999999999999</v>
          </cell>
        </row>
        <row r="768">
          <cell r="C768">
            <v>2000</v>
          </cell>
          <cell r="D768">
            <v>2</v>
          </cell>
          <cell r="F768">
            <v>1.4464999999999999</v>
          </cell>
        </row>
        <row r="769">
          <cell r="C769">
            <v>2000</v>
          </cell>
          <cell r="D769">
            <v>2</v>
          </cell>
          <cell r="F769">
            <v>1.4455</v>
          </cell>
        </row>
        <row r="770">
          <cell r="C770">
            <v>2000</v>
          </cell>
          <cell r="D770">
            <v>2</v>
          </cell>
          <cell r="F770">
            <v>1.4475</v>
          </cell>
        </row>
        <row r="771">
          <cell r="C771">
            <v>2000</v>
          </cell>
          <cell r="D771">
            <v>2</v>
          </cell>
          <cell r="F771">
            <v>1.4443999999999999</v>
          </cell>
        </row>
        <row r="772">
          <cell r="C772">
            <v>2000</v>
          </cell>
          <cell r="D772">
            <v>2</v>
          </cell>
          <cell r="F772">
            <v>1.45</v>
          </cell>
        </row>
        <row r="773">
          <cell r="C773">
            <v>2000</v>
          </cell>
          <cell r="D773">
            <v>2</v>
          </cell>
          <cell r="F773">
            <v>1.4512</v>
          </cell>
        </row>
        <row r="774">
          <cell r="C774">
            <v>2000</v>
          </cell>
          <cell r="D774">
            <v>2</v>
          </cell>
          <cell r="F774">
            <v>1.4512</v>
          </cell>
        </row>
        <row r="775">
          <cell r="C775">
            <v>2000</v>
          </cell>
          <cell r="D775">
            <v>2</v>
          </cell>
          <cell r="F775">
            <v>1.4512</v>
          </cell>
        </row>
        <row r="776">
          <cell r="C776">
            <v>2000</v>
          </cell>
          <cell r="D776">
            <v>2</v>
          </cell>
          <cell r="F776">
            <v>1.4545999999999999</v>
          </cell>
        </row>
        <row r="777">
          <cell r="C777">
            <v>2000</v>
          </cell>
          <cell r="D777">
            <v>2</v>
          </cell>
          <cell r="F777">
            <v>1.4581999999999999</v>
          </cell>
        </row>
        <row r="778">
          <cell r="C778">
            <v>2000</v>
          </cell>
          <cell r="D778">
            <v>2</v>
          </cell>
          <cell r="F778">
            <v>1.4516</v>
          </cell>
        </row>
        <row r="779">
          <cell r="C779">
            <v>2000</v>
          </cell>
          <cell r="D779">
            <v>2</v>
          </cell>
          <cell r="F779">
            <v>1.4521999999999999</v>
          </cell>
        </row>
        <row r="780">
          <cell r="C780">
            <v>2000</v>
          </cell>
          <cell r="D780">
            <v>2</v>
          </cell>
          <cell r="F780">
            <v>1.4508000000000001</v>
          </cell>
        </row>
        <row r="781">
          <cell r="C781">
            <v>2000</v>
          </cell>
          <cell r="D781">
            <v>2</v>
          </cell>
          <cell r="F781">
            <v>1.4508000000000001</v>
          </cell>
        </row>
        <row r="782">
          <cell r="C782">
            <v>2000</v>
          </cell>
          <cell r="D782">
            <v>2</v>
          </cell>
          <cell r="F782">
            <v>1.4508000000000001</v>
          </cell>
        </row>
        <row r="783">
          <cell r="C783">
            <v>2000</v>
          </cell>
          <cell r="D783">
            <v>2</v>
          </cell>
          <cell r="F783">
            <v>1.4533</v>
          </cell>
        </row>
        <row r="784">
          <cell r="C784">
            <v>2000</v>
          </cell>
          <cell r="D784">
            <v>2</v>
          </cell>
          <cell r="F784">
            <v>1.4587000000000001</v>
          </cell>
        </row>
        <row r="785">
          <cell r="C785">
            <v>2000</v>
          </cell>
          <cell r="D785">
            <v>2</v>
          </cell>
          <cell r="F785">
            <v>1.4643999999999999</v>
          </cell>
        </row>
        <row r="786">
          <cell r="C786">
            <v>2000</v>
          </cell>
          <cell r="D786">
            <v>2</v>
          </cell>
          <cell r="F786">
            <v>1.4579</v>
          </cell>
        </row>
        <row r="787">
          <cell r="C787">
            <v>2000</v>
          </cell>
          <cell r="D787">
            <v>2</v>
          </cell>
          <cell r="F787">
            <v>1.4503999999999999</v>
          </cell>
        </row>
        <row r="788">
          <cell r="C788">
            <v>2000</v>
          </cell>
          <cell r="D788">
            <v>2</v>
          </cell>
          <cell r="F788">
            <v>1.4503999999999999</v>
          </cell>
        </row>
        <row r="789">
          <cell r="C789">
            <v>2000</v>
          </cell>
          <cell r="D789">
            <v>2</v>
          </cell>
          <cell r="F789">
            <v>1.4503999999999999</v>
          </cell>
        </row>
        <row r="790">
          <cell r="C790">
            <v>2000</v>
          </cell>
          <cell r="D790">
            <v>2</v>
          </cell>
          <cell r="F790">
            <v>1.4541999999999999</v>
          </cell>
        </row>
        <row r="791">
          <cell r="C791">
            <v>2000</v>
          </cell>
          <cell r="D791">
            <v>3</v>
          </cell>
          <cell r="F791">
            <v>1.4488000000000001</v>
          </cell>
        </row>
        <row r="792">
          <cell r="C792">
            <v>2000</v>
          </cell>
          <cell r="D792">
            <v>3</v>
          </cell>
          <cell r="F792">
            <v>1.4473</v>
          </cell>
        </row>
        <row r="793">
          <cell r="C793">
            <v>2000</v>
          </cell>
          <cell r="D793">
            <v>3</v>
          </cell>
          <cell r="F793">
            <v>1.4537</v>
          </cell>
        </row>
        <row r="794">
          <cell r="C794">
            <v>2000</v>
          </cell>
          <cell r="D794">
            <v>3</v>
          </cell>
          <cell r="F794">
            <v>1.4507000000000001</v>
          </cell>
        </row>
        <row r="795">
          <cell r="C795">
            <v>2000</v>
          </cell>
          <cell r="D795">
            <v>3</v>
          </cell>
          <cell r="F795">
            <v>1.4507000000000001</v>
          </cell>
        </row>
        <row r="796">
          <cell r="C796">
            <v>2000</v>
          </cell>
          <cell r="D796">
            <v>3</v>
          </cell>
          <cell r="F796">
            <v>1.4507000000000001</v>
          </cell>
        </row>
        <row r="797">
          <cell r="C797">
            <v>2000</v>
          </cell>
          <cell r="D797">
            <v>3</v>
          </cell>
          <cell r="F797">
            <v>1.4550000000000001</v>
          </cell>
        </row>
        <row r="798">
          <cell r="C798">
            <v>2000</v>
          </cell>
          <cell r="D798">
            <v>3</v>
          </cell>
          <cell r="F798">
            <v>1.4527000000000001</v>
          </cell>
        </row>
        <row r="799">
          <cell r="C799">
            <v>2000</v>
          </cell>
          <cell r="D799">
            <v>3</v>
          </cell>
          <cell r="F799">
            <v>1.4589000000000001</v>
          </cell>
        </row>
        <row r="800">
          <cell r="C800">
            <v>2000</v>
          </cell>
          <cell r="D800">
            <v>3</v>
          </cell>
          <cell r="F800">
            <v>1.4571000000000001</v>
          </cell>
        </row>
        <row r="801">
          <cell r="C801">
            <v>2000</v>
          </cell>
          <cell r="D801">
            <v>3</v>
          </cell>
          <cell r="F801">
            <v>1.4574</v>
          </cell>
        </row>
        <row r="802">
          <cell r="C802">
            <v>2000</v>
          </cell>
          <cell r="D802">
            <v>3</v>
          </cell>
          <cell r="F802">
            <v>1.4574</v>
          </cell>
        </row>
        <row r="803">
          <cell r="C803">
            <v>2000</v>
          </cell>
          <cell r="D803">
            <v>3</v>
          </cell>
          <cell r="F803">
            <v>1.4574</v>
          </cell>
        </row>
        <row r="804">
          <cell r="C804">
            <v>2000</v>
          </cell>
          <cell r="D804">
            <v>3</v>
          </cell>
          <cell r="F804">
            <v>1.4611000000000001</v>
          </cell>
        </row>
        <row r="805">
          <cell r="C805">
            <v>2000</v>
          </cell>
          <cell r="D805">
            <v>3</v>
          </cell>
          <cell r="F805">
            <v>1.4629000000000001</v>
          </cell>
        </row>
        <row r="806">
          <cell r="C806">
            <v>2000</v>
          </cell>
          <cell r="D806">
            <v>3</v>
          </cell>
          <cell r="F806">
            <v>1.4679</v>
          </cell>
        </row>
        <row r="807">
          <cell r="C807">
            <v>2000</v>
          </cell>
          <cell r="D807">
            <v>3</v>
          </cell>
          <cell r="F807">
            <v>1.4721</v>
          </cell>
        </row>
        <row r="808">
          <cell r="C808">
            <v>2000</v>
          </cell>
          <cell r="D808">
            <v>3</v>
          </cell>
          <cell r="F808">
            <v>1.4732000000000001</v>
          </cell>
        </row>
        <row r="809">
          <cell r="C809">
            <v>2000</v>
          </cell>
          <cell r="D809">
            <v>3</v>
          </cell>
          <cell r="F809">
            <v>1.4732000000000001</v>
          </cell>
        </row>
        <row r="810">
          <cell r="C810">
            <v>2000</v>
          </cell>
          <cell r="D810">
            <v>3</v>
          </cell>
          <cell r="F810">
            <v>1.4732000000000001</v>
          </cell>
        </row>
        <row r="811">
          <cell r="C811">
            <v>2000</v>
          </cell>
          <cell r="D811">
            <v>3</v>
          </cell>
          <cell r="F811">
            <v>1.4701</v>
          </cell>
        </row>
        <row r="812">
          <cell r="C812">
            <v>2000</v>
          </cell>
          <cell r="D812">
            <v>3</v>
          </cell>
          <cell r="F812">
            <v>1.466</v>
          </cell>
        </row>
        <row r="813">
          <cell r="C813">
            <v>2000</v>
          </cell>
          <cell r="D813">
            <v>3</v>
          </cell>
          <cell r="F813">
            <v>1.4718</v>
          </cell>
        </row>
        <row r="814">
          <cell r="C814">
            <v>2000</v>
          </cell>
          <cell r="D814">
            <v>3</v>
          </cell>
          <cell r="F814">
            <v>1.4726999999999999</v>
          </cell>
        </row>
        <row r="815">
          <cell r="C815">
            <v>2000</v>
          </cell>
          <cell r="D815">
            <v>3</v>
          </cell>
          <cell r="F815">
            <v>1.4649000000000001</v>
          </cell>
        </row>
        <row r="816">
          <cell r="C816">
            <v>2000</v>
          </cell>
          <cell r="D816">
            <v>3</v>
          </cell>
          <cell r="F816">
            <v>1.4649000000000001</v>
          </cell>
        </row>
        <row r="817">
          <cell r="C817">
            <v>2000</v>
          </cell>
          <cell r="D817">
            <v>3</v>
          </cell>
          <cell r="F817">
            <v>1.4649000000000001</v>
          </cell>
        </row>
        <row r="818">
          <cell r="C818">
            <v>2000</v>
          </cell>
          <cell r="D818">
            <v>3</v>
          </cell>
          <cell r="F818">
            <v>1.4602999999999999</v>
          </cell>
        </row>
        <row r="819">
          <cell r="C819">
            <v>2000</v>
          </cell>
          <cell r="D819">
            <v>3</v>
          </cell>
          <cell r="F819">
            <v>1.454</v>
          </cell>
        </row>
        <row r="820">
          <cell r="C820">
            <v>2000</v>
          </cell>
          <cell r="D820">
            <v>3</v>
          </cell>
          <cell r="F820">
            <v>1.4553</v>
          </cell>
        </row>
        <row r="821">
          <cell r="C821">
            <v>2000</v>
          </cell>
          <cell r="D821">
            <v>3</v>
          </cell>
          <cell r="F821">
            <v>1.4548000000000001</v>
          </cell>
        </row>
        <row r="822">
          <cell r="C822">
            <v>2000</v>
          </cell>
          <cell r="D822">
            <v>4</v>
          </cell>
          <cell r="F822">
            <v>1.4535</v>
          </cell>
        </row>
        <row r="823">
          <cell r="C823">
            <v>2000</v>
          </cell>
          <cell r="D823">
            <v>4</v>
          </cell>
          <cell r="F823">
            <v>1.4535</v>
          </cell>
        </row>
        <row r="824">
          <cell r="C824">
            <v>2000</v>
          </cell>
          <cell r="D824">
            <v>4</v>
          </cell>
          <cell r="F824">
            <v>1.4535</v>
          </cell>
        </row>
        <row r="825">
          <cell r="C825">
            <v>2000</v>
          </cell>
          <cell r="D825">
            <v>4</v>
          </cell>
          <cell r="F825">
            <v>1.4547000000000001</v>
          </cell>
        </row>
        <row r="826">
          <cell r="C826">
            <v>2000</v>
          </cell>
          <cell r="D826">
            <v>4</v>
          </cell>
          <cell r="F826">
            <v>1.4529000000000001</v>
          </cell>
        </row>
        <row r="827">
          <cell r="C827">
            <v>2000</v>
          </cell>
          <cell r="D827">
            <v>4</v>
          </cell>
          <cell r="F827">
            <v>1.4544999999999999</v>
          </cell>
        </row>
        <row r="828">
          <cell r="C828">
            <v>2000</v>
          </cell>
          <cell r="D828">
            <v>4</v>
          </cell>
          <cell r="F828">
            <v>1.4518</v>
          </cell>
        </row>
        <row r="829">
          <cell r="C829">
            <v>2000</v>
          </cell>
          <cell r="D829">
            <v>4</v>
          </cell>
          <cell r="F829">
            <v>1.4575</v>
          </cell>
        </row>
        <row r="830">
          <cell r="C830">
            <v>2000</v>
          </cell>
          <cell r="D830">
            <v>4</v>
          </cell>
          <cell r="F830">
            <v>1.4575</v>
          </cell>
        </row>
        <row r="831">
          <cell r="C831">
            <v>2000</v>
          </cell>
          <cell r="D831">
            <v>4</v>
          </cell>
          <cell r="F831">
            <v>1.4575</v>
          </cell>
        </row>
        <row r="832">
          <cell r="C832">
            <v>2000</v>
          </cell>
          <cell r="D832">
            <v>4</v>
          </cell>
          <cell r="F832">
            <v>1.4611000000000001</v>
          </cell>
        </row>
        <row r="833">
          <cell r="C833">
            <v>2000</v>
          </cell>
          <cell r="D833">
            <v>4</v>
          </cell>
          <cell r="F833">
            <v>1.4639</v>
          </cell>
        </row>
        <row r="834">
          <cell r="C834">
            <v>2000</v>
          </cell>
          <cell r="D834">
            <v>4</v>
          </cell>
          <cell r="F834">
            <v>1.4621999999999999</v>
          </cell>
        </row>
        <row r="835">
          <cell r="C835">
            <v>2000</v>
          </cell>
          <cell r="D835">
            <v>4</v>
          </cell>
          <cell r="F835">
            <v>1.466</v>
          </cell>
        </row>
        <row r="836">
          <cell r="C836">
            <v>2000</v>
          </cell>
          <cell r="D836">
            <v>4</v>
          </cell>
          <cell r="F836">
            <v>1.4763999999999999</v>
          </cell>
        </row>
        <row r="837">
          <cell r="C837">
            <v>2000</v>
          </cell>
          <cell r="D837">
            <v>4</v>
          </cell>
          <cell r="F837">
            <v>1.4763999999999999</v>
          </cell>
        </row>
        <row r="838">
          <cell r="C838">
            <v>2000</v>
          </cell>
          <cell r="D838">
            <v>4</v>
          </cell>
          <cell r="F838">
            <v>1.4763999999999999</v>
          </cell>
        </row>
        <row r="839">
          <cell r="C839">
            <v>2000</v>
          </cell>
          <cell r="D839">
            <v>4</v>
          </cell>
          <cell r="F839">
            <v>1.4847999999999999</v>
          </cell>
        </row>
        <row r="840">
          <cell r="C840">
            <v>2000</v>
          </cell>
          <cell r="D840">
            <v>4</v>
          </cell>
          <cell r="F840">
            <v>1.4839</v>
          </cell>
        </row>
        <row r="841">
          <cell r="C841">
            <v>2000</v>
          </cell>
          <cell r="D841">
            <v>4</v>
          </cell>
          <cell r="F841">
            <v>1.476</v>
          </cell>
        </row>
        <row r="842">
          <cell r="C842">
            <v>2000</v>
          </cell>
          <cell r="D842">
            <v>4</v>
          </cell>
          <cell r="F842">
            <v>1.4725999999999999</v>
          </cell>
        </row>
        <row r="843">
          <cell r="C843">
            <v>2000</v>
          </cell>
          <cell r="D843">
            <v>4</v>
          </cell>
          <cell r="F843">
            <v>1.4725999999999999</v>
          </cell>
        </row>
        <row r="844">
          <cell r="C844">
            <v>2000</v>
          </cell>
          <cell r="D844">
            <v>4</v>
          </cell>
          <cell r="F844">
            <v>1.4725999999999999</v>
          </cell>
        </row>
        <row r="845">
          <cell r="C845">
            <v>2000</v>
          </cell>
          <cell r="D845">
            <v>4</v>
          </cell>
          <cell r="F845">
            <v>1.4725999999999999</v>
          </cell>
        </row>
        <row r="846">
          <cell r="C846">
            <v>2000</v>
          </cell>
          <cell r="D846">
            <v>4</v>
          </cell>
          <cell r="F846">
            <v>1.476</v>
          </cell>
        </row>
        <row r="847">
          <cell r="C847">
            <v>2000</v>
          </cell>
          <cell r="D847">
            <v>4</v>
          </cell>
          <cell r="F847">
            <v>1.4699</v>
          </cell>
        </row>
        <row r="848">
          <cell r="C848">
            <v>2000</v>
          </cell>
          <cell r="D848">
            <v>4</v>
          </cell>
          <cell r="F848">
            <v>1.4756</v>
          </cell>
        </row>
        <row r="849">
          <cell r="C849">
            <v>2000</v>
          </cell>
          <cell r="D849">
            <v>4</v>
          </cell>
          <cell r="F849">
            <v>1.4790000000000001</v>
          </cell>
        </row>
        <row r="850">
          <cell r="C850">
            <v>2000</v>
          </cell>
          <cell r="D850">
            <v>4</v>
          </cell>
          <cell r="F850">
            <v>1.4811000000000001</v>
          </cell>
        </row>
        <row r="851">
          <cell r="C851">
            <v>2000</v>
          </cell>
          <cell r="D851">
            <v>4</v>
          </cell>
          <cell r="F851">
            <v>1.4811000000000001</v>
          </cell>
        </row>
        <row r="852">
          <cell r="C852">
            <v>2000</v>
          </cell>
          <cell r="D852">
            <v>5</v>
          </cell>
          <cell r="F852">
            <v>1.4811000000000001</v>
          </cell>
        </row>
        <row r="853">
          <cell r="C853">
            <v>2000</v>
          </cell>
          <cell r="D853">
            <v>5</v>
          </cell>
          <cell r="F853">
            <v>1.4782999999999999</v>
          </cell>
        </row>
        <row r="854">
          <cell r="C854">
            <v>2000</v>
          </cell>
          <cell r="D854">
            <v>5</v>
          </cell>
          <cell r="F854">
            <v>1.4854000000000001</v>
          </cell>
        </row>
        <row r="855">
          <cell r="C855">
            <v>2000</v>
          </cell>
          <cell r="D855">
            <v>5</v>
          </cell>
          <cell r="F855">
            <v>1.492</v>
          </cell>
        </row>
        <row r="856">
          <cell r="C856">
            <v>2000</v>
          </cell>
          <cell r="D856">
            <v>5</v>
          </cell>
          <cell r="F856">
            <v>1.4976</v>
          </cell>
        </row>
        <row r="857">
          <cell r="C857">
            <v>2000</v>
          </cell>
          <cell r="D857">
            <v>5</v>
          </cell>
          <cell r="F857">
            <v>1.4976</v>
          </cell>
        </row>
        <row r="858">
          <cell r="C858">
            <v>2000</v>
          </cell>
          <cell r="D858">
            <v>5</v>
          </cell>
          <cell r="F858">
            <v>1.4976</v>
          </cell>
        </row>
        <row r="859">
          <cell r="C859">
            <v>2000</v>
          </cell>
          <cell r="D859">
            <v>5</v>
          </cell>
          <cell r="F859">
            <v>1.4976</v>
          </cell>
        </row>
        <row r="860">
          <cell r="C860">
            <v>2000</v>
          </cell>
          <cell r="D860">
            <v>5</v>
          </cell>
          <cell r="F860">
            <v>1.4924999999999999</v>
          </cell>
        </row>
        <row r="861">
          <cell r="C861">
            <v>2000</v>
          </cell>
          <cell r="D861">
            <v>5</v>
          </cell>
          <cell r="F861">
            <v>1.4944999999999999</v>
          </cell>
        </row>
        <row r="862">
          <cell r="C862">
            <v>2000</v>
          </cell>
          <cell r="D862">
            <v>5</v>
          </cell>
          <cell r="F862">
            <v>1.4957</v>
          </cell>
        </row>
        <row r="863">
          <cell r="C863">
            <v>2000</v>
          </cell>
          <cell r="D863">
            <v>5</v>
          </cell>
          <cell r="F863">
            <v>1.4894000000000001</v>
          </cell>
        </row>
        <row r="864">
          <cell r="C864">
            <v>2000</v>
          </cell>
          <cell r="D864">
            <v>5</v>
          </cell>
          <cell r="F864">
            <v>1.4870000000000001</v>
          </cell>
        </row>
        <row r="865">
          <cell r="C865">
            <v>2000</v>
          </cell>
          <cell r="D865">
            <v>5</v>
          </cell>
          <cell r="F865">
            <v>1.4870000000000001</v>
          </cell>
        </row>
        <row r="866">
          <cell r="C866">
            <v>2000</v>
          </cell>
          <cell r="D866">
            <v>5</v>
          </cell>
          <cell r="F866">
            <v>1.4870000000000001</v>
          </cell>
        </row>
        <row r="867">
          <cell r="C867">
            <v>2000</v>
          </cell>
          <cell r="D867">
            <v>5</v>
          </cell>
          <cell r="F867">
            <v>1.4890000000000001</v>
          </cell>
        </row>
        <row r="868">
          <cell r="C868">
            <v>2000</v>
          </cell>
          <cell r="D868">
            <v>5</v>
          </cell>
          <cell r="F868">
            <v>1.4858</v>
          </cell>
        </row>
        <row r="869">
          <cell r="C869">
            <v>2000</v>
          </cell>
          <cell r="D869">
            <v>5</v>
          </cell>
          <cell r="F869">
            <v>1.4986999999999999</v>
          </cell>
        </row>
        <row r="870">
          <cell r="C870">
            <v>2000</v>
          </cell>
          <cell r="D870">
            <v>5</v>
          </cell>
          <cell r="F870">
            <v>1.5004999999999999</v>
          </cell>
        </row>
        <row r="871">
          <cell r="C871">
            <v>2000</v>
          </cell>
          <cell r="D871">
            <v>5</v>
          </cell>
          <cell r="F871">
            <v>1.4953000000000001</v>
          </cell>
        </row>
        <row r="872">
          <cell r="C872">
            <v>2000</v>
          </cell>
          <cell r="D872">
            <v>5</v>
          </cell>
          <cell r="F872">
            <v>1.4953000000000001</v>
          </cell>
        </row>
        <row r="873">
          <cell r="C873">
            <v>2000</v>
          </cell>
          <cell r="D873">
            <v>5</v>
          </cell>
          <cell r="F873">
            <v>1.4953000000000001</v>
          </cell>
        </row>
        <row r="874">
          <cell r="C874">
            <v>2000</v>
          </cell>
          <cell r="D874">
            <v>5</v>
          </cell>
          <cell r="F874">
            <v>1.4953000000000001</v>
          </cell>
        </row>
        <row r="875">
          <cell r="C875">
            <v>2000</v>
          </cell>
          <cell r="D875">
            <v>5</v>
          </cell>
          <cell r="F875">
            <v>1.5035000000000001</v>
          </cell>
        </row>
        <row r="876">
          <cell r="C876">
            <v>2000</v>
          </cell>
          <cell r="D876">
            <v>5</v>
          </cell>
          <cell r="F876">
            <v>1.5081</v>
          </cell>
        </row>
        <row r="877">
          <cell r="C877">
            <v>2000</v>
          </cell>
          <cell r="D877">
            <v>5</v>
          </cell>
          <cell r="F877">
            <v>1.5057</v>
          </cell>
        </row>
        <row r="878">
          <cell r="C878">
            <v>2000</v>
          </cell>
          <cell r="D878">
            <v>5</v>
          </cell>
          <cell r="F878">
            <v>1.504</v>
          </cell>
        </row>
        <row r="879">
          <cell r="C879">
            <v>2000</v>
          </cell>
          <cell r="D879">
            <v>5</v>
          </cell>
          <cell r="F879">
            <v>1.504</v>
          </cell>
        </row>
        <row r="880">
          <cell r="C880">
            <v>2000</v>
          </cell>
          <cell r="D880">
            <v>5</v>
          </cell>
          <cell r="F880">
            <v>1.504</v>
          </cell>
        </row>
        <row r="881">
          <cell r="C881">
            <v>2000</v>
          </cell>
          <cell r="D881">
            <v>5</v>
          </cell>
          <cell r="F881">
            <v>1.4984</v>
          </cell>
        </row>
        <row r="882">
          <cell r="C882">
            <v>2000</v>
          </cell>
          <cell r="D882">
            <v>5</v>
          </cell>
          <cell r="F882">
            <v>1.5035000000000001</v>
          </cell>
        </row>
        <row r="883">
          <cell r="C883">
            <v>2000</v>
          </cell>
          <cell r="D883">
            <v>6</v>
          </cell>
          <cell r="F883">
            <v>1.4978</v>
          </cell>
        </row>
        <row r="884">
          <cell r="C884">
            <v>2000</v>
          </cell>
          <cell r="D884">
            <v>6</v>
          </cell>
          <cell r="F884">
            <v>1.4911000000000001</v>
          </cell>
        </row>
        <row r="885">
          <cell r="C885">
            <v>2000</v>
          </cell>
          <cell r="D885">
            <v>6</v>
          </cell>
          <cell r="F885">
            <v>1.478</v>
          </cell>
        </row>
        <row r="886">
          <cell r="C886">
            <v>2000</v>
          </cell>
          <cell r="D886">
            <v>6</v>
          </cell>
          <cell r="F886">
            <v>1.478</v>
          </cell>
        </row>
        <row r="887">
          <cell r="C887">
            <v>2000</v>
          </cell>
          <cell r="D887">
            <v>6</v>
          </cell>
          <cell r="F887">
            <v>1.478</v>
          </cell>
        </row>
        <row r="888">
          <cell r="C888">
            <v>2000</v>
          </cell>
          <cell r="D888">
            <v>6</v>
          </cell>
          <cell r="F888">
            <v>1.478</v>
          </cell>
        </row>
        <row r="889">
          <cell r="C889">
            <v>2000</v>
          </cell>
          <cell r="D889">
            <v>6</v>
          </cell>
          <cell r="F889">
            <v>1.4777</v>
          </cell>
        </row>
        <row r="890">
          <cell r="C890">
            <v>2000</v>
          </cell>
          <cell r="D890">
            <v>6</v>
          </cell>
          <cell r="F890">
            <v>1.4783999999999999</v>
          </cell>
        </row>
        <row r="891">
          <cell r="C891">
            <v>2000</v>
          </cell>
          <cell r="D891">
            <v>6</v>
          </cell>
          <cell r="F891">
            <v>1.4802</v>
          </cell>
        </row>
        <row r="892">
          <cell r="C892">
            <v>2000</v>
          </cell>
          <cell r="D892">
            <v>6</v>
          </cell>
          <cell r="F892">
            <v>1.4762999999999999</v>
          </cell>
        </row>
        <row r="893">
          <cell r="C893">
            <v>2000</v>
          </cell>
          <cell r="D893">
            <v>6</v>
          </cell>
          <cell r="F893">
            <v>1.4762999999999999</v>
          </cell>
        </row>
        <row r="894">
          <cell r="C894">
            <v>2000</v>
          </cell>
          <cell r="D894">
            <v>6</v>
          </cell>
          <cell r="F894">
            <v>1.4762999999999999</v>
          </cell>
        </row>
        <row r="895">
          <cell r="C895">
            <v>2000</v>
          </cell>
          <cell r="D895">
            <v>6</v>
          </cell>
          <cell r="F895">
            <v>1.4761</v>
          </cell>
        </row>
        <row r="896">
          <cell r="C896">
            <v>2000</v>
          </cell>
          <cell r="D896">
            <v>6</v>
          </cell>
          <cell r="F896">
            <v>1.4691000000000001</v>
          </cell>
        </row>
        <row r="897">
          <cell r="C897">
            <v>2000</v>
          </cell>
          <cell r="D897">
            <v>6</v>
          </cell>
          <cell r="F897">
            <v>1.4694</v>
          </cell>
        </row>
        <row r="898">
          <cell r="C898">
            <v>2000</v>
          </cell>
          <cell r="D898">
            <v>6</v>
          </cell>
          <cell r="F898">
            <v>1.4756</v>
          </cell>
        </row>
        <row r="899">
          <cell r="C899">
            <v>2000</v>
          </cell>
          <cell r="D899">
            <v>6</v>
          </cell>
          <cell r="F899">
            <v>1.4703999999999999</v>
          </cell>
        </row>
        <row r="900">
          <cell r="C900">
            <v>2000</v>
          </cell>
          <cell r="D900">
            <v>6</v>
          </cell>
          <cell r="F900">
            <v>1.4703999999999999</v>
          </cell>
        </row>
        <row r="901">
          <cell r="C901">
            <v>2000</v>
          </cell>
          <cell r="D901">
            <v>6</v>
          </cell>
          <cell r="F901">
            <v>1.4703999999999999</v>
          </cell>
        </row>
        <row r="902">
          <cell r="C902">
            <v>2000</v>
          </cell>
          <cell r="D902">
            <v>6</v>
          </cell>
          <cell r="F902">
            <v>1.4653</v>
          </cell>
        </row>
        <row r="903">
          <cell r="C903">
            <v>2000</v>
          </cell>
          <cell r="D903">
            <v>6</v>
          </cell>
          <cell r="F903">
            <v>1.4705999999999999</v>
          </cell>
        </row>
        <row r="904">
          <cell r="C904">
            <v>2000</v>
          </cell>
          <cell r="D904">
            <v>6</v>
          </cell>
          <cell r="F904">
            <v>1.4730000000000001</v>
          </cell>
        </row>
        <row r="905">
          <cell r="C905">
            <v>2000</v>
          </cell>
          <cell r="D905">
            <v>6</v>
          </cell>
          <cell r="F905">
            <v>1.4730000000000001</v>
          </cell>
        </row>
        <row r="906">
          <cell r="C906">
            <v>2000</v>
          </cell>
          <cell r="D906">
            <v>6</v>
          </cell>
          <cell r="F906">
            <v>1.4792000000000001</v>
          </cell>
        </row>
        <row r="907">
          <cell r="C907">
            <v>2000</v>
          </cell>
          <cell r="D907">
            <v>6</v>
          </cell>
          <cell r="F907">
            <v>1.4792000000000001</v>
          </cell>
        </row>
        <row r="908">
          <cell r="C908">
            <v>2000</v>
          </cell>
          <cell r="D908">
            <v>6</v>
          </cell>
          <cell r="F908">
            <v>1.4792000000000001</v>
          </cell>
        </row>
        <row r="909">
          <cell r="C909">
            <v>2000</v>
          </cell>
          <cell r="D909">
            <v>6</v>
          </cell>
          <cell r="F909">
            <v>1.4821</v>
          </cell>
        </row>
        <row r="910">
          <cell r="C910">
            <v>2000</v>
          </cell>
          <cell r="D910">
            <v>6</v>
          </cell>
          <cell r="F910">
            <v>1.4824999999999999</v>
          </cell>
        </row>
        <row r="911">
          <cell r="C911">
            <v>2000</v>
          </cell>
          <cell r="D911">
            <v>6</v>
          </cell>
          <cell r="F911">
            <v>1.4835</v>
          </cell>
        </row>
        <row r="912">
          <cell r="C912">
            <v>2000</v>
          </cell>
          <cell r="D912">
            <v>6</v>
          </cell>
          <cell r="F912">
            <v>1.4817</v>
          </cell>
        </row>
        <row r="913">
          <cell r="C913">
            <v>2000</v>
          </cell>
          <cell r="D913">
            <v>7</v>
          </cell>
          <cell r="F913">
            <v>1.4793000000000001</v>
          </cell>
        </row>
        <row r="914">
          <cell r="C914">
            <v>2000</v>
          </cell>
          <cell r="D914">
            <v>7</v>
          </cell>
          <cell r="F914">
            <v>1.4793000000000001</v>
          </cell>
        </row>
        <row r="915">
          <cell r="C915">
            <v>2000</v>
          </cell>
          <cell r="D915">
            <v>7</v>
          </cell>
          <cell r="F915">
            <v>1.4793000000000001</v>
          </cell>
        </row>
        <row r="916">
          <cell r="C916">
            <v>2000</v>
          </cell>
          <cell r="D916">
            <v>7</v>
          </cell>
          <cell r="F916">
            <v>1.4793000000000001</v>
          </cell>
        </row>
        <row r="917">
          <cell r="C917">
            <v>2000</v>
          </cell>
          <cell r="D917">
            <v>7</v>
          </cell>
          <cell r="F917">
            <v>1.4839</v>
          </cell>
        </row>
        <row r="918">
          <cell r="C918">
            <v>2000</v>
          </cell>
          <cell r="D918">
            <v>7</v>
          </cell>
          <cell r="F918">
            <v>1.4906999999999999</v>
          </cell>
        </row>
        <row r="919">
          <cell r="C919">
            <v>2000</v>
          </cell>
          <cell r="D919">
            <v>7</v>
          </cell>
          <cell r="F919">
            <v>1.4853000000000001</v>
          </cell>
        </row>
        <row r="920">
          <cell r="C920">
            <v>2000</v>
          </cell>
          <cell r="D920">
            <v>7</v>
          </cell>
          <cell r="F920">
            <v>1.4811000000000001</v>
          </cell>
        </row>
        <row r="921">
          <cell r="C921">
            <v>2000</v>
          </cell>
          <cell r="D921">
            <v>7</v>
          </cell>
          <cell r="F921">
            <v>1.4811000000000001</v>
          </cell>
        </row>
        <row r="922">
          <cell r="C922">
            <v>2000</v>
          </cell>
          <cell r="D922">
            <v>7</v>
          </cell>
          <cell r="F922">
            <v>1.4811000000000001</v>
          </cell>
        </row>
        <row r="923">
          <cell r="C923">
            <v>2000</v>
          </cell>
          <cell r="D923">
            <v>7</v>
          </cell>
          <cell r="F923">
            <v>1.48</v>
          </cell>
        </row>
        <row r="924">
          <cell r="C924">
            <v>2000</v>
          </cell>
          <cell r="D924">
            <v>7</v>
          </cell>
          <cell r="F924">
            <v>1.4782</v>
          </cell>
        </row>
        <row r="925">
          <cell r="C925">
            <v>2000</v>
          </cell>
          <cell r="D925">
            <v>7</v>
          </cell>
          <cell r="F925">
            <v>1.4810000000000001</v>
          </cell>
        </row>
        <row r="926">
          <cell r="C926">
            <v>2000</v>
          </cell>
          <cell r="D926">
            <v>7</v>
          </cell>
          <cell r="F926">
            <v>1.4805999999999999</v>
          </cell>
        </row>
        <row r="927">
          <cell r="C927">
            <v>2000</v>
          </cell>
          <cell r="D927">
            <v>7</v>
          </cell>
          <cell r="F927">
            <v>1.4842</v>
          </cell>
        </row>
        <row r="928">
          <cell r="C928">
            <v>2000</v>
          </cell>
          <cell r="D928">
            <v>7</v>
          </cell>
          <cell r="F928">
            <v>1.4842</v>
          </cell>
        </row>
        <row r="929">
          <cell r="C929">
            <v>2000</v>
          </cell>
          <cell r="D929">
            <v>7</v>
          </cell>
          <cell r="F929">
            <v>1.4842</v>
          </cell>
        </row>
        <row r="930">
          <cell r="C930">
            <v>2000</v>
          </cell>
          <cell r="D930">
            <v>7</v>
          </cell>
          <cell r="F930">
            <v>1.4810000000000001</v>
          </cell>
        </row>
        <row r="931">
          <cell r="C931">
            <v>2000</v>
          </cell>
          <cell r="D931">
            <v>7</v>
          </cell>
          <cell r="F931">
            <v>1.478</v>
          </cell>
        </row>
        <row r="932">
          <cell r="C932">
            <v>2000</v>
          </cell>
          <cell r="D932">
            <v>7</v>
          </cell>
          <cell r="F932">
            <v>1.4756</v>
          </cell>
        </row>
        <row r="933">
          <cell r="C933">
            <v>2000</v>
          </cell>
          <cell r="D933">
            <v>7</v>
          </cell>
          <cell r="F933">
            <v>1.4750000000000001</v>
          </cell>
        </row>
        <row r="934">
          <cell r="C934">
            <v>2000</v>
          </cell>
          <cell r="D934">
            <v>7</v>
          </cell>
          <cell r="F934">
            <v>1.4715</v>
          </cell>
        </row>
        <row r="935">
          <cell r="C935">
            <v>2000</v>
          </cell>
          <cell r="D935">
            <v>7</v>
          </cell>
          <cell r="F935">
            <v>1.4715</v>
          </cell>
        </row>
        <row r="936">
          <cell r="C936">
            <v>2000</v>
          </cell>
          <cell r="D936">
            <v>7</v>
          </cell>
          <cell r="F936">
            <v>1.4715</v>
          </cell>
        </row>
        <row r="937">
          <cell r="C937">
            <v>2000</v>
          </cell>
          <cell r="D937">
            <v>7</v>
          </cell>
          <cell r="F937">
            <v>1.4641</v>
          </cell>
        </row>
        <row r="938">
          <cell r="C938">
            <v>2000</v>
          </cell>
          <cell r="D938">
            <v>7</v>
          </cell>
          <cell r="F938">
            <v>1.4652000000000001</v>
          </cell>
        </row>
        <row r="939">
          <cell r="C939">
            <v>2000</v>
          </cell>
          <cell r="D939">
            <v>7</v>
          </cell>
          <cell r="F939">
            <v>1.4663999999999999</v>
          </cell>
        </row>
        <row r="940">
          <cell r="C940">
            <v>2000</v>
          </cell>
          <cell r="D940">
            <v>7</v>
          </cell>
          <cell r="F940">
            <v>1.4708000000000001</v>
          </cell>
        </row>
        <row r="941">
          <cell r="C941">
            <v>2000</v>
          </cell>
          <cell r="D941">
            <v>7</v>
          </cell>
          <cell r="F941">
            <v>1.4773000000000001</v>
          </cell>
        </row>
        <row r="942">
          <cell r="C942">
            <v>2000</v>
          </cell>
          <cell r="D942">
            <v>7</v>
          </cell>
          <cell r="F942">
            <v>1.4773000000000001</v>
          </cell>
        </row>
        <row r="943">
          <cell r="C943">
            <v>2000</v>
          </cell>
          <cell r="D943">
            <v>7</v>
          </cell>
          <cell r="F943">
            <v>1.4773000000000001</v>
          </cell>
        </row>
        <row r="944">
          <cell r="C944">
            <v>2000</v>
          </cell>
          <cell r="D944">
            <v>8</v>
          </cell>
          <cell r="F944">
            <v>1.4872000000000001</v>
          </cell>
        </row>
        <row r="945">
          <cell r="C945">
            <v>2000</v>
          </cell>
          <cell r="D945">
            <v>8</v>
          </cell>
          <cell r="F945">
            <v>1.4887999999999999</v>
          </cell>
        </row>
        <row r="946">
          <cell r="C946">
            <v>2000</v>
          </cell>
          <cell r="D946">
            <v>8</v>
          </cell>
          <cell r="F946">
            <v>1.4810000000000001</v>
          </cell>
        </row>
        <row r="947">
          <cell r="C947">
            <v>2000</v>
          </cell>
          <cell r="D947">
            <v>8</v>
          </cell>
          <cell r="F947">
            <v>1.4841</v>
          </cell>
        </row>
        <row r="948">
          <cell r="C948">
            <v>2000</v>
          </cell>
          <cell r="D948">
            <v>8</v>
          </cell>
          <cell r="F948">
            <v>1.4887999999999999</v>
          </cell>
        </row>
        <row r="949">
          <cell r="C949">
            <v>2000</v>
          </cell>
          <cell r="D949">
            <v>8</v>
          </cell>
          <cell r="F949">
            <v>1.4887999999999999</v>
          </cell>
        </row>
        <row r="950">
          <cell r="C950">
            <v>2000</v>
          </cell>
          <cell r="D950">
            <v>8</v>
          </cell>
          <cell r="F950">
            <v>1.4887999999999999</v>
          </cell>
        </row>
        <row r="951">
          <cell r="C951">
            <v>2000</v>
          </cell>
          <cell r="D951">
            <v>8</v>
          </cell>
          <cell r="F951">
            <v>1.4887999999999999</v>
          </cell>
        </row>
        <row r="952">
          <cell r="C952">
            <v>2000</v>
          </cell>
          <cell r="D952">
            <v>8</v>
          </cell>
          <cell r="F952">
            <v>1.4887999999999999</v>
          </cell>
        </row>
        <row r="953">
          <cell r="C953">
            <v>2000</v>
          </cell>
          <cell r="D953">
            <v>8</v>
          </cell>
          <cell r="F953">
            <v>1.4850000000000001</v>
          </cell>
        </row>
        <row r="954">
          <cell r="C954">
            <v>2000</v>
          </cell>
          <cell r="D954">
            <v>8</v>
          </cell>
          <cell r="F954">
            <v>1.4823</v>
          </cell>
        </row>
        <row r="955">
          <cell r="C955">
            <v>2000</v>
          </cell>
          <cell r="D955">
            <v>8</v>
          </cell>
          <cell r="F955">
            <v>1.4838</v>
          </cell>
        </row>
        <row r="956">
          <cell r="C956">
            <v>2000</v>
          </cell>
          <cell r="D956">
            <v>8</v>
          </cell>
          <cell r="F956">
            <v>1.4838</v>
          </cell>
        </row>
        <row r="957">
          <cell r="C957">
            <v>2000</v>
          </cell>
          <cell r="D957">
            <v>8</v>
          </cell>
          <cell r="F957">
            <v>1.4838</v>
          </cell>
        </row>
        <row r="958">
          <cell r="C958">
            <v>2000</v>
          </cell>
          <cell r="D958">
            <v>8</v>
          </cell>
          <cell r="F958">
            <v>1.4847999999999999</v>
          </cell>
        </row>
        <row r="959">
          <cell r="C959">
            <v>2000</v>
          </cell>
          <cell r="D959">
            <v>8</v>
          </cell>
          <cell r="F959">
            <v>1.4871000000000001</v>
          </cell>
        </row>
        <row r="960">
          <cell r="C960">
            <v>2000</v>
          </cell>
          <cell r="D960">
            <v>8</v>
          </cell>
          <cell r="F960">
            <v>1.4770000000000001</v>
          </cell>
        </row>
        <row r="961">
          <cell r="C961">
            <v>2000</v>
          </cell>
          <cell r="D961">
            <v>8</v>
          </cell>
          <cell r="F961">
            <v>1.4757</v>
          </cell>
        </row>
        <row r="962">
          <cell r="C962">
            <v>2000</v>
          </cell>
          <cell r="D962">
            <v>8</v>
          </cell>
          <cell r="F962">
            <v>1.4743999999999999</v>
          </cell>
        </row>
        <row r="963">
          <cell r="C963">
            <v>2000</v>
          </cell>
          <cell r="D963">
            <v>8</v>
          </cell>
          <cell r="F963">
            <v>1.4743999999999999</v>
          </cell>
        </row>
        <row r="964">
          <cell r="C964">
            <v>2000</v>
          </cell>
          <cell r="D964">
            <v>8</v>
          </cell>
          <cell r="F964">
            <v>1.4743999999999999</v>
          </cell>
        </row>
        <row r="965">
          <cell r="C965">
            <v>2000</v>
          </cell>
          <cell r="D965">
            <v>8</v>
          </cell>
          <cell r="F965">
            <v>1.4769000000000001</v>
          </cell>
        </row>
        <row r="966">
          <cell r="C966">
            <v>2000</v>
          </cell>
          <cell r="D966">
            <v>8</v>
          </cell>
          <cell r="F966">
            <v>1.4754</v>
          </cell>
        </row>
        <row r="967">
          <cell r="C967">
            <v>2000</v>
          </cell>
          <cell r="D967">
            <v>8</v>
          </cell>
          <cell r="F967">
            <v>1.4875</v>
          </cell>
        </row>
        <row r="968">
          <cell r="C968">
            <v>2000</v>
          </cell>
          <cell r="D968">
            <v>8</v>
          </cell>
          <cell r="F968">
            <v>1.4869000000000001</v>
          </cell>
        </row>
        <row r="969">
          <cell r="C969">
            <v>2000</v>
          </cell>
          <cell r="D969">
            <v>8</v>
          </cell>
          <cell r="F969">
            <v>1.4825999999999999</v>
          </cell>
        </row>
        <row r="970">
          <cell r="C970">
            <v>2000</v>
          </cell>
          <cell r="D970">
            <v>8</v>
          </cell>
          <cell r="F970">
            <v>1.4825999999999999</v>
          </cell>
        </row>
        <row r="971">
          <cell r="C971">
            <v>2000</v>
          </cell>
          <cell r="D971">
            <v>8</v>
          </cell>
          <cell r="F971">
            <v>1.4825999999999999</v>
          </cell>
        </row>
        <row r="972">
          <cell r="C972">
            <v>2000</v>
          </cell>
          <cell r="D972">
            <v>8</v>
          </cell>
          <cell r="F972">
            <v>1.4843</v>
          </cell>
        </row>
        <row r="973">
          <cell r="C973">
            <v>2000</v>
          </cell>
          <cell r="D973">
            <v>8</v>
          </cell>
          <cell r="F973">
            <v>1.4870000000000001</v>
          </cell>
        </row>
        <row r="974">
          <cell r="C974">
            <v>2000</v>
          </cell>
          <cell r="D974">
            <v>8</v>
          </cell>
          <cell r="F974">
            <v>1.4795</v>
          </cell>
        </row>
        <row r="975">
          <cell r="C975">
            <v>2000</v>
          </cell>
          <cell r="D975">
            <v>9</v>
          </cell>
          <cell r="F975">
            <v>1.4722</v>
          </cell>
        </row>
        <row r="976">
          <cell r="C976">
            <v>2000</v>
          </cell>
          <cell r="D976">
            <v>9</v>
          </cell>
          <cell r="F976">
            <v>1.4735</v>
          </cell>
        </row>
        <row r="977">
          <cell r="C977">
            <v>2000</v>
          </cell>
          <cell r="D977">
            <v>9</v>
          </cell>
          <cell r="F977">
            <v>1.4735</v>
          </cell>
        </row>
        <row r="978">
          <cell r="C978">
            <v>2000</v>
          </cell>
          <cell r="D978">
            <v>9</v>
          </cell>
          <cell r="F978">
            <v>1.4735</v>
          </cell>
        </row>
        <row r="979">
          <cell r="C979">
            <v>2000</v>
          </cell>
          <cell r="D979">
            <v>9</v>
          </cell>
          <cell r="F979">
            <v>1.4735</v>
          </cell>
        </row>
        <row r="980">
          <cell r="C980">
            <v>2000</v>
          </cell>
          <cell r="D980">
            <v>9</v>
          </cell>
          <cell r="F980">
            <v>1.4755</v>
          </cell>
        </row>
        <row r="981">
          <cell r="C981">
            <v>2000</v>
          </cell>
          <cell r="D981">
            <v>9</v>
          </cell>
          <cell r="F981">
            <v>1.4836</v>
          </cell>
        </row>
        <row r="982">
          <cell r="C982">
            <v>2000</v>
          </cell>
          <cell r="D982">
            <v>9</v>
          </cell>
          <cell r="F982">
            <v>1.4775</v>
          </cell>
        </row>
        <row r="983">
          <cell r="C983">
            <v>2000</v>
          </cell>
          <cell r="D983">
            <v>9</v>
          </cell>
          <cell r="F983">
            <v>1.4777</v>
          </cell>
        </row>
        <row r="984">
          <cell r="C984">
            <v>2000</v>
          </cell>
          <cell r="D984">
            <v>9</v>
          </cell>
          <cell r="F984">
            <v>1.4777</v>
          </cell>
        </row>
        <row r="985">
          <cell r="C985">
            <v>2000</v>
          </cell>
          <cell r="D985">
            <v>9</v>
          </cell>
          <cell r="F985">
            <v>1.4777</v>
          </cell>
        </row>
        <row r="986">
          <cell r="C986">
            <v>2000</v>
          </cell>
          <cell r="D986">
            <v>9</v>
          </cell>
          <cell r="F986">
            <v>1.4799</v>
          </cell>
        </row>
        <row r="987">
          <cell r="C987">
            <v>2000</v>
          </cell>
          <cell r="D987">
            <v>9</v>
          </cell>
          <cell r="F987">
            <v>1.4811000000000001</v>
          </cell>
        </row>
        <row r="988">
          <cell r="C988">
            <v>2000</v>
          </cell>
          <cell r="D988">
            <v>9</v>
          </cell>
          <cell r="F988">
            <v>1.4835</v>
          </cell>
        </row>
        <row r="989">
          <cell r="C989">
            <v>2000</v>
          </cell>
          <cell r="D989">
            <v>9</v>
          </cell>
          <cell r="F989">
            <v>1.4864999999999999</v>
          </cell>
        </row>
        <row r="990">
          <cell r="C990">
            <v>2000</v>
          </cell>
          <cell r="D990">
            <v>9</v>
          </cell>
          <cell r="F990">
            <v>1.4843</v>
          </cell>
        </row>
        <row r="991">
          <cell r="C991">
            <v>2000</v>
          </cell>
          <cell r="D991">
            <v>9</v>
          </cell>
          <cell r="F991">
            <v>1.4843</v>
          </cell>
        </row>
        <row r="992">
          <cell r="C992">
            <v>2000</v>
          </cell>
          <cell r="D992">
            <v>9</v>
          </cell>
          <cell r="F992">
            <v>1.4843</v>
          </cell>
        </row>
        <row r="993">
          <cell r="C993">
            <v>2000</v>
          </cell>
          <cell r="D993">
            <v>9</v>
          </cell>
          <cell r="F993">
            <v>1.4891000000000001</v>
          </cell>
        </row>
        <row r="994">
          <cell r="C994">
            <v>2000</v>
          </cell>
          <cell r="D994">
            <v>9</v>
          </cell>
          <cell r="F994">
            <v>1.4878</v>
          </cell>
        </row>
        <row r="995">
          <cell r="C995">
            <v>2000</v>
          </cell>
          <cell r="D995">
            <v>9</v>
          </cell>
          <cell r="F995">
            <v>1.4830000000000001</v>
          </cell>
        </row>
        <row r="996">
          <cell r="C996">
            <v>2000</v>
          </cell>
          <cell r="D996">
            <v>9</v>
          </cell>
          <cell r="F996">
            <v>1.4872000000000001</v>
          </cell>
        </row>
        <row r="997">
          <cell r="C997">
            <v>2000</v>
          </cell>
          <cell r="D997">
            <v>9</v>
          </cell>
          <cell r="F997">
            <v>1.4903</v>
          </cell>
        </row>
        <row r="998">
          <cell r="C998">
            <v>2000</v>
          </cell>
          <cell r="D998">
            <v>9</v>
          </cell>
          <cell r="F998">
            <v>1.4903</v>
          </cell>
        </row>
        <row r="999">
          <cell r="C999">
            <v>2000</v>
          </cell>
          <cell r="D999">
            <v>9</v>
          </cell>
          <cell r="F999">
            <v>1.4903</v>
          </cell>
        </row>
        <row r="1000">
          <cell r="C1000">
            <v>2000</v>
          </cell>
          <cell r="D1000">
            <v>9</v>
          </cell>
          <cell r="F1000">
            <v>1.4888999999999999</v>
          </cell>
        </row>
        <row r="1001">
          <cell r="C1001">
            <v>2000</v>
          </cell>
          <cell r="D1001">
            <v>9</v>
          </cell>
          <cell r="F1001">
            <v>1.488</v>
          </cell>
        </row>
        <row r="1002">
          <cell r="C1002">
            <v>2000</v>
          </cell>
          <cell r="D1002">
            <v>9</v>
          </cell>
          <cell r="F1002">
            <v>1.4959</v>
          </cell>
        </row>
        <row r="1003">
          <cell r="C1003">
            <v>2000</v>
          </cell>
          <cell r="D1003">
            <v>9</v>
          </cell>
          <cell r="F1003">
            <v>1.5029999999999999</v>
          </cell>
        </row>
        <row r="1004">
          <cell r="C1004">
            <v>2000</v>
          </cell>
          <cell r="D1004">
            <v>9</v>
          </cell>
          <cell r="F1004">
            <v>1.5069999999999999</v>
          </cell>
        </row>
        <row r="1005">
          <cell r="C1005">
            <v>2000</v>
          </cell>
          <cell r="D1005">
            <v>10</v>
          </cell>
          <cell r="F1005">
            <v>1.5069999999999999</v>
          </cell>
        </row>
        <row r="1006">
          <cell r="C1006">
            <v>2000</v>
          </cell>
          <cell r="D1006">
            <v>10</v>
          </cell>
          <cell r="F1006">
            <v>1.5069999999999999</v>
          </cell>
        </row>
        <row r="1007">
          <cell r="C1007">
            <v>2000</v>
          </cell>
          <cell r="D1007">
            <v>10</v>
          </cell>
          <cell r="F1007">
            <v>1.5101</v>
          </cell>
        </row>
        <row r="1008">
          <cell r="C1008">
            <v>2000</v>
          </cell>
          <cell r="D1008">
            <v>10</v>
          </cell>
          <cell r="F1008">
            <v>1.5055000000000001</v>
          </cell>
        </row>
        <row r="1009">
          <cell r="C1009">
            <v>2000</v>
          </cell>
          <cell r="D1009">
            <v>10</v>
          </cell>
          <cell r="F1009">
            <v>1.4984999999999999</v>
          </cell>
        </row>
        <row r="1010">
          <cell r="C1010">
            <v>2000</v>
          </cell>
          <cell r="D1010">
            <v>10</v>
          </cell>
          <cell r="F1010">
            <v>1.4954000000000001</v>
          </cell>
        </row>
        <row r="1011">
          <cell r="C1011">
            <v>2000</v>
          </cell>
          <cell r="D1011">
            <v>10</v>
          </cell>
          <cell r="F1011">
            <v>1.5009999999999999</v>
          </cell>
        </row>
        <row r="1012">
          <cell r="C1012">
            <v>2000</v>
          </cell>
          <cell r="D1012">
            <v>10</v>
          </cell>
          <cell r="F1012">
            <v>1.5009999999999999</v>
          </cell>
        </row>
        <row r="1013">
          <cell r="C1013">
            <v>2000</v>
          </cell>
          <cell r="D1013">
            <v>10</v>
          </cell>
          <cell r="F1013">
            <v>1.5009999999999999</v>
          </cell>
        </row>
        <row r="1014">
          <cell r="C1014">
            <v>2000</v>
          </cell>
          <cell r="D1014">
            <v>10</v>
          </cell>
          <cell r="F1014">
            <v>1.5009999999999999</v>
          </cell>
        </row>
        <row r="1015">
          <cell r="C1015">
            <v>2000</v>
          </cell>
          <cell r="D1015">
            <v>10</v>
          </cell>
          <cell r="F1015">
            <v>1.5011000000000001</v>
          </cell>
        </row>
        <row r="1016">
          <cell r="C1016">
            <v>2000</v>
          </cell>
          <cell r="D1016">
            <v>10</v>
          </cell>
          <cell r="F1016">
            <v>1.5042</v>
          </cell>
        </row>
        <row r="1017">
          <cell r="C1017">
            <v>2000</v>
          </cell>
          <cell r="D1017">
            <v>10</v>
          </cell>
          <cell r="F1017">
            <v>1.5084</v>
          </cell>
        </row>
        <row r="1018">
          <cell r="C1018">
            <v>2000</v>
          </cell>
          <cell r="D1018">
            <v>10</v>
          </cell>
          <cell r="F1018">
            <v>1.5133000000000001</v>
          </cell>
        </row>
        <row r="1019">
          <cell r="C1019">
            <v>2000</v>
          </cell>
          <cell r="D1019">
            <v>10</v>
          </cell>
          <cell r="F1019">
            <v>1.5133000000000001</v>
          </cell>
        </row>
        <row r="1020">
          <cell r="C1020">
            <v>2000</v>
          </cell>
          <cell r="D1020">
            <v>10</v>
          </cell>
          <cell r="F1020">
            <v>1.5133000000000001</v>
          </cell>
        </row>
        <row r="1021">
          <cell r="C1021">
            <v>2000</v>
          </cell>
          <cell r="D1021">
            <v>10</v>
          </cell>
          <cell r="F1021">
            <v>1.5190999999999999</v>
          </cell>
        </row>
        <row r="1022">
          <cell r="C1022">
            <v>2000</v>
          </cell>
          <cell r="D1022">
            <v>10</v>
          </cell>
          <cell r="F1022">
            <v>1.5187999999999999</v>
          </cell>
        </row>
        <row r="1023">
          <cell r="C1023">
            <v>2000</v>
          </cell>
          <cell r="D1023">
            <v>10</v>
          </cell>
          <cell r="F1023">
            <v>1.52</v>
          </cell>
        </row>
        <row r="1024">
          <cell r="C1024">
            <v>2000</v>
          </cell>
          <cell r="D1024">
            <v>10</v>
          </cell>
          <cell r="F1024">
            <v>1.5108999999999999</v>
          </cell>
        </row>
        <row r="1025">
          <cell r="C1025">
            <v>2000</v>
          </cell>
          <cell r="D1025">
            <v>10</v>
          </cell>
          <cell r="F1025">
            <v>1.5128999999999999</v>
          </cell>
        </row>
        <row r="1026">
          <cell r="C1026">
            <v>2000</v>
          </cell>
          <cell r="D1026">
            <v>10</v>
          </cell>
          <cell r="F1026">
            <v>1.5128999999999999</v>
          </cell>
        </row>
        <row r="1027">
          <cell r="C1027">
            <v>2000</v>
          </cell>
          <cell r="D1027">
            <v>10</v>
          </cell>
          <cell r="F1027">
            <v>1.5128999999999999</v>
          </cell>
        </row>
        <row r="1028">
          <cell r="C1028">
            <v>2000</v>
          </cell>
          <cell r="D1028">
            <v>10</v>
          </cell>
          <cell r="F1028">
            <v>1.5083</v>
          </cell>
        </row>
        <row r="1029">
          <cell r="C1029">
            <v>2000</v>
          </cell>
          <cell r="D1029">
            <v>10</v>
          </cell>
          <cell r="F1029">
            <v>1.5115000000000001</v>
          </cell>
        </row>
        <row r="1030">
          <cell r="C1030">
            <v>2000</v>
          </cell>
          <cell r="D1030">
            <v>10</v>
          </cell>
          <cell r="F1030">
            <v>1.5154000000000001</v>
          </cell>
        </row>
        <row r="1031">
          <cell r="C1031">
            <v>2000</v>
          </cell>
          <cell r="D1031">
            <v>10</v>
          </cell>
          <cell r="F1031">
            <v>1.5185</v>
          </cell>
        </row>
        <row r="1032">
          <cell r="C1032">
            <v>2000</v>
          </cell>
          <cell r="D1032">
            <v>10</v>
          </cell>
          <cell r="F1032">
            <v>1.5271999999999999</v>
          </cell>
        </row>
        <row r="1033">
          <cell r="C1033">
            <v>2000</v>
          </cell>
          <cell r="D1033">
            <v>10</v>
          </cell>
          <cell r="F1033">
            <v>1.5271999999999999</v>
          </cell>
        </row>
        <row r="1034">
          <cell r="C1034">
            <v>2000</v>
          </cell>
          <cell r="D1034">
            <v>10</v>
          </cell>
          <cell r="F1034">
            <v>1.5271999999999999</v>
          </cell>
        </row>
        <row r="1035">
          <cell r="C1035">
            <v>2000</v>
          </cell>
          <cell r="D1035">
            <v>10</v>
          </cell>
          <cell r="F1035">
            <v>1.5309999999999999</v>
          </cell>
        </row>
        <row r="1036">
          <cell r="C1036">
            <v>2000</v>
          </cell>
          <cell r="D1036">
            <v>11</v>
          </cell>
          <cell r="F1036">
            <v>1.5270999999999999</v>
          </cell>
        </row>
        <row r="1037">
          <cell r="C1037">
            <v>2000</v>
          </cell>
          <cell r="D1037">
            <v>11</v>
          </cell>
          <cell r="F1037">
            <v>1.5265</v>
          </cell>
        </row>
        <row r="1038">
          <cell r="C1038">
            <v>2000</v>
          </cell>
          <cell r="D1038">
            <v>11</v>
          </cell>
          <cell r="F1038">
            <v>1.5330999999999999</v>
          </cell>
        </row>
        <row r="1039">
          <cell r="C1039">
            <v>2000</v>
          </cell>
          <cell r="D1039">
            <v>11</v>
          </cell>
          <cell r="F1039">
            <v>1.5341</v>
          </cell>
        </row>
        <row r="1040">
          <cell r="C1040">
            <v>2000</v>
          </cell>
          <cell r="D1040">
            <v>11</v>
          </cell>
          <cell r="F1040">
            <v>1.5341</v>
          </cell>
        </row>
        <row r="1041">
          <cell r="C1041">
            <v>2000</v>
          </cell>
          <cell r="D1041">
            <v>11</v>
          </cell>
          <cell r="F1041">
            <v>1.5341</v>
          </cell>
        </row>
        <row r="1042">
          <cell r="C1042">
            <v>2000</v>
          </cell>
          <cell r="D1042">
            <v>11</v>
          </cell>
          <cell r="F1042">
            <v>1.5298</v>
          </cell>
        </row>
        <row r="1043">
          <cell r="C1043">
            <v>2000</v>
          </cell>
          <cell r="D1043">
            <v>11</v>
          </cell>
          <cell r="F1043">
            <v>1.5316000000000001</v>
          </cell>
        </row>
        <row r="1044">
          <cell r="C1044">
            <v>2000</v>
          </cell>
          <cell r="D1044">
            <v>11</v>
          </cell>
          <cell r="F1044">
            <v>1.5427</v>
          </cell>
        </row>
        <row r="1045">
          <cell r="C1045">
            <v>2000</v>
          </cell>
          <cell r="D1045">
            <v>11</v>
          </cell>
          <cell r="F1045">
            <v>1.5454000000000001</v>
          </cell>
        </row>
        <row r="1046">
          <cell r="C1046">
            <v>2000</v>
          </cell>
          <cell r="D1046">
            <v>11</v>
          </cell>
          <cell r="F1046">
            <v>1.5455000000000001</v>
          </cell>
        </row>
        <row r="1047">
          <cell r="C1047">
            <v>2000</v>
          </cell>
          <cell r="D1047">
            <v>11</v>
          </cell>
          <cell r="F1047">
            <v>1.5455000000000001</v>
          </cell>
        </row>
        <row r="1048">
          <cell r="C1048">
            <v>2000</v>
          </cell>
          <cell r="D1048">
            <v>11</v>
          </cell>
          <cell r="F1048">
            <v>1.5455000000000001</v>
          </cell>
        </row>
        <row r="1049">
          <cell r="C1049">
            <v>2000</v>
          </cell>
          <cell r="D1049">
            <v>11</v>
          </cell>
          <cell r="F1049">
            <v>1.5455000000000001</v>
          </cell>
        </row>
        <row r="1050">
          <cell r="C1050">
            <v>2000</v>
          </cell>
          <cell r="D1050">
            <v>11</v>
          </cell>
          <cell r="F1050">
            <v>1.5446</v>
          </cell>
        </row>
        <row r="1051">
          <cell r="C1051">
            <v>2000</v>
          </cell>
          <cell r="D1051">
            <v>11</v>
          </cell>
          <cell r="F1051">
            <v>1.5507</v>
          </cell>
        </row>
        <row r="1052">
          <cell r="C1052">
            <v>2000</v>
          </cell>
          <cell r="D1052">
            <v>11</v>
          </cell>
          <cell r="F1052">
            <v>1.5523</v>
          </cell>
        </row>
        <row r="1053">
          <cell r="C1053">
            <v>2000</v>
          </cell>
          <cell r="D1053">
            <v>11</v>
          </cell>
          <cell r="F1053">
            <v>1.5592999999999999</v>
          </cell>
        </row>
        <row r="1054">
          <cell r="C1054">
            <v>2000</v>
          </cell>
          <cell r="D1054">
            <v>11</v>
          </cell>
          <cell r="F1054">
            <v>1.5592999999999999</v>
          </cell>
        </row>
        <row r="1055">
          <cell r="C1055">
            <v>2000</v>
          </cell>
          <cell r="D1055">
            <v>11</v>
          </cell>
          <cell r="F1055">
            <v>1.5592999999999999</v>
          </cell>
        </row>
        <row r="1056">
          <cell r="C1056">
            <v>2000</v>
          </cell>
          <cell r="D1056">
            <v>11</v>
          </cell>
          <cell r="F1056">
            <v>1.5589</v>
          </cell>
        </row>
        <row r="1057">
          <cell r="C1057">
            <v>2000</v>
          </cell>
          <cell r="D1057">
            <v>11</v>
          </cell>
          <cell r="F1057">
            <v>1.5547</v>
          </cell>
        </row>
        <row r="1058">
          <cell r="C1058">
            <v>2000</v>
          </cell>
          <cell r="D1058">
            <v>11</v>
          </cell>
          <cell r="F1058">
            <v>1.5476000000000001</v>
          </cell>
        </row>
        <row r="1059">
          <cell r="C1059">
            <v>2000</v>
          </cell>
          <cell r="D1059">
            <v>11</v>
          </cell>
          <cell r="F1059">
            <v>1.5431999999999999</v>
          </cell>
        </row>
        <row r="1060">
          <cell r="C1060">
            <v>2000</v>
          </cell>
          <cell r="D1060">
            <v>11</v>
          </cell>
          <cell r="F1060">
            <v>1.5391999999999999</v>
          </cell>
        </row>
        <row r="1061">
          <cell r="C1061">
            <v>2000</v>
          </cell>
          <cell r="D1061">
            <v>11</v>
          </cell>
          <cell r="F1061">
            <v>1.5391999999999999</v>
          </cell>
        </row>
        <row r="1062">
          <cell r="C1062">
            <v>2000</v>
          </cell>
          <cell r="D1062">
            <v>11</v>
          </cell>
          <cell r="F1062">
            <v>1.5391999999999999</v>
          </cell>
        </row>
        <row r="1063">
          <cell r="C1063">
            <v>2000</v>
          </cell>
          <cell r="D1063">
            <v>11</v>
          </cell>
          <cell r="F1063">
            <v>1.5346</v>
          </cell>
        </row>
        <row r="1064">
          <cell r="C1064">
            <v>2000</v>
          </cell>
          <cell r="D1064">
            <v>11</v>
          </cell>
          <cell r="F1064">
            <v>1.5368999999999999</v>
          </cell>
        </row>
        <row r="1065">
          <cell r="C1065">
            <v>2000</v>
          </cell>
          <cell r="D1065">
            <v>11</v>
          </cell>
          <cell r="F1065">
            <v>1.5404</v>
          </cell>
        </row>
        <row r="1066">
          <cell r="C1066">
            <v>2000</v>
          </cell>
          <cell r="D1066">
            <v>12</v>
          </cell>
          <cell r="F1066">
            <v>1.5356000000000001</v>
          </cell>
        </row>
        <row r="1067">
          <cell r="C1067">
            <v>2000</v>
          </cell>
          <cell r="D1067">
            <v>12</v>
          </cell>
          <cell r="F1067">
            <v>1.5387</v>
          </cell>
        </row>
        <row r="1068">
          <cell r="C1068">
            <v>2000</v>
          </cell>
          <cell r="D1068">
            <v>12</v>
          </cell>
          <cell r="F1068">
            <v>1.5387</v>
          </cell>
        </row>
        <row r="1069">
          <cell r="C1069">
            <v>2000</v>
          </cell>
          <cell r="D1069">
            <v>12</v>
          </cell>
          <cell r="F1069">
            <v>1.5387</v>
          </cell>
        </row>
        <row r="1070">
          <cell r="C1070">
            <v>2000</v>
          </cell>
          <cell r="D1070">
            <v>12</v>
          </cell>
          <cell r="F1070">
            <v>1.5458000000000001</v>
          </cell>
        </row>
        <row r="1071">
          <cell r="C1071">
            <v>2000</v>
          </cell>
          <cell r="D1071">
            <v>12</v>
          </cell>
          <cell r="F1071">
            <v>1.5435000000000001</v>
          </cell>
        </row>
        <row r="1072">
          <cell r="C1072">
            <v>2000</v>
          </cell>
          <cell r="D1072">
            <v>12</v>
          </cell>
          <cell r="F1072">
            <v>1.5321</v>
          </cell>
        </row>
        <row r="1073">
          <cell r="C1073">
            <v>2000</v>
          </cell>
          <cell r="D1073">
            <v>12</v>
          </cell>
          <cell r="F1073">
            <v>1.5224</v>
          </cell>
        </row>
        <row r="1074">
          <cell r="C1074">
            <v>2000</v>
          </cell>
          <cell r="D1074">
            <v>12</v>
          </cell>
          <cell r="F1074">
            <v>1.5193000000000001</v>
          </cell>
        </row>
        <row r="1075">
          <cell r="C1075">
            <v>2000</v>
          </cell>
          <cell r="D1075">
            <v>12</v>
          </cell>
          <cell r="F1075">
            <v>1.5193000000000001</v>
          </cell>
        </row>
        <row r="1076">
          <cell r="C1076">
            <v>2000</v>
          </cell>
          <cell r="D1076">
            <v>12</v>
          </cell>
          <cell r="F1076">
            <v>1.5193000000000001</v>
          </cell>
        </row>
        <row r="1077">
          <cell r="C1077">
            <v>2000</v>
          </cell>
          <cell r="D1077">
            <v>12</v>
          </cell>
          <cell r="F1077">
            <v>1.5222</v>
          </cell>
        </row>
        <row r="1078">
          <cell r="C1078">
            <v>2000</v>
          </cell>
          <cell r="D1078">
            <v>12</v>
          </cell>
          <cell r="F1078">
            <v>1.5246999999999999</v>
          </cell>
        </row>
        <row r="1079">
          <cell r="C1079">
            <v>2000</v>
          </cell>
          <cell r="D1079">
            <v>12</v>
          </cell>
          <cell r="F1079">
            <v>1.5206999999999999</v>
          </cell>
        </row>
        <row r="1080">
          <cell r="C1080">
            <v>2000</v>
          </cell>
          <cell r="D1080">
            <v>12</v>
          </cell>
          <cell r="F1080">
            <v>1.5168999999999999</v>
          </cell>
        </row>
        <row r="1081">
          <cell r="C1081">
            <v>2000</v>
          </cell>
          <cell r="D1081">
            <v>12</v>
          </cell>
          <cell r="F1081">
            <v>1.5176000000000001</v>
          </cell>
        </row>
        <row r="1082">
          <cell r="C1082">
            <v>2000</v>
          </cell>
          <cell r="D1082">
            <v>12</v>
          </cell>
          <cell r="F1082">
            <v>1.5176000000000001</v>
          </cell>
        </row>
        <row r="1083">
          <cell r="C1083">
            <v>2000</v>
          </cell>
          <cell r="D1083">
            <v>12</v>
          </cell>
          <cell r="F1083">
            <v>1.5176000000000001</v>
          </cell>
        </row>
        <row r="1084">
          <cell r="C1084">
            <v>2000</v>
          </cell>
          <cell r="D1084">
            <v>12</v>
          </cell>
          <cell r="F1084">
            <v>1.5254000000000001</v>
          </cell>
        </row>
        <row r="1085">
          <cell r="C1085">
            <v>2000</v>
          </cell>
          <cell r="D1085">
            <v>12</v>
          </cell>
          <cell r="F1085">
            <v>1.5217000000000001</v>
          </cell>
        </row>
        <row r="1086">
          <cell r="C1086">
            <v>2000</v>
          </cell>
          <cell r="D1086">
            <v>12</v>
          </cell>
          <cell r="F1086">
            <v>1.5219</v>
          </cell>
        </row>
        <row r="1087">
          <cell r="C1087">
            <v>2000</v>
          </cell>
          <cell r="D1087">
            <v>12</v>
          </cell>
          <cell r="F1087">
            <v>1.5185</v>
          </cell>
        </row>
        <row r="1088">
          <cell r="C1088">
            <v>2000</v>
          </cell>
          <cell r="D1088">
            <v>12</v>
          </cell>
          <cell r="F1088">
            <v>1.5166999999999999</v>
          </cell>
        </row>
        <row r="1089">
          <cell r="C1089">
            <v>2000</v>
          </cell>
          <cell r="D1089">
            <v>12</v>
          </cell>
          <cell r="F1089">
            <v>1.5166999999999999</v>
          </cell>
        </row>
        <row r="1090">
          <cell r="C1090">
            <v>2000</v>
          </cell>
          <cell r="D1090">
            <v>12</v>
          </cell>
          <cell r="F1090">
            <v>1.5166999999999999</v>
          </cell>
        </row>
        <row r="1091">
          <cell r="C1091">
            <v>2000</v>
          </cell>
          <cell r="D1091">
            <v>12</v>
          </cell>
          <cell r="F1091">
            <v>1.5166999999999999</v>
          </cell>
        </row>
        <row r="1092">
          <cell r="C1092">
            <v>2000</v>
          </cell>
          <cell r="D1092">
            <v>12</v>
          </cell>
          <cell r="F1092">
            <v>1.5166999999999999</v>
          </cell>
        </row>
        <row r="1093">
          <cell r="C1093">
            <v>2000</v>
          </cell>
          <cell r="D1093">
            <v>12</v>
          </cell>
          <cell r="F1093">
            <v>1.5108999999999999</v>
          </cell>
        </row>
        <row r="1094">
          <cell r="C1094">
            <v>2000</v>
          </cell>
          <cell r="D1094">
            <v>12</v>
          </cell>
          <cell r="F1094">
            <v>1.5071000000000001</v>
          </cell>
        </row>
        <row r="1095">
          <cell r="C1095">
            <v>2000</v>
          </cell>
          <cell r="D1095">
            <v>12</v>
          </cell>
          <cell r="F1095">
            <v>1.5002</v>
          </cell>
        </row>
        <row r="1096">
          <cell r="C1096">
            <v>2000</v>
          </cell>
          <cell r="D1096">
            <v>12</v>
          </cell>
          <cell r="F1096">
            <v>1.5002</v>
          </cell>
        </row>
        <row r="1097">
          <cell r="C1097">
            <v>2001</v>
          </cell>
          <cell r="D1097">
            <v>1</v>
          </cell>
          <cell r="F1097">
            <v>1.5002</v>
          </cell>
        </row>
        <row r="1098">
          <cell r="C1098">
            <v>2001</v>
          </cell>
          <cell r="D1098">
            <v>1</v>
          </cell>
          <cell r="F1098">
            <v>1.5002</v>
          </cell>
        </row>
        <row r="1099">
          <cell r="C1099">
            <v>2001</v>
          </cell>
          <cell r="D1099">
            <v>1</v>
          </cell>
          <cell r="F1099">
            <v>1.4963</v>
          </cell>
        </row>
        <row r="1100">
          <cell r="C1100">
            <v>2001</v>
          </cell>
          <cell r="D1100">
            <v>1</v>
          </cell>
          <cell r="F1100">
            <v>1.4978</v>
          </cell>
        </row>
        <row r="1101">
          <cell r="C1101">
            <v>2001</v>
          </cell>
          <cell r="D1101">
            <v>1</v>
          </cell>
          <cell r="F1101">
            <v>1.4983</v>
          </cell>
        </row>
        <row r="1102">
          <cell r="C1102">
            <v>2001</v>
          </cell>
          <cell r="D1102">
            <v>1</v>
          </cell>
          <cell r="F1102">
            <v>1.5002</v>
          </cell>
        </row>
        <row r="1103">
          <cell r="C1103">
            <v>2001</v>
          </cell>
          <cell r="D1103">
            <v>1</v>
          </cell>
          <cell r="F1103">
            <v>1.5002</v>
          </cell>
        </row>
        <row r="1104">
          <cell r="C1104">
            <v>2001</v>
          </cell>
          <cell r="D1104">
            <v>1</v>
          </cell>
          <cell r="F1104">
            <v>1.5002</v>
          </cell>
        </row>
        <row r="1105">
          <cell r="C1105">
            <v>2001</v>
          </cell>
          <cell r="D1105">
            <v>1</v>
          </cell>
          <cell r="F1105">
            <v>1.4947999999999999</v>
          </cell>
        </row>
        <row r="1106">
          <cell r="C1106">
            <v>2001</v>
          </cell>
          <cell r="D1106">
            <v>1</v>
          </cell>
          <cell r="F1106">
            <v>1.4974000000000001</v>
          </cell>
        </row>
        <row r="1107">
          <cell r="C1107">
            <v>2001</v>
          </cell>
          <cell r="D1107">
            <v>1</v>
          </cell>
          <cell r="F1107">
            <v>1.5001</v>
          </cell>
        </row>
        <row r="1108">
          <cell r="C1108">
            <v>2001</v>
          </cell>
          <cell r="D1108">
            <v>1</v>
          </cell>
          <cell r="F1108">
            <v>1.4976</v>
          </cell>
        </row>
        <row r="1109">
          <cell r="C1109">
            <v>2001</v>
          </cell>
          <cell r="D1109">
            <v>1</v>
          </cell>
          <cell r="F1109">
            <v>1.4965999999999999</v>
          </cell>
        </row>
        <row r="1110">
          <cell r="C1110">
            <v>2001</v>
          </cell>
          <cell r="D1110">
            <v>1</v>
          </cell>
          <cell r="F1110">
            <v>1.4965999999999999</v>
          </cell>
        </row>
        <row r="1111">
          <cell r="C1111">
            <v>2001</v>
          </cell>
          <cell r="D1111">
            <v>1</v>
          </cell>
          <cell r="F1111">
            <v>1.4965999999999999</v>
          </cell>
        </row>
        <row r="1112">
          <cell r="C1112">
            <v>2001</v>
          </cell>
          <cell r="D1112">
            <v>1</v>
          </cell>
          <cell r="F1112">
            <v>1.5044999999999999</v>
          </cell>
        </row>
        <row r="1113">
          <cell r="C1113">
            <v>2001</v>
          </cell>
          <cell r="D1113">
            <v>1</v>
          </cell>
          <cell r="F1113">
            <v>1.5044</v>
          </cell>
        </row>
        <row r="1114">
          <cell r="C1114">
            <v>2001</v>
          </cell>
          <cell r="D1114">
            <v>1</v>
          </cell>
          <cell r="F1114">
            <v>1.5121</v>
          </cell>
        </row>
        <row r="1115">
          <cell r="C1115">
            <v>2001</v>
          </cell>
          <cell r="D1115">
            <v>1</v>
          </cell>
          <cell r="F1115">
            <v>1.516</v>
          </cell>
        </row>
        <row r="1116">
          <cell r="C1116">
            <v>2001</v>
          </cell>
          <cell r="D1116">
            <v>1</v>
          </cell>
          <cell r="F1116">
            <v>1.5144</v>
          </cell>
        </row>
        <row r="1117">
          <cell r="C1117">
            <v>2001</v>
          </cell>
          <cell r="D1117">
            <v>1</v>
          </cell>
          <cell r="F1117">
            <v>1.5144</v>
          </cell>
        </row>
        <row r="1118">
          <cell r="C1118">
            <v>2001</v>
          </cell>
          <cell r="D1118">
            <v>1</v>
          </cell>
          <cell r="F1118">
            <v>1.5144</v>
          </cell>
        </row>
        <row r="1119">
          <cell r="C1119">
            <v>2001</v>
          </cell>
          <cell r="D1119">
            <v>1</v>
          </cell>
          <cell r="F1119">
            <v>1.5065999999999999</v>
          </cell>
        </row>
        <row r="1120">
          <cell r="C1120">
            <v>2001</v>
          </cell>
          <cell r="D1120">
            <v>1</v>
          </cell>
          <cell r="F1120">
            <v>1.5065999999999999</v>
          </cell>
        </row>
        <row r="1121">
          <cell r="C1121">
            <v>2001</v>
          </cell>
          <cell r="D1121">
            <v>1</v>
          </cell>
          <cell r="F1121">
            <v>1.5124</v>
          </cell>
        </row>
        <row r="1122">
          <cell r="C1122">
            <v>2001</v>
          </cell>
          <cell r="D1122">
            <v>1</v>
          </cell>
          <cell r="F1122">
            <v>1.5076000000000001</v>
          </cell>
        </row>
        <row r="1123">
          <cell r="C1123">
            <v>2001</v>
          </cell>
          <cell r="D1123">
            <v>1</v>
          </cell>
          <cell r="F1123">
            <v>1.5063</v>
          </cell>
        </row>
        <row r="1124">
          <cell r="C1124">
            <v>2001</v>
          </cell>
          <cell r="D1124">
            <v>1</v>
          </cell>
          <cell r="F1124">
            <v>1.5063</v>
          </cell>
        </row>
        <row r="1125">
          <cell r="C1125">
            <v>2001</v>
          </cell>
          <cell r="D1125">
            <v>1</v>
          </cell>
          <cell r="F1125">
            <v>1.5063</v>
          </cell>
        </row>
        <row r="1126">
          <cell r="C1126">
            <v>2001</v>
          </cell>
          <cell r="D1126">
            <v>1</v>
          </cell>
          <cell r="F1126">
            <v>1.5008999999999999</v>
          </cell>
        </row>
        <row r="1127">
          <cell r="C1127">
            <v>2001</v>
          </cell>
          <cell r="D1127">
            <v>1</v>
          </cell>
          <cell r="F1127">
            <v>1.4984999999999999</v>
          </cell>
        </row>
        <row r="1128">
          <cell r="C1128">
            <v>2001</v>
          </cell>
          <cell r="D1128">
            <v>2</v>
          </cell>
          <cell r="F1128">
            <v>1.5</v>
          </cell>
        </row>
        <row r="1129">
          <cell r="C1129">
            <v>2001</v>
          </cell>
          <cell r="D1129">
            <v>2</v>
          </cell>
          <cell r="F1129">
            <v>1.4948999999999999</v>
          </cell>
        </row>
        <row r="1130">
          <cell r="C1130">
            <v>2001</v>
          </cell>
          <cell r="D1130">
            <v>2</v>
          </cell>
          <cell r="F1130">
            <v>1.4936</v>
          </cell>
        </row>
        <row r="1131">
          <cell r="C1131">
            <v>2001</v>
          </cell>
          <cell r="D1131">
            <v>2</v>
          </cell>
          <cell r="F1131">
            <v>1.4936</v>
          </cell>
        </row>
        <row r="1132">
          <cell r="C1132">
            <v>2001</v>
          </cell>
          <cell r="D1132">
            <v>2</v>
          </cell>
          <cell r="F1132">
            <v>1.4936</v>
          </cell>
        </row>
        <row r="1133">
          <cell r="C1133">
            <v>2001</v>
          </cell>
          <cell r="D1133">
            <v>2</v>
          </cell>
          <cell r="F1133">
            <v>1.5045999999999999</v>
          </cell>
        </row>
        <row r="1134">
          <cell r="C1134">
            <v>2001</v>
          </cell>
          <cell r="D1134">
            <v>2</v>
          </cell>
          <cell r="F1134">
            <v>1.5079</v>
          </cell>
        </row>
        <row r="1135">
          <cell r="C1135">
            <v>2001</v>
          </cell>
          <cell r="D1135">
            <v>2</v>
          </cell>
          <cell r="F1135">
            <v>1.5096000000000001</v>
          </cell>
        </row>
        <row r="1136">
          <cell r="C1136">
            <v>2001</v>
          </cell>
          <cell r="D1136">
            <v>2</v>
          </cell>
          <cell r="F1136">
            <v>1.5112000000000001</v>
          </cell>
        </row>
        <row r="1137">
          <cell r="C1137">
            <v>2001</v>
          </cell>
          <cell r="D1137">
            <v>2</v>
          </cell>
          <cell r="F1137">
            <v>1.5083</v>
          </cell>
        </row>
        <row r="1138">
          <cell r="C1138">
            <v>2001</v>
          </cell>
          <cell r="D1138">
            <v>2</v>
          </cell>
          <cell r="F1138">
            <v>1.5083</v>
          </cell>
        </row>
        <row r="1139">
          <cell r="C1139">
            <v>2001</v>
          </cell>
          <cell r="D1139">
            <v>2</v>
          </cell>
          <cell r="F1139">
            <v>1.5083</v>
          </cell>
        </row>
        <row r="1140">
          <cell r="C1140">
            <v>2001</v>
          </cell>
          <cell r="D1140">
            <v>2</v>
          </cell>
          <cell r="F1140">
            <v>1.5193000000000001</v>
          </cell>
        </row>
        <row r="1141">
          <cell r="C1141">
            <v>2001</v>
          </cell>
          <cell r="D1141">
            <v>2</v>
          </cell>
          <cell r="F1141">
            <v>1.5212000000000001</v>
          </cell>
        </row>
        <row r="1142">
          <cell r="C1142">
            <v>2001</v>
          </cell>
          <cell r="D1142">
            <v>2</v>
          </cell>
          <cell r="F1142">
            <v>1.5254000000000001</v>
          </cell>
        </row>
        <row r="1143">
          <cell r="C1143">
            <v>2001</v>
          </cell>
          <cell r="D1143">
            <v>2</v>
          </cell>
          <cell r="F1143">
            <v>1.5276000000000001</v>
          </cell>
        </row>
        <row r="1144">
          <cell r="C1144">
            <v>2001</v>
          </cell>
          <cell r="D1144">
            <v>2</v>
          </cell>
          <cell r="F1144">
            <v>1.5367999999999999</v>
          </cell>
        </row>
        <row r="1145">
          <cell r="C1145">
            <v>2001</v>
          </cell>
          <cell r="D1145">
            <v>2</v>
          </cell>
          <cell r="F1145">
            <v>1.5367999999999999</v>
          </cell>
        </row>
        <row r="1146">
          <cell r="C1146">
            <v>2001</v>
          </cell>
          <cell r="D1146">
            <v>2</v>
          </cell>
          <cell r="F1146">
            <v>1.5367999999999999</v>
          </cell>
        </row>
        <row r="1147">
          <cell r="C1147">
            <v>2001</v>
          </cell>
          <cell r="D1147">
            <v>2</v>
          </cell>
          <cell r="F1147">
            <v>1.5359</v>
          </cell>
        </row>
        <row r="1148">
          <cell r="C1148">
            <v>2001</v>
          </cell>
          <cell r="D1148">
            <v>2</v>
          </cell>
          <cell r="F1148">
            <v>1.5391999999999999</v>
          </cell>
        </row>
        <row r="1149">
          <cell r="C1149">
            <v>2001</v>
          </cell>
          <cell r="D1149">
            <v>2</v>
          </cell>
          <cell r="F1149">
            <v>1.5366</v>
          </cell>
        </row>
        <row r="1150">
          <cell r="C1150">
            <v>2001</v>
          </cell>
          <cell r="D1150">
            <v>2</v>
          </cell>
          <cell r="F1150">
            <v>1.538</v>
          </cell>
        </row>
        <row r="1151">
          <cell r="C1151">
            <v>2001</v>
          </cell>
          <cell r="D1151">
            <v>2</v>
          </cell>
          <cell r="F1151">
            <v>1.5374000000000001</v>
          </cell>
        </row>
        <row r="1152">
          <cell r="C1152">
            <v>2001</v>
          </cell>
          <cell r="D1152">
            <v>2</v>
          </cell>
          <cell r="F1152">
            <v>1.5374000000000001</v>
          </cell>
        </row>
        <row r="1153">
          <cell r="C1153">
            <v>2001</v>
          </cell>
          <cell r="D1153">
            <v>2</v>
          </cell>
          <cell r="F1153">
            <v>1.5374000000000001</v>
          </cell>
        </row>
        <row r="1154">
          <cell r="C1154">
            <v>2001</v>
          </cell>
          <cell r="D1154">
            <v>2</v>
          </cell>
          <cell r="F1154">
            <v>1.5313000000000001</v>
          </cell>
        </row>
        <row r="1155">
          <cell r="C1155">
            <v>2001</v>
          </cell>
          <cell r="D1155">
            <v>2</v>
          </cell>
          <cell r="F1155">
            <v>1.5259</v>
          </cell>
        </row>
        <row r="1156">
          <cell r="C1156">
            <v>2001</v>
          </cell>
          <cell r="D1156">
            <v>3</v>
          </cell>
          <cell r="F1156">
            <v>1.5316000000000001</v>
          </cell>
        </row>
        <row r="1157">
          <cell r="C1157">
            <v>2001</v>
          </cell>
          <cell r="D1157">
            <v>3</v>
          </cell>
          <cell r="F1157">
            <v>1.5458000000000001</v>
          </cell>
        </row>
        <row r="1158">
          <cell r="C1158">
            <v>2001</v>
          </cell>
          <cell r="D1158">
            <v>3</v>
          </cell>
          <cell r="F1158">
            <v>1.5484</v>
          </cell>
        </row>
        <row r="1159">
          <cell r="C1159">
            <v>2001</v>
          </cell>
          <cell r="D1159">
            <v>3</v>
          </cell>
          <cell r="F1159">
            <v>1.5484</v>
          </cell>
        </row>
        <row r="1160">
          <cell r="C1160">
            <v>2001</v>
          </cell>
          <cell r="D1160">
            <v>3</v>
          </cell>
          <cell r="F1160">
            <v>1.5484</v>
          </cell>
        </row>
        <row r="1161">
          <cell r="C1161">
            <v>2001</v>
          </cell>
          <cell r="D1161">
            <v>3</v>
          </cell>
          <cell r="F1161">
            <v>1.5472999999999999</v>
          </cell>
        </row>
        <row r="1162">
          <cell r="C1162">
            <v>2001</v>
          </cell>
          <cell r="D1162">
            <v>3</v>
          </cell>
          <cell r="F1162">
            <v>1.538</v>
          </cell>
        </row>
        <row r="1163">
          <cell r="C1163">
            <v>2001</v>
          </cell>
          <cell r="D1163">
            <v>3</v>
          </cell>
          <cell r="F1163">
            <v>1.5489999999999999</v>
          </cell>
        </row>
        <row r="1164">
          <cell r="C1164">
            <v>2001</v>
          </cell>
          <cell r="D1164">
            <v>3</v>
          </cell>
          <cell r="F1164">
            <v>1.5491999999999999</v>
          </cell>
        </row>
        <row r="1165">
          <cell r="C1165">
            <v>2001</v>
          </cell>
          <cell r="D1165">
            <v>3</v>
          </cell>
          <cell r="F1165">
            <v>1.5483</v>
          </cell>
        </row>
        <row r="1166">
          <cell r="C1166">
            <v>2001</v>
          </cell>
          <cell r="D1166">
            <v>3</v>
          </cell>
          <cell r="F1166">
            <v>1.5483</v>
          </cell>
        </row>
        <row r="1167">
          <cell r="C1167">
            <v>2001</v>
          </cell>
          <cell r="D1167">
            <v>3</v>
          </cell>
          <cell r="F1167">
            <v>1.5483</v>
          </cell>
        </row>
        <row r="1168">
          <cell r="C1168">
            <v>2001</v>
          </cell>
          <cell r="D1168">
            <v>3</v>
          </cell>
          <cell r="F1168">
            <v>1.5508</v>
          </cell>
        </row>
        <row r="1169">
          <cell r="C1169">
            <v>2001</v>
          </cell>
          <cell r="D1169">
            <v>3</v>
          </cell>
          <cell r="F1169">
            <v>1.5470999999999999</v>
          </cell>
        </row>
        <row r="1170">
          <cell r="C1170">
            <v>2001</v>
          </cell>
          <cell r="D1170">
            <v>3</v>
          </cell>
          <cell r="F1170">
            <v>1.5532999999999999</v>
          </cell>
        </row>
        <row r="1171">
          <cell r="C1171">
            <v>2001</v>
          </cell>
          <cell r="D1171">
            <v>3</v>
          </cell>
          <cell r="F1171">
            <v>1.5596000000000001</v>
          </cell>
        </row>
        <row r="1172">
          <cell r="C1172">
            <v>2001</v>
          </cell>
          <cell r="D1172">
            <v>3</v>
          </cell>
          <cell r="F1172">
            <v>1.5669999999999999</v>
          </cell>
        </row>
        <row r="1173">
          <cell r="C1173">
            <v>2001</v>
          </cell>
          <cell r="D1173">
            <v>3</v>
          </cell>
          <cell r="F1173">
            <v>1.5669999999999999</v>
          </cell>
        </row>
        <row r="1174">
          <cell r="C1174">
            <v>2001</v>
          </cell>
          <cell r="D1174">
            <v>3</v>
          </cell>
          <cell r="F1174">
            <v>1.5669999999999999</v>
          </cell>
        </row>
        <row r="1175">
          <cell r="C1175">
            <v>2001</v>
          </cell>
          <cell r="D1175">
            <v>3</v>
          </cell>
          <cell r="F1175">
            <v>1.5697000000000001</v>
          </cell>
        </row>
        <row r="1176">
          <cell r="C1176">
            <v>2001</v>
          </cell>
          <cell r="D1176">
            <v>3</v>
          </cell>
          <cell r="F1176">
            <v>1.5607</v>
          </cell>
        </row>
        <row r="1177">
          <cell r="C1177">
            <v>2001</v>
          </cell>
          <cell r="D1177">
            <v>3</v>
          </cell>
          <cell r="F1177">
            <v>1.5726</v>
          </cell>
        </row>
        <row r="1178">
          <cell r="C1178">
            <v>2001</v>
          </cell>
          <cell r="D1178">
            <v>3</v>
          </cell>
          <cell r="F1178">
            <v>1.5731999999999999</v>
          </cell>
        </row>
        <row r="1179">
          <cell r="C1179">
            <v>2001</v>
          </cell>
          <cell r="D1179">
            <v>3</v>
          </cell>
          <cell r="F1179">
            <v>1.5664</v>
          </cell>
        </row>
        <row r="1180">
          <cell r="C1180">
            <v>2001</v>
          </cell>
          <cell r="D1180">
            <v>3</v>
          </cell>
          <cell r="F1180">
            <v>1.5664</v>
          </cell>
        </row>
        <row r="1181">
          <cell r="C1181">
            <v>2001</v>
          </cell>
          <cell r="D1181">
            <v>3</v>
          </cell>
          <cell r="F1181">
            <v>1.5664</v>
          </cell>
        </row>
        <row r="1182">
          <cell r="C1182">
            <v>2001</v>
          </cell>
          <cell r="D1182">
            <v>3</v>
          </cell>
          <cell r="F1182">
            <v>1.5547</v>
          </cell>
        </row>
        <row r="1183">
          <cell r="C1183">
            <v>2001</v>
          </cell>
          <cell r="D1183">
            <v>3</v>
          </cell>
          <cell r="F1183">
            <v>1.5692999999999999</v>
          </cell>
        </row>
        <row r="1184">
          <cell r="C1184">
            <v>2001</v>
          </cell>
          <cell r="D1184">
            <v>3</v>
          </cell>
          <cell r="F1184">
            <v>1.5669999999999999</v>
          </cell>
        </row>
        <row r="1185">
          <cell r="C1185">
            <v>2001</v>
          </cell>
          <cell r="D1185">
            <v>3</v>
          </cell>
          <cell r="F1185">
            <v>1.5722</v>
          </cell>
        </row>
        <row r="1186">
          <cell r="C1186">
            <v>2001</v>
          </cell>
          <cell r="D1186">
            <v>3</v>
          </cell>
          <cell r="F1186">
            <v>1.5773999999999999</v>
          </cell>
        </row>
        <row r="1187">
          <cell r="C1187">
            <v>2001</v>
          </cell>
          <cell r="D1187">
            <v>4</v>
          </cell>
          <cell r="F1187">
            <v>1.5773999999999999</v>
          </cell>
        </row>
        <row r="1188">
          <cell r="C1188">
            <v>2001</v>
          </cell>
          <cell r="D1188">
            <v>4</v>
          </cell>
          <cell r="F1188">
            <v>1.5773999999999999</v>
          </cell>
        </row>
        <row r="1189">
          <cell r="C1189">
            <v>2001</v>
          </cell>
          <cell r="D1189">
            <v>4</v>
          </cell>
          <cell r="F1189">
            <v>1.5749</v>
          </cell>
        </row>
        <row r="1190">
          <cell r="C1190">
            <v>2001</v>
          </cell>
          <cell r="D1190">
            <v>4</v>
          </cell>
          <cell r="F1190">
            <v>1.5789</v>
          </cell>
        </row>
        <row r="1191">
          <cell r="C1191">
            <v>2001</v>
          </cell>
          <cell r="D1191">
            <v>4</v>
          </cell>
          <cell r="F1191">
            <v>1.5693999999999999</v>
          </cell>
        </row>
        <row r="1192">
          <cell r="C1192">
            <v>2001</v>
          </cell>
          <cell r="D1192">
            <v>4</v>
          </cell>
          <cell r="F1192">
            <v>1.5787</v>
          </cell>
        </row>
        <row r="1193">
          <cell r="C1193">
            <v>2001</v>
          </cell>
          <cell r="D1193">
            <v>4</v>
          </cell>
          <cell r="F1193">
            <v>1.5612999999999999</v>
          </cell>
        </row>
        <row r="1194">
          <cell r="C1194">
            <v>2001</v>
          </cell>
          <cell r="D1194">
            <v>4</v>
          </cell>
          <cell r="F1194">
            <v>1.5612999999999999</v>
          </cell>
        </row>
        <row r="1195">
          <cell r="C1195">
            <v>2001</v>
          </cell>
          <cell r="D1195">
            <v>4</v>
          </cell>
          <cell r="F1195">
            <v>1.5612999999999999</v>
          </cell>
        </row>
        <row r="1196">
          <cell r="C1196">
            <v>2001</v>
          </cell>
          <cell r="D1196">
            <v>4</v>
          </cell>
          <cell r="F1196">
            <v>1.5642</v>
          </cell>
        </row>
        <row r="1197">
          <cell r="C1197">
            <v>2001</v>
          </cell>
          <cell r="D1197">
            <v>4</v>
          </cell>
          <cell r="F1197">
            <v>1.5562</v>
          </cell>
        </row>
        <row r="1198">
          <cell r="C1198">
            <v>2001</v>
          </cell>
          <cell r="D1198">
            <v>4</v>
          </cell>
          <cell r="F1198">
            <v>1.5620000000000001</v>
          </cell>
        </row>
        <row r="1199">
          <cell r="C1199">
            <v>2001</v>
          </cell>
          <cell r="D1199">
            <v>4</v>
          </cell>
          <cell r="F1199">
            <v>1.5599000000000001</v>
          </cell>
        </row>
        <row r="1200">
          <cell r="C1200">
            <v>2001</v>
          </cell>
          <cell r="D1200">
            <v>4</v>
          </cell>
          <cell r="F1200">
            <v>1.5599000000000001</v>
          </cell>
        </row>
        <row r="1201">
          <cell r="C1201">
            <v>2001</v>
          </cell>
          <cell r="D1201">
            <v>4</v>
          </cell>
          <cell r="F1201">
            <v>1.5599000000000001</v>
          </cell>
        </row>
        <row r="1202">
          <cell r="C1202">
            <v>2001</v>
          </cell>
          <cell r="D1202">
            <v>4</v>
          </cell>
          <cell r="F1202">
            <v>1.5599000000000001</v>
          </cell>
        </row>
        <row r="1203">
          <cell r="C1203">
            <v>2001</v>
          </cell>
          <cell r="D1203">
            <v>4</v>
          </cell>
          <cell r="F1203">
            <v>1.5621</v>
          </cell>
        </row>
        <row r="1204">
          <cell r="C1204">
            <v>2001</v>
          </cell>
          <cell r="D1204">
            <v>4</v>
          </cell>
          <cell r="F1204">
            <v>1.5579000000000001</v>
          </cell>
        </row>
        <row r="1205">
          <cell r="C1205">
            <v>2001</v>
          </cell>
          <cell r="D1205">
            <v>4</v>
          </cell>
          <cell r="F1205">
            <v>1.5692999999999999</v>
          </cell>
        </row>
        <row r="1206">
          <cell r="C1206">
            <v>2001</v>
          </cell>
          <cell r="D1206">
            <v>4</v>
          </cell>
          <cell r="F1206">
            <v>1.5471999999999999</v>
          </cell>
        </row>
        <row r="1207">
          <cell r="C1207">
            <v>2001</v>
          </cell>
          <cell r="D1207">
            <v>4</v>
          </cell>
          <cell r="F1207">
            <v>1.5434000000000001</v>
          </cell>
        </row>
        <row r="1208">
          <cell r="C1208">
            <v>2001</v>
          </cell>
          <cell r="D1208">
            <v>4</v>
          </cell>
          <cell r="F1208">
            <v>1.5434000000000001</v>
          </cell>
        </row>
        <row r="1209">
          <cell r="C1209">
            <v>2001</v>
          </cell>
          <cell r="D1209">
            <v>4</v>
          </cell>
          <cell r="F1209">
            <v>1.5434000000000001</v>
          </cell>
        </row>
        <row r="1210">
          <cell r="C1210">
            <v>2001</v>
          </cell>
          <cell r="D1210">
            <v>4</v>
          </cell>
          <cell r="F1210">
            <v>1.5464</v>
          </cell>
        </row>
        <row r="1211">
          <cell r="C1211">
            <v>2001</v>
          </cell>
          <cell r="D1211">
            <v>4</v>
          </cell>
          <cell r="F1211">
            <v>1.5482</v>
          </cell>
        </row>
        <row r="1212">
          <cell r="C1212">
            <v>2001</v>
          </cell>
          <cell r="D1212">
            <v>4</v>
          </cell>
          <cell r="F1212">
            <v>1.5472999999999999</v>
          </cell>
        </row>
        <row r="1213">
          <cell r="C1213">
            <v>2001</v>
          </cell>
          <cell r="D1213">
            <v>4</v>
          </cell>
          <cell r="F1213">
            <v>1.5450999999999999</v>
          </cell>
        </row>
        <row r="1214">
          <cell r="C1214">
            <v>2001</v>
          </cell>
          <cell r="D1214">
            <v>4</v>
          </cell>
          <cell r="F1214">
            <v>1.5417000000000001</v>
          </cell>
        </row>
        <row r="1215">
          <cell r="C1215">
            <v>2001</v>
          </cell>
          <cell r="D1215">
            <v>4</v>
          </cell>
          <cell r="F1215">
            <v>1.5417000000000001</v>
          </cell>
        </row>
        <row r="1216">
          <cell r="C1216">
            <v>2001</v>
          </cell>
          <cell r="D1216">
            <v>4</v>
          </cell>
          <cell r="F1216">
            <v>1.5417000000000001</v>
          </cell>
        </row>
        <row r="1217">
          <cell r="C1217">
            <v>2001</v>
          </cell>
          <cell r="D1217">
            <v>5</v>
          </cell>
          <cell r="F1217">
            <v>1.5356000000000001</v>
          </cell>
        </row>
        <row r="1218">
          <cell r="C1218">
            <v>2001</v>
          </cell>
          <cell r="D1218">
            <v>5</v>
          </cell>
          <cell r="F1218">
            <v>1.5338000000000001</v>
          </cell>
        </row>
        <row r="1219">
          <cell r="C1219">
            <v>2001</v>
          </cell>
          <cell r="D1219">
            <v>5</v>
          </cell>
          <cell r="F1219">
            <v>1.5308999999999999</v>
          </cell>
        </row>
        <row r="1220">
          <cell r="C1220">
            <v>2001</v>
          </cell>
          <cell r="D1220">
            <v>5</v>
          </cell>
          <cell r="F1220">
            <v>1.5328999999999999</v>
          </cell>
        </row>
        <row r="1221">
          <cell r="C1221">
            <v>2001</v>
          </cell>
          <cell r="D1221">
            <v>5</v>
          </cell>
          <cell r="F1221">
            <v>1.5348999999999999</v>
          </cell>
        </row>
        <row r="1222">
          <cell r="C1222">
            <v>2001</v>
          </cell>
          <cell r="D1222">
            <v>5</v>
          </cell>
          <cell r="F1222">
            <v>1.5348999999999999</v>
          </cell>
        </row>
        <row r="1223">
          <cell r="C1223">
            <v>2001</v>
          </cell>
          <cell r="D1223">
            <v>5</v>
          </cell>
          <cell r="F1223">
            <v>1.5348999999999999</v>
          </cell>
        </row>
        <row r="1224">
          <cell r="C1224">
            <v>2001</v>
          </cell>
          <cell r="D1224">
            <v>5</v>
          </cell>
          <cell r="F1224">
            <v>1.5403</v>
          </cell>
        </row>
        <row r="1225">
          <cell r="C1225">
            <v>2001</v>
          </cell>
          <cell r="D1225">
            <v>5</v>
          </cell>
          <cell r="F1225">
            <v>1.5444</v>
          </cell>
        </row>
        <row r="1226">
          <cell r="C1226">
            <v>2001</v>
          </cell>
          <cell r="D1226">
            <v>5</v>
          </cell>
          <cell r="F1226">
            <v>1.5404</v>
          </cell>
        </row>
        <row r="1227">
          <cell r="C1227">
            <v>2001</v>
          </cell>
          <cell r="D1227">
            <v>5</v>
          </cell>
          <cell r="F1227">
            <v>1.5389999999999999</v>
          </cell>
        </row>
        <row r="1228">
          <cell r="C1228">
            <v>2001</v>
          </cell>
          <cell r="D1228">
            <v>5</v>
          </cell>
          <cell r="F1228">
            <v>1.5503</v>
          </cell>
        </row>
        <row r="1229">
          <cell r="C1229">
            <v>2001</v>
          </cell>
          <cell r="D1229">
            <v>5</v>
          </cell>
          <cell r="F1229">
            <v>1.5503</v>
          </cell>
        </row>
        <row r="1230">
          <cell r="C1230">
            <v>2001</v>
          </cell>
          <cell r="D1230">
            <v>5</v>
          </cell>
          <cell r="F1230">
            <v>1.5503</v>
          </cell>
        </row>
        <row r="1231">
          <cell r="C1231">
            <v>2001</v>
          </cell>
          <cell r="D1231">
            <v>5</v>
          </cell>
          <cell r="F1231">
            <v>1.554</v>
          </cell>
        </row>
        <row r="1232">
          <cell r="C1232">
            <v>2001</v>
          </cell>
          <cell r="D1232">
            <v>5</v>
          </cell>
          <cell r="F1232">
            <v>1.5490999999999999</v>
          </cell>
        </row>
        <row r="1233">
          <cell r="C1233">
            <v>2001</v>
          </cell>
          <cell r="D1233">
            <v>5</v>
          </cell>
          <cell r="F1233">
            <v>1.5399</v>
          </cell>
        </row>
        <row r="1234">
          <cell r="C1234">
            <v>2001</v>
          </cell>
          <cell r="D1234">
            <v>5</v>
          </cell>
          <cell r="F1234">
            <v>1.5358000000000001</v>
          </cell>
        </row>
        <row r="1235">
          <cell r="C1235">
            <v>2001</v>
          </cell>
          <cell r="D1235">
            <v>5</v>
          </cell>
          <cell r="F1235">
            <v>1.5329999999999999</v>
          </cell>
        </row>
        <row r="1236">
          <cell r="C1236">
            <v>2001</v>
          </cell>
          <cell r="D1236">
            <v>5</v>
          </cell>
          <cell r="F1236">
            <v>1.5329999999999999</v>
          </cell>
        </row>
        <row r="1237">
          <cell r="C1237">
            <v>2001</v>
          </cell>
          <cell r="D1237">
            <v>5</v>
          </cell>
          <cell r="F1237">
            <v>1.5329999999999999</v>
          </cell>
        </row>
        <row r="1238">
          <cell r="C1238">
            <v>2001</v>
          </cell>
          <cell r="D1238">
            <v>5</v>
          </cell>
          <cell r="F1238">
            <v>1.5329999999999999</v>
          </cell>
        </row>
        <row r="1239">
          <cell r="C1239">
            <v>2001</v>
          </cell>
          <cell r="D1239">
            <v>5</v>
          </cell>
          <cell r="F1239">
            <v>1.5407</v>
          </cell>
        </row>
        <row r="1240">
          <cell r="C1240">
            <v>2001</v>
          </cell>
          <cell r="D1240">
            <v>5</v>
          </cell>
          <cell r="F1240">
            <v>1.5458000000000001</v>
          </cell>
        </row>
        <row r="1241">
          <cell r="C1241">
            <v>2001</v>
          </cell>
          <cell r="D1241">
            <v>5</v>
          </cell>
          <cell r="F1241">
            <v>1.5472999999999999</v>
          </cell>
        </row>
        <row r="1242">
          <cell r="C1242">
            <v>2001</v>
          </cell>
          <cell r="D1242">
            <v>5</v>
          </cell>
          <cell r="F1242">
            <v>1.5451999999999999</v>
          </cell>
        </row>
        <row r="1243">
          <cell r="C1243">
            <v>2001</v>
          </cell>
          <cell r="D1243">
            <v>5</v>
          </cell>
          <cell r="F1243">
            <v>1.5451999999999999</v>
          </cell>
        </row>
        <row r="1244">
          <cell r="C1244">
            <v>2001</v>
          </cell>
          <cell r="D1244">
            <v>5</v>
          </cell>
          <cell r="F1244">
            <v>1.5451999999999999</v>
          </cell>
        </row>
        <row r="1245">
          <cell r="C1245">
            <v>2001</v>
          </cell>
          <cell r="D1245">
            <v>5</v>
          </cell>
          <cell r="F1245">
            <v>1.5452999999999999</v>
          </cell>
        </row>
        <row r="1246">
          <cell r="C1246">
            <v>2001</v>
          </cell>
          <cell r="D1246">
            <v>5</v>
          </cell>
          <cell r="F1246">
            <v>1.5373000000000001</v>
          </cell>
        </row>
        <row r="1247">
          <cell r="C1247">
            <v>2001</v>
          </cell>
          <cell r="D1247">
            <v>5</v>
          </cell>
          <cell r="F1247">
            <v>1.546</v>
          </cell>
        </row>
        <row r="1248">
          <cell r="C1248">
            <v>2001</v>
          </cell>
          <cell r="D1248">
            <v>6</v>
          </cell>
          <cell r="F1248">
            <v>1.5457000000000001</v>
          </cell>
        </row>
        <row r="1249">
          <cell r="C1249">
            <v>2001</v>
          </cell>
          <cell r="D1249">
            <v>6</v>
          </cell>
          <cell r="F1249">
            <v>1.532</v>
          </cell>
        </row>
        <row r="1250">
          <cell r="C1250">
            <v>2001</v>
          </cell>
          <cell r="D1250">
            <v>6</v>
          </cell>
          <cell r="F1250">
            <v>1.532</v>
          </cell>
        </row>
        <row r="1251">
          <cell r="C1251">
            <v>2001</v>
          </cell>
          <cell r="D1251">
            <v>6</v>
          </cell>
          <cell r="F1251">
            <v>1.532</v>
          </cell>
        </row>
        <row r="1252">
          <cell r="C1252">
            <v>2001</v>
          </cell>
          <cell r="D1252">
            <v>6</v>
          </cell>
          <cell r="F1252">
            <v>1.5357000000000001</v>
          </cell>
        </row>
        <row r="1253">
          <cell r="C1253">
            <v>2001</v>
          </cell>
          <cell r="D1253">
            <v>6</v>
          </cell>
          <cell r="F1253">
            <v>1.5327</v>
          </cell>
        </row>
        <row r="1254">
          <cell r="C1254">
            <v>2001</v>
          </cell>
          <cell r="D1254">
            <v>6</v>
          </cell>
          <cell r="F1254">
            <v>1.5246</v>
          </cell>
        </row>
        <row r="1255">
          <cell r="C1255">
            <v>2001</v>
          </cell>
          <cell r="D1255">
            <v>6</v>
          </cell>
          <cell r="F1255">
            <v>1.5208999999999999</v>
          </cell>
        </row>
        <row r="1256">
          <cell r="C1256">
            <v>2001</v>
          </cell>
          <cell r="D1256">
            <v>6</v>
          </cell>
          <cell r="F1256">
            <v>1.5209999999999999</v>
          </cell>
        </row>
        <row r="1257">
          <cell r="C1257">
            <v>2001</v>
          </cell>
          <cell r="D1257">
            <v>6</v>
          </cell>
          <cell r="F1257">
            <v>1.5209999999999999</v>
          </cell>
        </row>
        <row r="1258">
          <cell r="C1258">
            <v>2001</v>
          </cell>
          <cell r="D1258">
            <v>6</v>
          </cell>
          <cell r="F1258">
            <v>1.5209999999999999</v>
          </cell>
        </row>
        <row r="1259">
          <cell r="C1259">
            <v>2001</v>
          </cell>
          <cell r="D1259">
            <v>6</v>
          </cell>
          <cell r="F1259">
            <v>1.5161</v>
          </cell>
        </row>
        <row r="1260">
          <cell r="C1260">
            <v>2001</v>
          </cell>
          <cell r="D1260">
            <v>6</v>
          </cell>
          <cell r="F1260">
            <v>1.5244</v>
          </cell>
        </row>
        <row r="1261">
          <cell r="C1261">
            <v>2001</v>
          </cell>
          <cell r="D1261">
            <v>6</v>
          </cell>
          <cell r="F1261">
            <v>1.5181</v>
          </cell>
        </row>
        <row r="1262">
          <cell r="C1262">
            <v>2001</v>
          </cell>
          <cell r="D1262">
            <v>6</v>
          </cell>
          <cell r="F1262">
            <v>1.5214000000000001</v>
          </cell>
        </row>
        <row r="1263">
          <cell r="C1263">
            <v>2001</v>
          </cell>
          <cell r="D1263">
            <v>6</v>
          </cell>
          <cell r="F1263">
            <v>1.5219</v>
          </cell>
        </row>
        <row r="1264">
          <cell r="C1264">
            <v>2001</v>
          </cell>
          <cell r="D1264">
            <v>6</v>
          </cell>
          <cell r="F1264">
            <v>1.5219</v>
          </cell>
        </row>
        <row r="1265">
          <cell r="C1265">
            <v>2001</v>
          </cell>
          <cell r="D1265">
            <v>6</v>
          </cell>
          <cell r="F1265">
            <v>1.5219</v>
          </cell>
        </row>
        <row r="1266">
          <cell r="C1266">
            <v>2001</v>
          </cell>
          <cell r="D1266">
            <v>6</v>
          </cell>
          <cell r="F1266">
            <v>1.5335000000000001</v>
          </cell>
        </row>
        <row r="1267">
          <cell r="C1267">
            <v>2001</v>
          </cell>
          <cell r="D1267">
            <v>6</v>
          </cell>
          <cell r="F1267">
            <v>1.5328999999999999</v>
          </cell>
        </row>
        <row r="1268">
          <cell r="C1268">
            <v>2001</v>
          </cell>
          <cell r="D1268">
            <v>6</v>
          </cell>
          <cell r="F1268">
            <v>1.5307999999999999</v>
          </cell>
        </row>
        <row r="1269">
          <cell r="C1269">
            <v>2001</v>
          </cell>
          <cell r="D1269">
            <v>6</v>
          </cell>
          <cell r="F1269">
            <v>1.5264</v>
          </cell>
        </row>
        <row r="1270">
          <cell r="C1270">
            <v>2001</v>
          </cell>
          <cell r="D1270">
            <v>6</v>
          </cell>
          <cell r="F1270">
            <v>1.5288999999999999</v>
          </cell>
        </row>
        <row r="1271">
          <cell r="C1271">
            <v>2001</v>
          </cell>
          <cell r="D1271">
            <v>6</v>
          </cell>
          <cell r="F1271">
            <v>1.5288999999999999</v>
          </cell>
        </row>
        <row r="1272">
          <cell r="C1272">
            <v>2001</v>
          </cell>
          <cell r="D1272">
            <v>6</v>
          </cell>
          <cell r="F1272">
            <v>1.5288999999999999</v>
          </cell>
        </row>
        <row r="1273">
          <cell r="C1273">
            <v>2001</v>
          </cell>
          <cell r="D1273">
            <v>6</v>
          </cell>
          <cell r="F1273">
            <v>1.5186999999999999</v>
          </cell>
        </row>
        <row r="1274">
          <cell r="C1274">
            <v>2001</v>
          </cell>
          <cell r="D1274">
            <v>6</v>
          </cell>
          <cell r="F1274">
            <v>1.5145</v>
          </cell>
        </row>
        <row r="1275">
          <cell r="C1275">
            <v>2001</v>
          </cell>
          <cell r="D1275">
            <v>6</v>
          </cell>
          <cell r="F1275">
            <v>1.5168999999999999</v>
          </cell>
        </row>
        <row r="1276">
          <cell r="C1276">
            <v>2001</v>
          </cell>
          <cell r="D1276">
            <v>6</v>
          </cell>
          <cell r="F1276">
            <v>1.5232000000000001</v>
          </cell>
        </row>
        <row r="1277">
          <cell r="C1277">
            <v>2001</v>
          </cell>
          <cell r="D1277">
            <v>6</v>
          </cell>
          <cell r="F1277">
            <v>1.5177</v>
          </cell>
        </row>
        <row r="1278">
          <cell r="C1278">
            <v>2001</v>
          </cell>
          <cell r="D1278">
            <v>7</v>
          </cell>
          <cell r="F1278">
            <v>1.5177</v>
          </cell>
        </row>
        <row r="1279">
          <cell r="C1279">
            <v>2001</v>
          </cell>
          <cell r="D1279">
            <v>7</v>
          </cell>
          <cell r="F1279">
            <v>1.5177</v>
          </cell>
        </row>
        <row r="1280">
          <cell r="C1280">
            <v>2001</v>
          </cell>
          <cell r="D1280">
            <v>7</v>
          </cell>
          <cell r="F1280">
            <v>1.5177</v>
          </cell>
        </row>
        <row r="1281">
          <cell r="C1281">
            <v>2001</v>
          </cell>
          <cell r="D1281">
            <v>7</v>
          </cell>
          <cell r="F1281">
            <v>1.5124</v>
          </cell>
        </row>
        <row r="1282">
          <cell r="C1282">
            <v>2001</v>
          </cell>
          <cell r="D1282">
            <v>7</v>
          </cell>
          <cell r="F1282">
            <v>1.5109999999999999</v>
          </cell>
        </row>
        <row r="1283">
          <cell r="C1283">
            <v>2001</v>
          </cell>
          <cell r="D1283">
            <v>7</v>
          </cell>
          <cell r="F1283">
            <v>1.5099</v>
          </cell>
        </row>
        <row r="1284">
          <cell r="C1284">
            <v>2001</v>
          </cell>
          <cell r="D1284">
            <v>7</v>
          </cell>
          <cell r="F1284">
            <v>1.5198</v>
          </cell>
        </row>
        <row r="1285">
          <cell r="C1285">
            <v>2001</v>
          </cell>
          <cell r="D1285">
            <v>7</v>
          </cell>
          <cell r="F1285">
            <v>1.5198</v>
          </cell>
        </row>
        <row r="1286">
          <cell r="C1286">
            <v>2001</v>
          </cell>
          <cell r="D1286">
            <v>7</v>
          </cell>
          <cell r="F1286">
            <v>1.5198</v>
          </cell>
        </row>
        <row r="1287">
          <cell r="C1287">
            <v>2001</v>
          </cell>
          <cell r="D1287">
            <v>7</v>
          </cell>
          <cell r="F1287">
            <v>1.5210999999999999</v>
          </cell>
        </row>
        <row r="1288">
          <cell r="C1288">
            <v>2001</v>
          </cell>
          <cell r="D1288">
            <v>7</v>
          </cell>
          <cell r="F1288">
            <v>1.5210999999999999</v>
          </cell>
        </row>
        <row r="1289">
          <cell r="C1289">
            <v>2001</v>
          </cell>
          <cell r="D1289">
            <v>7</v>
          </cell>
          <cell r="F1289">
            <v>1.5247999999999999</v>
          </cell>
        </row>
        <row r="1290">
          <cell r="C1290">
            <v>2001</v>
          </cell>
          <cell r="D1290">
            <v>7</v>
          </cell>
          <cell r="F1290">
            <v>1.528</v>
          </cell>
        </row>
        <row r="1291">
          <cell r="C1291">
            <v>2001</v>
          </cell>
          <cell r="D1291">
            <v>7</v>
          </cell>
          <cell r="F1291">
            <v>1.5392999999999999</v>
          </cell>
        </row>
        <row r="1292">
          <cell r="C1292">
            <v>2001</v>
          </cell>
          <cell r="D1292">
            <v>7</v>
          </cell>
          <cell r="F1292">
            <v>1.5392999999999999</v>
          </cell>
        </row>
        <row r="1293">
          <cell r="C1293">
            <v>2001</v>
          </cell>
          <cell r="D1293">
            <v>7</v>
          </cell>
          <cell r="F1293">
            <v>1.5392999999999999</v>
          </cell>
        </row>
        <row r="1294">
          <cell r="C1294">
            <v>2001</v>
          </cell>
          <cell r="D1294">
            <v>7</v>
          </cell>
          <cell r="F1294">
            <v>1.5397000000000001</v>
          </cell>
        </row>
        <row r="1295">
          <cell r="C1295">
            <v>2001</v>
          </cell>
          <cell r="D1295">
            <v>7</v>
          </cell>
          <cell r="F1295">
            <v>1.5403</v>
          </cell>
        </row>
        <row r="1296">
          <cell r="C1296">
            <v>2001</v>
          </cell>
          <cell r="D1296">
            <v>7</v>
          </cell>
          <cell r="F1296">
            <v>1.5349999999999999</v>
          </cell>
        </row>
        <row r="1297">
          <cell r="C1297">
            <v>2001</v>
          </cell>
          <cell r="D1297">
            <v>7</v>
          </cell>
          <cell r="F1297">
            <v>1.5417000000000001</v>
          </cell>
        </row>
        <row r="1298">
          <cell r="C1298">
            <v>2001</v>
          </cell>
          <cell r="D1298">
            <v>7</v>
          </cell>
          <cell r="F1298">
            <v>1.5448</v>
          </cell>
        </row>
        <row r="1299">
          <cell r="C1299">
            <v>2001</v>
          </cell>
          <cell r="D1299">
            <v>7</v>
          </cell>
          <cell r="F1299">
            <v>1.5448</v>
          </cell>
        </row>
        <row r="1300">
          <cell r="C1300">
            <v>2001</v>
          </cell>
          <cell r="D1300">
            <v>7</v>
          </cell>
          <cell r="F1300">
            <v>1.5448</v>
          </cell>
        </row>
        <row r="1301">
          <cell r="C1301">
            <v>2001</v>
          </cell>
          <cell r="D1301">
            <v>7</v>
          </cell>
          <cell r="F1301">
            <v>1.5446</v>
          </cell>
        </row>
        <row r="1302">
          <cell r="C1302">
            <v>2001</v>
          </cell>
          <cell r="D1302">
            <v>7</v>
          </cell>
          <cell r="F1302">
            <v>1.5381</v>
          </cell>
        </row>
        <row r="1303">
          <cell r="C1303">
            <v>2001</v>
          </cell>
          <cell r="D1303">
            <v>7</v>
          </cell>
          <cell r="F1303">
            <v>1.5375000000000001</v>
          </cell>
        </row>
        <row r="1304">
          <cell r="C1304">
            <v>2001</v>
          </cell>
          <cell r="D1304">
            <v>7</v>
          </cell>
          <cell r="F1304">
            <v>1.5335000000000001</v>
          </cell>
        </row>
        <row r="1305">
          <cell r="C1305">
            <v>2001</v>
          </cell>
          <cell r="D1305">
            <v>7</v>
          </cell>
          <cell r="F1305">
            <v>1.5346</v>
          </cell>
        </row>
        <row r="1306">
          <cell r="C1306">
            <v>2001</v>
          </cell>
          <cell r="D1306">
            <v>7</v>
          </cell>
          <cell r="F1306">
            <v>1.5346</v>
          </cell>
        </row>
        <row r="1307">
          <cell r="C1307">
            <v>2001</v>
          </cell>
          <cell r="D1307">
            <v>7</v>
          </cell>
          <cell r="F1307">
            <v>1.5346</v>
          </cell>
        </row>
        <row r="1308">
          <cell r="C1308">
            <v>2001</v>
          </cell>
          <cell r="D1308">
            <v>7</v>
          </cell>
          <cell r="F1308">
            <v>1.5302</v>
          </cell>
        </row>
        <row r="1309">
          <cell r="C1309">
            <v>2001</v>
          </cell>
          <cell r="D1309">
            <v>8</v>
          </cell>
          <cell r="F1309">
            <v>1.5303</v>
          </cell>
        </row>
        <row r="1310">
          <cell r="C1310">
            <v>2001</v>
          </cell>
          <cell r="D1310">
            <v>8</v>
          </cell>
          <cell r="F1310">
            <v>1.5358000000000001</v>
          </cell>
        </row>
        <row r="1311">
          <cell r="C1311">
            <v>2001</v>
          </cell>
          <cell r="D1311">
            <v>8</v>
          </cell>
          <cell r="F1311">
            <v>1.5411999999999999</v>
          </cell>
        </row>
        <row r="1312">
          <cell r="C1312">
            <v>2001</v>
          </cell>
          <cell r="D1312">
            <v>8</v>
          </cell>
          <cell r="F1312">
            <v>1.5347999999999999</v>
          </cell>
        </row>
        <row r="1313">
          <cell r="C1313">
            <v>2001</v>
          </cell>
          <cell r="D1313">
            <v>8</v>
          </cell>
          <cell r="F1313">
            <v>1.5347999999999999</v>
          </cell>
        </row>
        <row r="1314">
          <cell r="C1314">
            <v>2001</v>
          </cell>
          <cell r="D1314">
            <v>8</v>
          </cell>
          <cell r="F1314">
            <v>1.5347999999999999</v>
          </cell>
        </row>
        <row r="1315">
          <cell r="C1315">
            <v>2001</v>
          </cell>
          <cell r="D1315">
            <v>8</v>
          </cell>
          <cell r="F1315">
            <v>1.5347999999999999</v>
          </cell>
        </row>
        <row r="1316">
          <cell r="C1316">
            <v>2001</v>
          </cell>
          <cell r="D1316">
            <v>8</v>
          </cell>
          <cell r="F1316">
            <v>1.534</v>
          </cell>
        </row>
        <row r="1317">
          <cell r="C1317">
            <v>2001</v>
          </cell>
          <cell r="D1317">
            <v>8</v>
          </cell>
          <cell r="F1317">
            <v>1.5334000000000001</v>
          </cell>
        </row>
        <row r="1318">
          <cell r="C1318">
            <v>2001</v>
          </cell>
          <cell r="D1318">
            <v>8</v>
          </cell>
          <cell r="F1318">
            <v>1.5388999999999999</v>
          </cell>
        </row>
        <row r="1319">
          <cell r="C1319">
            <v>2001</v>
          </cell>
          <cell r="D1319">
            <v>8</v>
          </cell>
          <cell r="F1319">
            <v>1.5402</v>
          </cell>
        </row>
        <row r="1320">
          <cell r="C1320">
            <v>2001</v>
          </cell>
          <cell r="D1320">
            <v>8</v>
          </cell>
          <cell r="F1320">
            <v>1.5402</v>
          </cell>
        </row>
        <row r="1321">
          <cell r="C1321">
            <v>2001</v>
          </cell>
          <cell r="D1321">
            <v>8</v>
          </cell>
          <cell r="F1321">
            <v>1.5402</v>
          </cell>
        </row>
        <row r="1322">
          <cell r="C1322">
            <v>2001</v>
          </cell>
          <cell r="D1322">
            <v>8</v>
          </cell>
          <cell r="F1322">
            <v>1.5386</v>
          </cell>
        </row>
        <row r="1323">
          <cell r="C1323">
            <v>2001</v>
          </cell>
          <cell r="D1323">
            <v>8</v>
          </cell>
          <cell r="F1323">
            <v>1.5409999999999999</v>
          </cell>
        </row>
        <row r="1324">
          <cell r="C1324">
            <v>2001</v>
          </cell>
          <cell r="D1324">
            <v>8</v>
          </cell>
          <cell r="F1324">
            <v>1.5289999999999999</v>
          </cell>
        </row>
        <row r="1325">
          <cell r="C1325">
            <v>2001</v>
          </cell>
          <cell r="D1325">
            <v>8</v>
          </cell>
          <cell r="F1325">
            <v>1.5310999999999999</v>
          </cell>
        </row>
        <row r="1326">
          <cell r="C1326">
            <v>2001</v>
          </cell>
          <cell r="D1326">
            <v>8</v>
          </cell>
          <cell r="F1326">
            <v>1.5419</v>
          </cell>
        </row>
        <row r="1327">
          <cell r="C1327">
            <v>2001</v>
          </cell>
          <cell r="D1327">
            <v>8</v>
          </cell>
          <cell r="F1327">
            <v>1.5419</v>
          </cell>
        </row>
        <row r="1328">
          <cell r="C1328">
            <v>2001</v>
          </cell>
          <cell r="D1328">
            <v>8</v>
          </cell>
          <cell r="F1328">
            <v>1.5419</v>
          </cell>
        </row>
        <row r="1329">
          <cell r="C1329">
            <v>2001</v>
          </cell>
          <cell r="D1329">
            <v>8</v>
          </cell>
          <cell r="F1329">
            <v>1.5457000000000001</v>
          </cell>
        </row>
        <row r="1330">
          <cell r="C1330">
            <v>2001</v>
          </cell>
          <cell r="D1330">
            <v>8</v>
          </cell>
          <cell r="F1330">
            <v>1.5488</v>
          </cell>
        </row>
        <row r="1331">
          <cell r="C1331">
            <v>2001</v>
          </cell>
          <cell r="D1331">
            <v>8</v>
          </cell>
          <cell r="F1331">
            <v>1.5436000000000001</v>
          </cell>
        </row>
        <row r="1332">
          <cell r="C1332">
            <v>2001</v>
          </cell>
          <cell r="D1332">
            <v>8</v>
          </cell>
          <cell r="F1332">
            <v>1.5423</v>
          </cell>
        </row>
        <row r="1333">
          <cell r="C1333">
            <v>2001</v>
          </cell>
          <cell r="D1333">
            <v>8</v>
          </cell>
          <cell r="F1333">
            <v>1.5409999999999999</v>
          </cell>
        </row>
        <row r="1334">
          <cell r="C1334">
            <v>2001</v>
          </cell>
          <cell r="D1334">
            <v>8</v>
          </cell>
          <cell r="F1334">
            <v>1.5409999999999999</v>
          </cell>
        </row>
        <row r="1335">
          <cell r="C1335">
            <v>2001</v>
          </cell>
          <cell r="D1335">
            <v>8</v>
          </cell>
          <cell r="F1335">
            <v>1.5409999999999999</v>
          </cell>
        </row>
        <row r="1336">
          <cell r="C1336">
            <v>2001</v>
          </cell>
          <cell r="D1336">
            <v>8</v>
          </cell>
          <cell r="F1336">
            <v>1.5422</v>
          </cell>
        </row>
        <row r="1337">
          <cell r="C1337">
            <v>2001</v>
          </cell>
          <cell r="D1337">
            <v>8</v>
          </cell>
          <cell r="F1337">
            <v>1.5401</v>
          </cell>
        </row>
        <row r="1338">
          <cell r="C1338">
            <v>2001</v>
          </cell>
          <cell r="D1338">
            <v>8</v>
          </cell>
          <cell r="F1338">
            <v>1.546</v>
          </cell>
        </row>
        <row r="1339">
          <cell r="C1339">
            <v>2001</v>
          </cell>
          <cell r="D1339">
            <v>8</v>
          </cell>
          <cell r="F1339">
            <v>1.5462</v>
          </cell>
        </row>
        <row r="1340">
          <cell r="C1340">
            <v>2001</v>
          </cell>
          <cell r="D1340">
            <v>9</v>
          </cell>
          <cell r="F1340">
            <v>1.5477000000000001</v>
          </cell>
        </row>
        <row r="1341">
          <cell r="C1341">
            <v>2001</v>
          </cell>
          <cell r="D1341">
            <v>9</v>
          </cell>
          <cell r="F1341">
            <v>1.5477000000000001</v>
          </cell>
        </row>
        <row r="1342">
          <cell r="C1342">
            <v>2001</v>
          </cell>
          <cell r="D1342">
            <v>9</v>
          </cell>
          <cell r="F1342">
            <v>1.5477000000000001</v>
          </cell>
        </row>
        <row r="1343">
          <cell r="C1343">
            <v>2001</v>
          </cell>
          <cell r="D1343">
            <v>9</v>
          </cell>
          <cell r="F1343">
            <v>1.5477000000000001</v>
          </cell>
        </row>
        <row r="1344">
          <cell r="C1344">
            <v>2001</v>
          </cell>
          <cell r="D1344">
            <v>9</v>
          </cell>
          <cell r="F1344">
            <v>1.5528</v>
          </cell>
        </row>
        <row r="1345">
          <cell r="C1345">
            <v>2001</v>
          </cell>
          <cell r="D1345">
            <v>9</v>
          </cell>
          <cell r="F1345">
            <v>1.5601</v>
          </cell>
        </row>
        <row r="1346">
          <cell r="C1346">
            <v>2001</v>
          </cell>
          <cell r="D1346">
            <v>9</v>
          </cell>
          <cell r="F1346">
            <v>1.5584</v>
          </cell>
        </row>
        <row r="1347">
          <cell r="C1347">
            <v>2001</v>
          </cell>
          <cell r="D1347">
            <v>9</v>
          </cell>
          <cell r="F1347">
            <v>1.5677000000000001</v>
          </cell>
        </row>
        <row r="1348">
          <cell r="C1348">
            <v>2001</v>
          </cell>
          <cell r="D1348">
            <v>9</v>
          </cell>
          <cell r="F1348">
            <v>1.5677000000000001</v>
          </cell>
        </row>
        <row r="1349">
          <cell r="C1349">
            <v>2001</v>
          </cell>
          <cell r="D1349">
            <v>9</v>
          </cell>
          <cell r="F1349">
            <v>1.5677000000000001</v>
          </cell>
        </row>
        <row r="1350">
          <cell r="C1350">
            <v>2001</v>
          </cell>
          <cell r="D1350">
            <v>9</v>
          </cell>
          <cell r="F1350">
            <v>1.5653999999999999</v>
          </cell>
        </row>
        <row r="1351">
          <cell r="C1351">
            <v>2001</v>
          </cell>
          <cell r="D1351">
            <v>9</v>
          </cell>
          <cell r="F1351">
            <v>1.5660000000000001</v>
          </cell>
        </row>
        <row r="1352">
          <cell r="C1352">
            <v>2001</v>
          </cell>
          <cell r="D1352">
            <v>9</v>
          </cell>
          <cell r="F1352">
            <v>1.5591999999999999</v>
          </cell>
        </row>
        <row r="1353">
          <cell r="C1353">
            <v>2001</v>
          </cell>
          <cell r="D1353">
            <v>9</v>
          </cell>
          <cell r="F1353">
            <v>1.5686</v>
          </cell>
        </row>
        <row r="1354">
          <cell r="C1354">
            <v>2001</v>
          </cell>
          <cell r="D1354">
            <v>9</v>
          </cell>
          <cell r="F1354">
            <v>1.5643</v>
          </cell>
        </row>
        <row r="1355">
          <cell r="C1355">
            <v>2001</v>
          </cell>
          <cell r="D1355">
            <v>9</v>
          </cell>
          <cell r="F1355">
            <v>1.5643</v>
          </cell>
        </row>
        <row r="1356">
          <cell r="C1356">
            <v>2001</v>
          </cell>
          <cell r="D1356">
            <v>9</v>
          </cell>
          <cell r="F1356">
            <v>1.5643</v>
          </cell>
        </row>
        <row r="1357">
          <cell r="C1357">
            <v>2001</v>
          </cell>
          <cell r="D1357">
            <v>9</v>
          </cell>
          <cell r="F1357">
            <v>1.5689</v>
          </cell>
        </row>
        <row r="1358">
          <cell r="C1358">
            <v>2001</v>
          </cell>
          <cell r="D1358">
            <v>9</v>
          </cell>
          <cell r="F1358">
            <v>1.5708</v>
          </cell>
        </row>
        <row r="1359">
          <cell r="C1359">
            <v>2001</v>
          </cell>
          <cell r="D1359">
            <v>9</v>
          </cell>
          <cell r="F1359">
            <v>1.5712999999999999</v>
          </cell>
        </row>
        <row r="1360">
          <cell r="C1360">
            <v>2001</v>
          </cell>
          <cell r="D1360">
            <v>9</v>
          </cell>
          <cell r="F1360">
            <v>1.5703</v>
          </cell>
        </row>
        <row r="1361">
          <cell r="C1361">
            <v>2001</v>
          </cell>
          <cell r="D1361">
            <v>9</v>
          </cell>
          <cell r="F1361">
            <v>1.5705</v>
          </cell>
        </row>
        <row r="1362">
          <cell r="C1362">
            <v>2001</v>
          </cell>
          <cell r="D1362">
            <v>9</v>
          </cell>
          <cell r="F1362">
            <v>1.5705</v>
          </cell>
        </row>
        <row r="1363">
          <cell r="C1363">
            <v>2001</v>
          </cell>
          <cell r="D1363">
            <v>9</v>
          </cell>
          <cell r="F1363">
            <v>1.5705</v>
          </cell>
        </row>
        <row r="1364">
          <cell r="C1364">
            <v>2001</v>
          </cell>
          <cell r="D1364">
            <v>9</v>
          </cell>
          <cell r="F1364">
            <v>1.5691999999999999</v>
          </cell>
        </row>
        <row r="1365">
          <cell r="C1365">
            <v>2001</v>
          </cell>
          <cell r="D1365">
            <v>9</v>
          </cell>
          <cell r="F1365">
            <v>1.5711999999999999</v>
          </cell>
        </row>
        <row r="1366">
          <cell r="C1366">
            <v>2001</v>
          </cell>
          <cell r="D1366">
            <v>9</v>
          </cell>
          <cell r="F1366">
            <v>1.5729</v>
          </cell>
        </row>
        <row r="1367">
          <cell r="C1367">
            <v>2001</v>
          </cell>
          <cell r="D1367">
            <v>9</v>
          </cell>
          <cell r="F1367">
            <v>1.5792999999999999</v>
          </cell>
        </row>
        <row r="1368">
          <cell r="C1368">
            <v>2001</v>
          </cell>
          <cell r="D1368">
            <v>9</v>
          </cell>
          <cell r="F1368">
            <v>1.579</v>
          </cell>
        </row>
        <row r="1369">
          <cell r="C1369">
            <v>2001</v>
          </cell>
          <cell r="D1369">
            <v>9</v>
          </cell>
          <cell r="F1369">
            <v>1.579</v>
          </cell>
        </row>
        <row r="1370">
          <cell r="C1370">
            <v>2001</v>
          </cell>
          <cell r="D1370">
            <v>10</v>
          </cell>
          <cell r="F1370">
            <v>1.579</v>
          </cell>
        </row>
        <row r="1371">
          <cell r="C1371">
            <v>2001</v>
          </cell>
          <cell r="D1371">
            <v>10</v>
          </cell>
          <cell r="F1371">
            <v>1.5789</v>
          </cell>
        </row>
        <row r="1372">
          <cell r="C1372">
            <v>2001</v>
          </cell>
          <cell r="D1372">
            <v>10</v>
          </cell>
          <cell r="F1372">
            <v>1.5688</v>
          </cell>
        </row>
        <row r="1373">
          <cell r="C1373">
            <v>2001</v>
          </cell>
          <cell r="D1373">
            <v>10</v>
          </cell>
          <cell r="F1373">
            <v>1.5681</v>
          </cell>
        </row>
        <row r="1374">
          <cell r="C1374">
            <v>2001</v>
          </cell>
          <cell r="D1374">
            <v>10</v>
          </cell>
          <cell r="F1374">
            <v>1.5663</v>
          </cell>
        </row>
        <row r="1375">
          <cell r="C1375">
            <v>2001</v>
          </cell>
          <cell r="D1375">
            <v>10</v>
          </cell>
          <cell r="F1375">
            <v>1.5616000000000001</v>
          </cell>
        </row>
        <row r="1376">
          <cell r="C1376">
            <v>2001</v>
          </cell>
          <cell r="D1376">
            <v>10</v>
          </cell>
          <cell r="F1376">
            <v>1.5616000000000001</v>
          </cell>
        </row>
        <row r="1377">
          <cell r="C1377">
            <v>2001</v>
          </cell>
          <cell r="D1377">
            <v>10</v>
          </cell>
          <cell r="F1377">
            <v>1.5616000000000001</v>
          </cell>
        </row>
        <row r="1378">
          <cell r="C1378">
            <v>2001</v>
          </cell>
          <cell r="D1378">
            <v>10</v>
          </cell>
          <cell r="F1378">
            <v>1.5616000000000001</v>
          </cell>
        </row>
        <row r="1379">
          <cell r="C1379">
            <v>2001</v>
          </cell>
          <cell r="D1379">
            <v>10</v>
          </cell>
          <cell r="F1379">
            <v>1.5637000000000001</v>
          </cell>
        </row>
        <row r="1380">
          <cell r="C1380">
            <v>2001</v>
          </cell>
          <cell r="D1380">
            <v>10</v>
          </cell>
          <cell r="F1380">
            <v>1.5679000000000001</v>
          </cell>
        </row>
        <row r="1381">
          <cell r="C1381">
            <v>2001</v>
          </cell>
          <cell r="D1381">
            <v>10</v>
          </cell>
          <cell r="F1381">
            <v>1.5684</v>
          </cell>
        </row>
        <row r="1382">
          <cell r="C1382">
            <v>2001</v>
          </cell>
          <cell r="D1382">
            <v>10</v>
          </cell>
          <cell r="F1382">
            <v>1.5657000000000001</v>
          </cell>
        </row>
        <row r="1383">
          <cell r="C1383">
            <v>2001</v>
          </cell>
          <cell r="D1383">
            <v>10</v>
          </cell>
          <cell r="F1383">
            <v>1.5657000000000001</v>
          </cell>
        </row>
        <row r="1384">
          <cell r="C1384">
            <v>2001</v>
          </cell>
          <cell r="D1384">
            <v>10</v>
          </cell>
          <cell r="F1384">
            <v>1.5657000000000001</v>
          </cell>
        </row>
        <row r="1385">
          <cell r="C1385">
            <v>2001</v>
          </cell>
          <cell r="D1385">
            <v>10</v>
          </cell>
          <cell r="F1385">
            <v>1.5579000000000001</v>
          </cell>
        </row>
        <row r="1386">
          <cell r="C1386">
            <v>2001</v>
          </cell>
          <cell r="D1386">
            <v>10</v>
          </cell>
          <cell r="F1386">
            <v>1.5619000000000001</v>
          </cell>
        </row>
        <row r="1387">
          <cell r="C1387">
            <v>2001</v>
          </cell>
          <cell r="D1387">
            <v>10</v>
          </cell>
          <cell r="F1387">
            <v>1.5685</v>
          </cell>
        </row>
        <row r="1388">
          <cell r="C1388">
            <v>2001</v>
          </cell>
          <cell r="D1388">
            <v>10</v>
          </cell>
          <cell r="F1388">
            <v>1.5760000000000001</v>
          </cell>
        </row>
        <row r="1389">
          <cell r="C1389">
            <v>2001</v>
          </cell>
          <cell r="D1389">
            <v>10</v>
          </cell>
          <cell r="F1389">
            <v>1.5758000000000001</v>
          </cell>
        </row>
        <row r="1390">
          <cell r="C1390">
            <v>2001</v>
          </cell>
          <cell r="D1390">
            <v>10</v>
          </cell>
          <cell r="F1390">
            <v>1.5758000000000001</v>
          </cell>
        </row>
        <row r="1391">
          <cell r="C1391">
            <v>2001</v>
          </cell>
          <cell r="D1391">
            <v>10</v>
          </cell>
          <cell r="F1391">
            <v>1.5758000000000001</v>
          </cell>
        </row>
        <row r="1392">
          <cell r="C1392">
            <v>2001</v>
          </cell>
          <cell r="D1392">
            <v>10</v>
          </cell>
          <cell r="F1392">
            <v>1.5783</v>
          </cell>
        </row>
        <row r="1393">
          <cell r="C1393">
            <v>2001</v>
          </cell>
          <cell r="D1393">
            <v>10</v>
          </cell>
          <cell r="F1393">
            <v>1.5720000000000001</v>
          </cell>
        </row>
        <row r="1394">
          <cell r="C1394">
            <v>2001</v>
          </cell>
          <cell r="D1394">
            <v>10</v>
          </cell>
          <cell r="F1394">
            <v>1.5745</v>
          </cell>
        </row>
        <row r="1395">
          <cell r="C1395">
            <v>2001</v>
          </cell>
          <cell r="D1395">
            <v>10</v>
          </cell>
          <cell r="F1395">
            <v>1.5768</v>
          </cell>
        </row>
        <row r="1396">
          <cell r="C1396">
            <v>2001</v>
          </cell>
          <cell r="D1396">
            <v>10</v>
          </cell>
          <cell r="F1396">
            <v>1.5751999999999999</v>
          </cell>
        </row>
        <row r="1397">
          <cell r="C1397">
            <v>2001</v>
          </cell>
          <cell r="D1397">
            <v>10</v>
          </cell>
          <cell r="F1397">
            <v>1.5751999999999999</v>
          </cell>
        </row>
        <row r="1398">
          <cell r="C1398">
            <v>2001</v>
          </cell>
          <cell r="D1398">
            <v>10</v>
          </cell>
          <cell r="F1398">
            <v>1.5751999999999999</v>
          </cell>
        </row>
        <row r="1399">
          <cell r="C1399">
            <v>2001</v>
          </cell>
          <cell r="D1399">
            <v>10</v>
          </cell>
          <cell r="F1399">
            <v>1.5746</v>
          </cell>
        </row>
        <row r="1400">
          <cell r="C1400">
            <v>2001</v>
          </cell>
          <cell r="D1400">
            <v>10</v>
          </cell>
          <cell r="F1400">
            <v>1.5783</v>
          </cell>
        </row>
        <row r="1401">
          <cell r="C1401">
            <v>2001</v>
          </cell>
          <cell r="D1401">
            <v>11</v>
          </cell>
          <cell r="F1401">
            <v>1.5867</v>
          </cell>
        </row>
        <row r="1402">
          <cell r="C1402">
            <v>2001</v>
          </cell>
          <cell r="D1402">
            <v>11</v>
          </cell>
          <cell r="F1402">
            <v>1.591</v>
          </cell>
        </row>
        <row r="1403">
          <cell r="C1403">
            <v>2001</v>
          </cell>
          <cell r="D1403">
            <v>11</v>
          </cell>
          <cell r="F1403">
            <v>1.5922000000000001</v>
          </cell>
        </row>
        <row r="1404">
          <cell r="C1404">
            <v>2001</v>
          </cell>
          <cell r="D1404">
            <v>11</v>
          </cell>
          <cell r="F1404">
            <v>1.5922000000000001</v>
          </cell>
        </row>
        <row r="1405">
          <cell r="C1405">
            <v>2001</v>
          </cell>
          <cell r="D1405">
            <v>11</v>
          </cell>
          <cell r="F1405">
            <v>1.5922000000000001</v>
          </cell>
        </row>
        <row r="1406">
          <cell r="C1406">
            <v>2001</v>
          </cell>
          <cell r="D1406">
            <v>11</v>
          </cell>
          <cell r="F1406">
            <v>1.5955999999999999</v>
          </cell>
        </row>
        <row r="1407">
          <cell r="C1407">
            <v>2001</v>
          </cell>
          <cell r="D1407">
            <v>11</v>
          </cell>
          <cell r="F1407">
            <v>1.5935999999999999</v>
          </cell>
        </row>
        <row r="1408">
          <cell r="C1408">
            <v>2001</v>
          </cell>
          <cell r="D1408">
            <v>11</v>
          </cell>
          <cell r="F1408">
            <v>1.5935999999999999</v>
          </cell>
        </row>
        <row r="1409">
          <cell r="C1409">
            <v>2001</v>
          </cell>
          <cell r="D1409">
            <v>11</v>
          </cell>
          <cell r="F1409">
            <v>1.5981000000000001</v>
          </cell>
        </row>
        <row r="1410">
          <cell r="C1410">
            <v>2001</v>
          </cell>
          <cell r="D1410">
            <v>11</v>
          </cell>
          <cell r="F1410">
            <v>1.6021000000000001</v>
          </cell>
        </row>
        <row r="1411">
          <cell r="C1411">
            <v>2001</v>
          </cell>
          <cell r="D1411">
            <v>11</v>
          </cell>
          <cell r="F1411">
            <v>1.6021000000000001</v>
          </cell>
        </row>
        <row r="1412">
          <cell r="C1412">
            <v>2001</v>
          </cell>
          <cell r="D1412">
            <v>11</v>
          </cell>
          <cell r="F1412">
            <v>1.6021000000000001</v>
          </cell>
        </row>
        <row r="1413">
          <cell r="C1413">
            <v>2001</v>
          </cell>
          <cell r="D1413">
            <v>11</v>
          </cell>
          <cell r="F1413">
            <v>1.6021000000000001</v>
          </cell>
        </row>
        <row r="1414">
          <cell r="C1414">
            <v>2001</v>
          </cell>
          <cell r="D1414">
            <v>11</v>
          </cell>
          <cell r="F1414">
            <v>1.5981000000000001</v>
          </cell>
        </row>
        <row r="1415">
          <cell r="C1415">
            <v>2001</v>
          </cell>
          <cell r="D1415">
            <v>11</v>
          </cell>
          <cell r="F1415">
            <v>1.5915999999999999</v>
          </cell>
        </row>
        <row r="1416">
          <cell r="C1416">
            <v>2001</v>
          </cell>
          <cell r="D1416">
            <v>11</v>
          </cell>
          <cell r="F1416">
            <v>1.5868</v>
          </cell>
        </row>
        <row r="1417">
          <cell r="C1417">
            <v>2001</v>
          </cell>
          <cell r="D1417">
            <v>11</v>
          </cell>
          <cell r="F1417">
            <v>1.5874999999999999</v>
          </cell>
        </row>
        <row r="1418">
          <cell r="C1418">
            <v>2001</v>
          </cell>
          <cell r="D1418">
            <v>11</v>
          </cell>
          <cell r="F1418">
            <v>1.5874999999999999</v>
          </cell>
        </row>
        <row r="1419">
          <cell r="C1419">
            <v>2001</v>
          </cell>
          <cell r="D1419">
            <v>11</v>
          </cell>
          <cell r="F1419">
            <v>1.5874999999999999</v>
          </cell>
        </row>
        <row r="1420">
          <cell r="C1420">
            <v>2001</v>
          </cell>
          <cell r="D1420">
            <v>11</v>
          </cell>
          <cell r="F1420">
            <v>1.5845</v>
          </cell>
        </row>
        <row r="1421">
          <cell r="C1421">
            <v>2001</v>
          </cell>
          <cell r="D1421">
            <v>11</v>
          </cell>
          <cell r="F1421">
            <v>1.5932999999999999</v>
          </cell>
        </row>
        <row r="1422">
          <cell r="C1422">
            <v>2001</v>
          </cell>
          <cell r="D1422">
            <v>11</v>
          </cell>
          <cell r="F1422">
            <v>1.6013999999999999</v>
          </cell>
        </row>
        <row r="1423">
          <cell r="C1423">
            <v>2001</v>
          </cell>
          <cell r="D1423">
            <v>11</v>
          </cell>
          <cell r="F1423">
            <v>1.5994999999999999</v>
          </cell>
        </row>
        <row r="1424">
          <cell r="C1424">
            <v>2001</v>
          </cell>
          <cell r="D1424">
            <v>11</v>
          </cell>
          <cell r="F1424">
            <v>1.5981000000000001</v>
          </cell>
        </row>
        <row r="1425">
          <cell r="C1425">
            <v>2001</v>
          </cell>
          <cell r="D1425">
            <v>11</v>
          </cell>
          <cell r="F1425">
            <v>1.5981000000000001</v>
          </cell>
        </row>
        <row r="1426">
          <cell r="C1426">
            <v>2001</v>
          </cell>
          <cell r="D1426">
            <v>11</v>
          </cell>
          <cell r="F1426">
            <v>1.5981000000000001</v>
          </cell>
        </row>
        <row r="1427">
          <cell r="C1427">
            <v>2001</v>
          </cell>
          <cell r="D1427">
            <v>11</v>
          </cell>
          <cell r="F1427">
            <v>1.6</v>
          </cell>
        </row>
        <row r="1428">
          <cell r="C1428">
            <v>2001</v>
          </cell>
          <cell r="D1428">
            <v>11</v>
          </cell>
          <cell r="F1428">
            <v>1.5948</v>
          </cell>
        </row>
        <row r="1429">
          <cell r="C1429">
            <v>2001</v>
          </cell>
          <cell r="D1429">
            <v>11</v>
          </cell>
          <cell r="F1429">
            <v>1.5847</v>
          </cell>
        </row>
        <row r="1430">
          <cell r="C1430">
            <v>2001</v>
          </cell>
          <cell r="D1430">
            <v>11</v>
          </cell>
          <cell r="F1430">
            <v>1.5826</v>
          </cell>
        </row>
        <row r="1431">
          <cell r="C1431">
            <v>2001</v>
          </cell>
          <cell r="D1431">
            <v>12</v>
          </cell>
          <cell r="F1431">
            <v>1.5718000000000001</v>
          </cell>
        </row>
        <row r="1432">
          <cell r="C1432">
            <v>2001</v>
          </cell>
          <cell r="D1432">
            <v>12</v>
          </cell>
          <cell r="F1432">
            <v>1.5718000000000001</v>
          </cell>
        </row>
        <row r="1433">
          <cell r="C1433">
            <v>2001</v>
          </cell>
          <cell r="D1433">
            <v>12</v>
          </cell>
          <cell r="F1433">
            <v>1.5718000000000001</v>
          </cell>
        </row>
        <row r="1434">
          <cell r="C1434">
            <v>2001</v>
          </cell>
          <cell r="D1434">
            <v>12</v>
          </cell>
          <cell r="F1434">
            <v>1.5760000000000001</v>
          </cell>
        </row>
        <row r="1435">
          <cell r="C1435">
            <v>2001</v>
          </cell>
          <cell r="D1435">
            <v>12</v>
          </cell>
          <cell r="F1435">
            <v>1.5723</v>
          </cell>
        </row>
        <row r="1436">
          <cell r="C1436">
            <v>2001</v>
          </cell>
          <cell r="D1436">
            <v>12</v>
          </cell>
          <cell r="F1436">
            <v>1.5713999999999999</v>
          </cell>
        </row>
        <row r="1437">
          <cell r="C1437">
            <v>2001</v>
          </cell>
          <cell r="D1437">
            <v>12</v>
          </cell>
          <cell r="F1437">
            <v>1.5767</v>
          </cell>
        </row>
        <row r="1438">
          <cell r="C1438">
            <v>2001</v>
          </cell>
          <cell r="D1438">
            <v>12</v>
          </cell>
          <cell r="F1438">
            <v>1.5724</v>
          </cell>
        </row>
        <row r="1439">
          <cell r="C1439">
            <v>2001</v>
          </cell>
          <cell r="D1439">
            <v>12</v>
          </cell>
          <cell r="F1439">
            <v>1.5724</v>
          </cell>
        </row>
        <row r="1440">
          <cell r="C1440">
            <v>2001</v>
          </cell>
          <cell r="D1440">
            <v>12</v>
          </cell>
          <cell r="F1440">
            <v>1.5724</v>
          </cell>
        </row>
        <row r="1441">
          <cell r="C1441">
            <v>2001</v>
          </cell>
          <cell r="D1441">
            <v>12</v>
          </cell>
          <cell r="F1441">
            <v>1.5783</v>
          </cell>
        </row>
        <row r="1442">
          <cell r="C1442">
            <v>2001</v>
          </cell>
          <cell r="D1442">
            <v>12</v>
          </cell>
          <cell r="F1442">
            <v>1.5778000000000001</v>
          </cell>
        </row>
        <row r="1443">
          <cell r="C1443">
            <v>2001</v>
          </cell>
          <cell r="D1443">
            <v>12</v>
          </cell>
          <cell r="F1443">
            <v>1.5653999999999999</v>
          </cell>
        </row>
        <row r="1444">
          <cell r="C1444">
            <v>2001</v>
          </cell>
          <cell r="D1444">
            <v>12</v>
          </cell>
          <cell r="F1444">
            <v>1.5677000000000001</v>
          </cell>
        </row>
        <row r="1445">
          <cell r="C1445">
            <v>2001</v>
          </cell>
          <cell r="D1445">
            <v>12</v>
          </cell>
          <cell r="F1445">
            <v>1.5632999999999999</v>
          </cell>
        </row>
        <row r="1446">
          <cell r="C1446">
            <v>2001</v>
          </cell>
          <cell r="D1446">
            <v>12</v>
          </cell>
          <cell r="F1446">
            <v>1.5632999999999999</v>
          </cell>
        </row>
        <row r="1447">
          <cell r="C1447">
            <v>2001</v>
          </cell>
          <cell r="D1447">
            <v>12</v>
          </cell>
          <cell r="F1447">
            <v>1.5632999999999999</v>
          </cell>
        </row>
        <row r="1448">
          <cell r="C1448">
            <v>2001</v>
          </cell>
          <cell r="D1448">
            <v>12</v>
          </cell>
          <cell r="F1448">
            <v>1.5646</v>
          </cell>
        </row>
        <row r="1449">
          <cell r="C1449">
            <v>2001</v>
          </cell>
          <cell r="D1449">
            <v>12</v>
          </cell>
          <cell r="F1449">
            <v>1.573</v>
          </cell>
        </row>
        <row r="1450">
          <cell r="C1450">
            <v>2001</v>
          </cell>
          <cell r="D1450">
            <v>12</v>
          </cell>
          <cell r="F1450">
            <v>1.5742</v>
          </cell>
        </row>
        <row r="1451">
          <cell r="C1451">
            <v>2001</v>
          </cell>
          <cell r="D1451">
            <v>12</v>
          </cell>
          <cell r="F1451">
            <v>1.5774999999999999</v>
          </cell>
        </row>
        <row r="1452">
          <cell r="C1452">
            <v>2001</v>
          </cell>
          <cell r="D1452">
            <v>12</v>
          </cell>
          <cell r="F1452">
            <v>1.5846</v>
          </cell>
        </row>
        <row r="1453">
          <cell r="C1453">
            <v>2001</v>
          </cell>
          <cell r="D1453">
            <v>12</v>
          </cell>
          <cell r="F1453">
            <v>1.5846</v>
          </cell>
        </row>
        <row r="1454">
          <cell r="C1454">
            <v>2001</v>
          </cell>
          <cell r="D1454">
            <v>12</v>
          </cell>
          <cell r="F1454">
            <v>1.5846</v>
          </cell>
        </row>
        <row r="1455">
          <cell r="C1455">
            <v>2001</v>
          </cell>
          <cell r="D1455">
            <v>12</v>
          </cell>
          <cell r="F1455">
            <v>1.5934999999999999</v>
          </cell>
        </row>
        <row r="1456">
          <cell r="C1456">
            <v>2001</v>
          </cell>
          <cell r="D1456">
            <v>12</v>
          </cell>
          <cell r="F1456">
            <v>1.5934999999999999</v>
          </cell>
        </row>
        <row r="1457">
          <cell r="C1457">
            <v>2001</v>
          </cell>
          <cell r="D1457">
            <v>12</v>
          </cell>
          <cell r="F1457">
            <v>1.5934999999999999</v>
          </cell>
        </row>
        <row r="1458">
          <cell r="C1458">
            <v>2001</v>
          </cell>
          <cell r="D1458">
            <v>12</v>
          </cell>
          <cell r="F1458">
            <v>1.595</v>
          </cell>
        </row>
        <row r="1459">
          <cell r="C1459">
            <v>2001</v>
          </cell>
          <cell r="D1459">
            <v>12</v>
          </cell>
          <cell r="F1459">
            <v>1.5955999999999999</v>
          </cell>
        </row>
        <row r="1460">
          <cell r="C1460">
            <v>2001</v>
          </cell>
          <cell r="D1460">
            <v>12</v>
          </cell>
          <cell r="F1460">
            <v>1.5955999999999999</v>
          </cell>
        </row>
        <row r="1461">
          <cell r="C1461">
            <v>2001</v>
          </cell>
          <cell r="D1461">
            <v>12</v>
          </cell>
          <cell r="F1461">
            <v>1.5955999999999999</v>
          </cell>
        </row>
        <row r="1462">
          <cell r="C1462">
            <v>2002</v>
          </cell>
          <cell r="D1462">
            <v>1</v>
          </cell>
          <cell r="F1462">
            <v>1.5926</v>
          </cell>
        </row>
        <row r="1463">
          <cell r="C1463">
            <v>2002</v>
          </cell>
          <cell r="D1463">
            <v>1</v>
          </cell>
          <cell r="F1463">
            <v>1.5926</v>
          </cell>
        </row>
        <row r="1464">
          <cell r="C1464">
            <v>2002</v>
          </cell>
          <cell r="D1464">
            <v>1</v>
          </cell>
          <cell r="F1464">
            <v>1.5979000000000001</v>
          </cell>
        </row>
        <row r="1465">
          <cell r="C1465">
            <v>2002</v>
          </cell>
          <cell r="D1465">
            <v>1</v>
          </cell>
          <cell r="F1465">
            <v>1.5968</v>
          </cell>
        </row>
        <row r="1466">
          <cell r="C1466">
            <v>2002</v>
          </cell>
          <cell r="D1466">
            <v>1</v>
          </cell>
          <cell r="F1466">
            <v>1.5974999999999999</v>
          </cell>
        </row>
        <row r="1467">
          <cell r="C1467">
            <v>2002</v>
          </cell>
          <cell r="D1467">
            <v>1</v>
          </cell>
          <cell r="F1467">
            <v>1.5974999999999999</v>
          </cell>
        </row>
        <row r="1468">
          <cell r="C1468">
            <v>2002</v>
          </cell>
          <cell r="D1468">
            <v>1</v>
          </cell>
          <cell r="F1468">
            <v>1.5974999999999999</v>
          </cell>
        </row>
        <row r="1469">
          <cell r="C1469">
            <v>2002</v>
          </cell>
          <cell r="D1469">
            <v>1</v>
          </cell>
          <cell r="F1469">
            <v>1.5979000000000001</v>
          </cell>
        </row>
        <row r="1470">
          <cell r="C1470">
            <v>2002</v>
          </cell>
          <cell r="D1470">
            <v>1</v>
          </cell>
          <cell r="F1470">
            <v>1.595</v>
          </cell>
        </row>
        <row r="1471">
          <cell r="C1471">
            <v>2002</v>
          </cell>
          <cell r="D1471">
            <v>1</v>
          </cell>
          <cell r="F1471">
            <v>1.5962000000000001</v>
          </cell>
        </row>
        <row r="1472">
          <cell r="C1472">
            <v>2002</v>
          </cell>
          <cell r="D1472">
            <v>1</v>
          </cell>
          <cell r="F1472">
            <v>1.6011</v>
          </cell>
        </row>
        <row r="1473">
          <cell r="C1473">
            <v>2002</v>
          </cell>
          <cell r="D1473">
            <v>1</v>
          </cell>
          <cell r="F1473">
            <v>1.5972</v>
          </cell>
        </row>
        <row r="1474">
          <cell r="C1474">
            <v>2002</v>
          </cell>
          <cell r="D1474">
            <v>1</v>
          </cell>
          <cell r="F1474">
            <v>1.5972</v>
          </cell>
        </row>
        <row r="1475">
          <cell r="C1475">
            <v>2002</v>
          </cell>
          <cell r="D1475">
            <v>1</v>
          </cell>
          <cell r="F1475">
            <v>1.5972</v>
          </cell>
        </row>
        <row r="1476">
          <cell r="C1476">
            <v>2002</v>
          </cell>
          <cell r="D1476">
            <v>1</v>
          </cell>
          <cell r="F1476">
            <v>1.5971</v>
          </cell>
        </row>
        <row r="1477">
          <cell r="C1477">
            <v>2002</v>
          </cell>
          <cell r="D1477">
            <v>1</v>
          </cell>
          <cell r="F1477">
            <v>1.5896999999999999</v>
          </cell>
        </row>
        <row r="1478">
          <cell r="C1478">
            <v>2002</v>
          </cell>
          <cell r="D1478">
            <v>1</v>
          </cell>
          <cell r="F1478">
            <v>1.5947</v>
          </cell>
        </row>
        <row r="1479">
          <cell r="C1479">
            <v>2002</v>
          </cell>
          <cell r="D1479">
            <v>1</v>
          </cell>
          <cell r="F1479">
            <v>1.6107</v>
          </cell>
        </row>
        <row r="1480">
          <cell r="C1480">
            <v>2002</v>
          </cell>
          <cell r="D1480">
            <v>1</v>
          </cell>
          <cell r="F1480">
            <v>1.6132</v>
          </cell>
        </row>
        <row r="1481">
          <cell r="C1481">
            <v>2002</v>
          </cell>
          <cell r="D1481">
            <v>1</v>
          </cell>
          <cell r="F1481">
            <v>1.6132</v>
          </cell>
        </row>
        <row r="1482">
          <cell r="C1482">
            <v>2002</v>
          </cell>
          <cell r="D1482">
            <v>1</v>
          </cell>
          <cell r="F1482">
            <v>1.6132</v>
          </cell>
        </row>
        <row r="1483">
          <cell r="C1483">
            <v>2002</v>
          </cell>
          <cell r="D1483">
            <v>1</v>
          </cell>
          <cell r="F1483">
            <v>1.6128</v>
          </cell>
        </row>
        <row r="1484">
          <cell r="C1484">
            <v>2002</v>
          </cell>
          <cell r="D1484">
            <v>1</v>
          </cell>
          <cell r="F1484">
            <v>1.6083000000000001</v>
          </cell>
        </row>
        <row r="1485">
          <cell r="C1485">
            <v>2002</v>
          </cell>
          <cell r="D1485">
            <v>1</v>
          </cell>
          <cell r="F1485">
            <v>1.6039000000000001</v>
          </cell>
        </row>
        <row r="1486">
          <cell r="C1486">
            <v>2002</v>
          </cell>
          <cell r="D1486">
            <v>1</v>
          </cell>
          <cell r="F1486">
            <v>1.6020000000000001</v>
          </cell>
        </row>
        <row r="1487">
          <cell r="C1487">
            <v>2002</v>
          </cell>
          <cell r="D1487">
            <v>1</v>
          </cell>
          <cell r="F1487">
            <v>1.6079000000000001</v>
          </cell>
        </row>
        <row r="1488">
          <cell r="C1488">
            <v>2002</v>
          </cell>
          <cell r="D1488">
            <v>1</v>
          </cell>
          <cell r="F1488">
            <v>1.6079000000000001</v>
          </cell>
        </row>
        <row r="1489">
          <cell r="C1489">
            <v>2002</v>
          </cell>
          <cell r="D1489">
            <v>1</v>
          </cell>
          <cell r="F1489">
            <v>1.6079000000000001</v>
          </cell>
        </row>
        <row r="1490">
          <cell r="C1490">
            <v>2002</v>
          </cell>
          <cell r="D1490">
            <v>1</v>
          </cell>
          <cell r="F1490">
            <v>1.6125</v>
          </cell>
        </row>
        <row r="1491">
          <cell r="C1491">
            <v>2002</v>
          </cell>
          <cell r="D1491">
            <v>1</v>
          </cell>
          <cell r="F1491">
            <v>1.5904</v>
          </cell>
        </row>
        <row r="1492">
          <cell r="C1492">
            <v>2002</v>
          </cell>
          <cell r="D1492">
            <v>1</v>
          </cell>
          <cell r="F1492">
            <v>1.5911999999999999</v>
          </cell>
        </row>
        <row r="1493">
          <cell r="C1493">
            <v>2002</v>
          </cell>
          <cell r="D1493">
            <v>2</v>
          </cell>
          <cell r="F1493">
            <v>1.5923</v>
          </cell>
        </row>
        <row r="1494">
          <cell r="C1494">
            <v>2002</v>
          </cell>
          <cell r="D1494">
            <v>2</v>
          </cell>
          <cell r="F1494">
            <v>1.5907</v>
          </cell>
        </row>
        <row r="1495">
          <cell r="C1495">
            <v>2002</v>
          </cell>
          <cell r="D1495">
            <v>2</v>
          </cell>
          <cell r="F1495">
            <v>1.5907</v>
          </cell>
        </row>
        <row r="1496">
          <cell r="C1496">
            <v>2002</v>
          </cell>
          <cell r="D1496">
            <v>2</v>
          </cell>
          <cell r="F1496">
            <v>1.5907</v>
          </cell>
        </row>
        <row r="1497">
          <cell r="C1497">
            <v>2002</v>
          </cell>
          <cell r="D1497">
            <v>2</v>
          </cell>
          <cell r="F1497">
            <v>1.5914999999999999</v>
          </cell>
        </row>
        <row r="1498">
          <cell r="C1498">
            <v>2002</v>
          </cell>
          <cell r="D1498">
            <v>2</v>
          </cell>
          <cell r="F1498">
            <v>1.5978000000000001</v>
          </cell>
        </row>
        <row r="1499">
          <cell r="C1499">
            <v>2002</v>
          </cell>
          <cell r="D1499">
            <v>2</v>
          </cell>
          <cell r="F1499">
            <v>1.6040000000000001</v>
          </cell>
        </row>
        <row r="1500">
          <cell r="C1500">
            <v>2002</v>
          </cell>
          <cell r="D1500">
            <v>2</v>
          </cell>
          <cell r="F1500">
            <v>1.5988</v>
          </cell>
        </row>
        <row r="1501">
          <cell r="C1501">
            <v>2002</v>
          </cell>
          <cell r="D1501">
            <v>2</v>
          </cell>
          <cell r="F1501">
            <v>1.5973999999999999</v>
          </cell>
        </row>
        <row r="1502">
          <cell r="C1502">
            <v>2002</v>
          </cell>
          <cell r="D1502">
            <v>2</v>
          </cell>
          <cell r="F1502">
            <v>1.5973999999999999</v>
          </cell>
        </row>
        <row r="1503">
          <cell r="C1503">
            <v>2002</v>
          </cell>
          <cell r="D1503">
            <v>2</v>
          </cell>
          <cell r="F1503">
            <v>1.5973999999999999</v>
          </cell>
        </row>
        <row r="1504">
          <cell r="C1504">
            <v>2002</v>
          </cell>
          <cell r="D1504">
            <v>2</v>
          </cell>
          <cell r="F1504">
            <v>1.5898000000000001</v>
          </cell>
        </row>
        <row r="1505">
          <cell r="C1505">
            <v>2002</v>
          </cell>
          <cell r="D1505">
            <v>2</v>
          </cell>
          <cell r="F1505">
            <v>1.5918000000000001</v>
          </cell>
        </row>
        <row r="1506">
          <cell r="C1506">
            <v>2002</v>
          </cell>
          <cell r="D1506">
            <v>2</v>
          </cell>
          <cell r="F1506">
            <v>1.5906</v>
          </cell>
        </row>
        <row r="1507">
          <cell r="C1507">
            <v>2002</v>
          </cell>
          <cell r="D1507">
            <v>2</v>
          </cell>
          <cell r="F1507">
            <v>1.5920000000000001</v>
          </cell>
        </row>
        <row r="1508">
          <cell r="C1508">
            <v>2002</v>
          </cell>
          <cell r="D1508">
            <v>2</v>
          </cell>
          <cell r="F1508">
            <v>1.5911999999999999</v>
          </cell>
        </row>
        <row r="1509">
          <cell r="C1509">
            <v>2002</v>
          </cell>
          <cell r="D1509">
            <v>2</v>
          </cell>
          <cell r="F1509">
            <v>1.5911999999999999</v>
          </cell>
        </row>
        <row r="1510">
          <cell r="C1510">
            <v>2002</v>
          </cell>
          <cell r="D1510">
            <v>2</v>
          </cell>
          <cell r="F1510">
            <v>1.5911999999999999</v>
          </cell>
        </row>
        <row r="1511">
          <cell r="C1511">
            <v>2002</v>
          </cell>
          <cell r="D1511">
            <v>2</v>
          </cell>
          <cell r="F1511">
            <v>1.5911</v>
          </cell>
        </row>
        <row r="1512">
          <cell r="C1512">
            <v>2002</v>
          </cell>
          <cell r="D1512">
            <v>2</v>
          </cell>
          <cell r="F1512">
            <v>1.5885</v>
          </cell>
        </row>
        <row r="1513">
          <cell r="C1513">
            <v>2002</v>
          </cell>
          <cell r="D1513">
            <v>2</v>
          </cell>
          <cell r="F1513">
            <v>1.5905</v>
          </cell>
        </row>
        <row r="1514">
          <cell r="C1514">
            <v>2002</v>
          </cell>
          <cell r="D1514">
            <v>2</v>
          </cell>
          <cell r="F1514">
            <v>1.5912999999999999</v>
          </cell>
        </row>
        <row r="1515">
          <cell r="C1515">
            <v>2002</v>
          </cell>
          <cell r="D1515">
            <v>2</v>
          </cell>
          <cell r="F1515">
            <v>1.5943000000000001</v>
          </cell>
        </row>
        <row r="1516">
          <cell r="C1516">
            <v>2002</v>
          </cell>
          <cell r="D1516">
            <v>2</v>
          </cell>
          <cell r="F1516">
            <v>1.5943000000000001</v>
          </cell>
        </row>
        <row r="1517">
          <cell r="C1517">
            <v>2002</v>
          </cell>
          <cell r="D1517">
            <v>2</v>
          </cell>
          <cell r="F1517">
            <v>1.5943000000000001</v>
          </cell>
        </row>
        <row r="1518">
          <cell r="C1518">
            <v>2002</v>
          </cell>
          <cell r="D1518">
            <v>2</v>
          </cell>
          <cell r="F1518">
            <v>1.6015999999999999</v>
          </cell>
        </row>
        <row r="1519">
          <cell r="C1519">
            <v>2002</v>
          </cell>
          <cell r="D1519">
            <v>2</v>
          </cell>
          <cell r="F1519">
            <v>1.611</v>
          </cell>
        </row>
        <row r="1520">
          <cell r="C1520">
            <v>2002</v>
          </cell>
          <cell r="D1520">
            <v>2</v>
          </cell>
          <cell r="F1520">
            <v>1.6083000000000001</v>
          </cell>
        </row>
        <row r="1521">
          <cell r="C1521">
            <v>2002</v>
          </cell>
          <cell r="D1521">
            <v>3</v>
          </cell>
          <cell r="F1521">
            <v>1.6047</v>
          </cell>
        </row>
        <row r="1522">
          <cell r="C1522">
            <v>2002</v>
          </cell>
          <cell r="D1522">
            <v>3</v>
          </cell>
          <cell r="F1522">
            <v>1.5952</v>
          </cell>
        </row>
        <row r="1523">
          <cell r="C1523">
            <v>2002</v>
          </cell>
          <cell r="D1523">
            <v>3</v>
          </cell>
          <cell r="F1523">
            <v>1.5952</v>
          </cell>
        </row>
        <row r="1524">
          <cell r="C1524">
            <v>2002</v>
          </cell>
          <cell r="D1524">
            <v>3</v>
          </cell>
          <cell r="F1524">
            <v>1.5952</v>
          </cell>
        </row>
        <row r="1525">
          <cell r="C1525">
            <v>2002</v>
          </cell>
          <cell r="D1525">
            <v>3</v>
          </cell>
          <cell r="F1525">
            <v>1.5894999999999999</v>
          </cell>
        </row>
        <row r="1526">
          <cell r="C1526">
            <v>2002</v>
          </cell>
          <cell r="D1526">
            <v>3</v>
          </cell>
          <cell r="F1526">
            <v>1.5902000000000001</v>
          </cell>
        </row>
        <row r="1527">
          <cell r="C1527">
            <v>2002</v>
          </cell>
          <cell r="D1527">
            <v>3</v>
          </cell>
          <cell r="F1527">
            <v>1.5831999999999999</v>
          </cell>
        </row>
        <row r="1528">
          <cell r="C1528">
            <v>2002</v>
          </cell>
          <cell r="D1528">
            <v>3</v>
          </cell>
          <cell r="F1528">
            <v>1.5823</v>
          </cell>
        </row>
        <row r="1529">
          <cell r="C1529">
            <v>2002</v>
          </cell>
          <cell r="D1529">
            <v>3</v>
          </cell>
          <cell r="F1529">
            <v>1.5855999999999999</v>
          </cell>
        </row>
        <row r="1530">
          <cell r="C1530">
            <v>2002</v>
          </cell>
          <cell r="D1530">
            <v>3</v>
          </cell>
          <cell r="F1530">
            <v>1.5855999999999999</v>
          </cell>
        </row>
        <row r="1531">
          <cell r="C1531">
            <v>2002</v>
          </cell>
          <cell r="D1531">
            <v>3</v>
          </cell>
          <cell r="F1531">
            <v>1.5855999999999999</v>
          </cell>
        </row>
        <row r="1532">
          <cell r="C1532">
            <v>2002</v>
          </cell>
          <cell r="D1532">
            <v>3</v>
          </cell>
          <cell r="F1532">
            <v>1.5842000000000001</v>
          </cell>
        </row>
        <row r="1533">
          <cell r="C1533">
            <v>2002</v>
          </cell>
          <cell r="D1533">
            <v>3</v>
          </cell>
          <cell r="F1533">
            <v>1.5854999999999999</v>
          </cell>
        </row>
        <row r="1534">
          <cell r="C1534">
            <v>2002</v>
          </cell>
          <cell r="D1534">
            <v>3</v>
          </cell>
          <cell r="F1534">
            <v>1.5931999999999999</v>
          </cell>
        </row>
        <row r="1535">
          <cell r="C1535">
            <v>2002</v>
          </cell>
          <cell r="D1535">
            <v>3</v>
          </cell>
          <cell r="F1535">
            <v>1.5934999999999999</v>
          </cell>
        </row>
        <row r="1536">
          <cell r="C1536">
            <v>2002</v>
          </cell>
          <cell r="D1536">
            <v>3</v>
          </cell>
          <cell r="F1536">
            <v>1.5858000000000001</v>
          </cell>
        </row>
        <row r="1537">
          <cell r="C1537">
            <v>2002</v>
          </cell>
          <cell r="D1537">
            <v>3</v>
          </cell>
          <cell r="F1537">
            <v>1.5858000000000001</v>
          </cell>
        </row>
        <row r="1538">
          <cell r="C1538">
            <v>2002</v>
          </cell>
          <cell r="D1538">
            <v>3</v>
          </cell>
          <cell r="F1538">
            <v>1.5858000000000001</v>
          </cell>
        </row>
        <row r="1539">
          <cell r="C1539">
            <v>2002</v>
          </cell>
          <cell r="D1539">
            <v>3</v>
          </cell>
          <cell r="F1539">
            <v>1.5878000000000001</v>
          </cell>
        </row>
        <row r="1540">
          <cell r="C1540">
            <v>2002</v>
          </cell>
          <cell r="D1540">
            <v>3</v>
          </cell>
          <cell r="F1540">
            <v>1.5839000000000001</v>
          </cell>
        </row>
        <row r="1541">
          <cell r="C1541">
            <v>2002</v>
          </cell>
          <cell r="D1541">
            <v>3</v>
          </cell>
          <cell r="F1541">
            <v>1.5790999999999999</v>
          </cell>
        </row>
        <row r="1542">
          <cell r="C1542">
            <v>2002</v>
          </cell>
          <cell r="D1542">
            <v>3</v>
          </cell>
          <cell r="F1542">
            <v>1.5807</v>
          </cell>
        </row>
        <row r="1543">
          <cell r="C1543">
            <v>2002</v>
          </cell>
          <cell r="D1543">
            <v>3</v>
          </cell>
          <cell r="F1543">
            <v>1.5767</v>
          </cell>
        </row>
        <row r="1544">
          <cell r="C1544">
            <v>2002</v>
          </cell>
          <cell r="D1544">
            <v>3</v>
          </cell>
          <cell r="F1544">
            <v>1.5767</v>
          </cell>
        </row>
        <row r="1545">
          <cell r="C1545">
            <v>2002</v>
          </cell>
          <cell r="D1545">
            <v>3</v>
          </cell>
          <cell r="F1545">
            <v>1.5767</v>
          </cell>
        </row>
        <row r="1546">
          <cell r="C1546">
            <v>2002</v>
          </cell>
          <cell r="D1546">
            <v>3</v>
          </cell>
          <cell r="F1546">
            <v>1.5851999999999999</v>
          </cell>
        </row>
        <row r="1547">
          <cell r="C1547">
            <v>2002</v>
          </cell>
          <cell r="D1547">
            <v>3</v>
          </cell>
          <cell r="F1547">
            <v>1.5921000000000001</v>
          </cell>
        </row>
        <row r="1548">
          <cell r="C1548">
            <v>2002</v>
          </cell>
          <cell r="D1548">
            <v>3</v>
          </cell>
          <cell r="F1548">
            <v>1.5932999999999999</v>
          </cell>
        </row>
        <row r="1549">
          <cell r="C1549">
            <v>2002</v>
          </cell>
          <cell r="D1549">
            <v>3</v>
          </cell>
          <cell r="F1549">
            <v>1.5934999999999999</v>
          </cell>
        </row>
        <row r="1550">
          <cell r="C1550">
            <v>2002</v>
          </cell>
          <cell r="D1550">
            <v>3</v>
          </cell>
          <cell r="F1550">
            <v>1.5934999999999999</v>
          </cell>
        </row>
        <row r="1551">
          <cell r="C1551">
            <v>2002</v>
          </cell>
          <cell r="D1551">
            <v>3</v>
          </cell>
          <cell r="F1551">
            <v>1.5934999999999999</v>
          </cell>
        </row>
        <row r="1552">
          <cell r="C1552">
            <v>2002</v>
          </cell>
          <cell r="D1552">
            <v>4</v>
          </cell>
          <cell r="F1552">
            <v>1.5934999999999999</v>
          </cell>
        </row>
        <row r="1553">
          <cell r="C1553">
            <v>2002</v>
          </cell>
          <cell r="D1553">
            <v>4</v>
          </cell>
          <cell r="F1553">
            <v>1.5993999999999999</v>
          </cell>
        </row>
        <row r="1554">
          <cell r="C1554">
            <v>2002</v>
          </cell>
          <cell r="D1554">
            <v>4</v>
          </cell>
          <cell r="F1554">
            <v>1.5928</v>
          </cell>
        </row>
        <row r="1555">
          <cell r="C1555">
            <v>2002</v>
          </cell>
          <cell r="D1555">
            <v>4</v>
          </cell>
          <cell r="F1555">
            <v>1.5889</v>
          </cell>
        </row>
        <row r="1556">
          <cell r="C1556">
            <v>2002</v>
          </cell>
          <cell r="D1556">
            <v>4</v>
          </cell>
          <cell r="F1556">
            <v>1.5926</v>
          </cell>
        </row>
        <row r="1557">
          <cell r="C1557">
            <v>2002</v>
          </cell>
          <cell r="D1557">
            <v>4</v>
          </cell>
          <cell r="F1557">
            <v>1.5901000000000001</v>
          </cell>
        </row>
        <row r="1558">
          <cell r="C1558">
            <v>2002</v>
          </cell>
          <cell r="D1558">
            <v>4</v>
          </cell>
          <cell r="F1558">
            <v>1.5901000000000001</v>
          </cell>
        </row>
        <row r="1559">
          <cell r="C1559">
            <v>2002</v>
          </cell>
          <cell r="D1559">
            <v>4</v>
          </cell>
          <cell r="F1559">
            <v>1.5901000000000001</v>
          </cell>
        </row>
        <row r="1560">
          <cell r="C1560">
            <v>2002</v>
          </cell>
          <cell r="D1560">
            <v>4</v>
          </cell>
          <cell r="F1560">
            <v>1.5941000000000001</v>
          </cell>
        </row>
        <row r="1561">
          <cell r="C1561">
            <v>2002</v>
          </cell>
          <cell r="D1561">
            <v>4</v>
          </cell>
          <cell r="F1561">
            <v>1.5968</v>
          </cell>
        </row>
        <row r="1562">
          <cell r="C1562">
            <v>2002</v>
          </cell>
          <cell r="D1562">
            <v>4</v>
          </cell>
          <cell r="F1562">
            <v>1.5932999999999999</v>
          </cell>
        </row>
        <row r="1563">
          <cell r="C1563">
            <v>2002</v>
          </cell>
          <cell r="D1563">
            <v>4</v>
          </cell>
          <cell r="F1563">
            <v>1.5874999999999999</v>
          </cell>
        </row>
        <row r="1564">
          <cell r="C1564">
            <v>2002</v>
          </cell>
          <cell r="D1564">
            <v>4</v>
          </cell>
          <cell r="F1564">
            <v>1.5878000000000001</v>
          </cell>
        </row>
        <row r="1565">
          <cell r="C1565">
            <v>2002</v>
          </cell>
          <cell r="D1565">
            <v>4</v>
          </cell>
          <cell r="F1565">
            <v>1.5878000000000001</v>
          </cell>
        </row>
        <row r="1566">
          <cell r="C1566">
            <v>2002</v>
          </cell>
          <cell r="D1566">
            <v>4</v>
          </cell>
          <cell r="F1566">
            <v>1.5878000000000001</v>
          </cell>
        </row>
        <row r="1567">
          <cell r="C1567">
            <v>2002</v>
          </cell>
          <cell r="D1567">
            <v>4</v>
          </cell>
          <cell r="F1567">
            <v>1.5891999999999999</v>
          </cell>
        </row>
        <row r="1568">
          <cell r="C1568">
            <v>2002</v>
          </cell>
          <cell r="D1568">
            <v>4</v>
          </cell>
          <cell r="F1568">
            <v>1.5798000000000001</v>
          </cell>
        </row>
        <row r="1569">
          <cell r="C1569">
            <v>2002</v>
          </cell>
          <cell r="D1569">
            <v>4</v>
          </cell>
          <cell r="F1569">
            <v>1.5743</v>
          </cell>
        </row>
        <row r="1570">
          <cell r="C1570">
            <v>2002</v>
          </cell>
          <cell r="D1570">
            <v>4</v>
          </cell>
          <cell r="F1570">
            <v>1.5746</v>
          </cell>
        </row>
        <row r="1571">
          <cell r="C1571">
            <v>2002</v>
          </cell>
          <cell r="D1571">
            <v>4</v>
          </cell>
          <cell r="F1571">
            <v>1.5719000000000001</v>
          </cell>
        </row>
        <row r="1572">
          <cell r="C1572">
            <v>2002</v>
          </cell>
          <cell r="D1572">
            <v>4</v>
          </cell>
          <cell r="F1572">
            <v>1.5719000000000001</v>
          </cell>
        </row>
        <row r="1573">
          <cell r="C1573">
            <v>2002</v>
          </cell>
          <cell r="D1573">
            <v>4</v>
          </cell>
          <cell r="F1573">
            <v>1.5719000000000001</v>
          </cell>
        </row>
        <row r="1574">
          <cell r="C1574">
            <v>2002</v>
          </cell>
          <cell r="D1574">
            <v>4</v>
          </cell>
          <cell r="F1574">
            <v>1.5728</v>
          </cell>
        </row>
        <row r="1575">
          <cell r="C1575">
            <v>2002</v>
          </cell>
          <cell r="D1575">
            <v>4</v>
          </cell>
          <cell r="F1575">
            <v>1.5751999999999999</v>
          </cell>
        </row>
        <row r="1576">
          <cell r="C1576">
            <v>2002</v>
          </cell>
          <cell r="D1576">
            <v>4</v>
          </cell>
          <cell r="F1576">
            <v>1.5682</v>
          </cell>
        </row>
        <row r="1577">
          <cell r="C1577">
            <v>2002</v>
          </cell>
          <cell r="D1577">
            <v>4</v>
          </cell>
          <cell r="F1577">
            <v>1.5633999999999999</v>
          </cell>
        </row>
        <row r="1578">
          <cell r="C1578">
            <v>2002</v>
          </cell>
          <cell r="D1578">
            <v>4</v>
          </cell>
          <cell r="F1578">
            <v>1.5631999999999999</v>
          </cell>
        </row>
        <row r="1579">
          <cell r="C1579">
            <v>2002</v>
          </cell>
          <cell r="D1579">
            <v>4</v>
          </cell>
          <cell r="F1579">
            <v>1.5631999999999999</v>
          </cell>
        </row>
        <row r="1580">
          <cell r="C1580">
            <v>2002</v>
          </cell>
          <cell r="D1580">
            <v>4</v>
          </cell>
          <cell r="F1580">
            <v>1.5631999999999999</v>
          </cell>
        </row>
        <row r="1581">
          <cell r="C1581">
            <v>2002</v>
          </cell>
          <cell r="D1581">
            <v>4</v>
          </cell>
          <cell r="F1581">
            <v>1.5662</v>
          </cell>
        </row>
        <row r="1582">
          <cell r="C1582">
            <v>2002</v>
          </cell>
          <cell r="D1582">
            <v>5</v>
          </cell>
          <cell r="F1582">
            <v>1.5678000000000001</v>
          </cell>
        </row>
        <row r="1583">
          <cell r="C1583">
            <v>2002</v>
          </cell>
          <cell r="D1583">
            <v>5</v>
          </cell>
          <cell r="F1583">
            <v>1.5579000000000001</v>
          </cell>
        </row>
        <row r="1584">
          <cell r="C1584">
            <v>2002</v>
          </cell>
          <cell r="D1584">
            <v>5</v>
          </cell>
          <cell r="F1584">
            <v>1.5618000000000001</v>
          </cell>
        </row>
        <row r="1585">
          <cell r="C1585">
            <v>2002</v>
          </cell>
          <cell r="D1585">
            <v>5</v>
          </cell>
          <cell r="F1585">
            <v>1.5648</v>
          </cell>
        </row>
        <row r="1586">
          <cell r="C1586">
            <v>2002</v>
          </cell>
          <cell r="D1586">
            <v>5</v>
          </cell>
          <cell r="F1586">
            <v>1.5648</v>
          </cell>
        </row>
        <row r="1587">
          <cell r="C1587">
            <v>2002</v>
          </cell>
          <cell r="D1587">
            <v>5</v>
          </cell>
          <cell r="F1587">
            <v>1.5648</v>
          </cell>
        </row>
        <row r="1588">
          <cell r="C1588">
            <v>2002</v>
          </cell>
          <cell r="D1588">
            <v>5</v>
          </cell>
          <cell r="F1588">
            <v>1.5683</v>
          </cell>
        </row>
        <row r="1589">
          <cell r="C1589">
            <v>2002</v>
          </cell>
          <cell r="D1589">
            <v>5</v>
          </cell>
          <cell r="F1589">
            <v>1.57</v>
          </cell>
        </row>
        <row r="1590">
          <cell r="C1590">
            <v>2002</v>
          </cell>
          <cell r="D1590">
            <v>5</v>
          </cell>
          <cell r="F1590">
            <v>1.5705</v>
          </cell>
        </row>
        <row r="1591">
          <cell r="C1591">
            <v>2002</v>
          </cell>
          <cell r="D1591">
            <v>5</v>
          </cell>
          <cell r="F1591">
            <v>1.5685</v>
          </cell>
        </row>
        <row r="1592">
          <cell r="C1592">
            <v>2002</v>
          </cell>
          <cell r="D1592">
            <v>5</v>
          </cell>
          <cell r="F1592">
            <v>1.5576000000000001</v>
          </cell>
        </row>
        <row r="1593">
          <cell r="C1593">
            <v>2002</v>
          </cell>
          <cell r="D1593">
            <v>5</v>
          </cell>
          <cell r="F1593">
            <v>1.5576000000000001</v>
          </cell>
        </row>
        <row r="1594">
          <cell r="C1594">
            <v>2002</v>
          </cell>
          <cell r="D1594">
            <v>5</v>
          </cell>
          <cell r="F1594">
            <v>1.5576000000000001</v>
          </cell>
        </row>
        <row r="1595">
          <cell r="C1595">
            <v>2002</v>
          </cell>
          <cell r="D1595">
            <v>5</v>
          </cell>
          <cell r="F1595">
            <v>1.5583</v>
          </cell>
        </row>
        <row r="1596">
          <cell r="C1596">
            <v>2002</v>
          </cell>
          <cell r="D1596">
            <v>5</v>
          </cell>
          <cell r="F1596">
            <v>1.5586</v>
          </cell>
        </row>
        <row r="1597">
          <cell r="C1597">
            <v>2002</v>
          </cell>
          <cell r="D1597">
            <v>5</v>
          </cell>
          <cell r="F1597">
            <v>1.5559000000000001</v>
          </cell>
        </row>
        <row r="1598">
          <cell r="C1598">
            <v>2002</v>
          </cell>
          <cell r="D1598">
            <v>5</v>
          </cell>
          <cell r="F1598">
            <v>1.5546</v>
          </cell>
        </row>
        <row r="1599">
          <cell r="C1599">
            <v>2002</v>
          </cell>
          <cell r="D1599">
            <v>5</v>
          </cell>
          <cell r="F1599">
            <v>1.5424</v>
          </cell>
        </row>
        <row r="1600">
          <cell r="C1600">
            <v>2002</v>
          </cell>
          <cell r="D1600">
            <v>5</v>
          </cell>
          <cell r="F1600">
            <v>1.5424</v>
          </cell>
        </row>
        <row r="1601">
          <cell r="C1601">
            <v>2002</v>
          </cell>
          <cell r="D1601">
            <v>5</v>
          </cell>
          <cell r="F1601">
            <v>1.5424</v>
          </cell>
        </row>
        <row r="1602">
          <cell r="C1602">
            <v>2002</v>
          </cell>
          <cell r="D1602">
            <v>5</v>
          </cell>
          <cell r="F1602">
            <v>1.5424</v>
          </cell>
        </row>
        <row r="1603">
          <cell r="C1603">
            <v>2002</v>
          </cell>
          <cell r="D1603">
            <v>5</v>
          </cell>
          <cell r="F1603">
            <v>1.5382</v>
          </cell>
        </row>
        <row r="1604">
          <cell r="C1604">
            <v>2002</v>
          </cell>
          <cell r="D1604">
            <v>5</v>
          </cell>
          <cell r="F1604">
            <v>1.536</v>
          </cell>
        </row>
        <row r="1605">
          <cell r="C1605">
            <v>2002</v>
          </cell>
          <cell r="D1605">
            <v>5</v>
          </cell>
          <cell r="F1605">
            <v>1.5335000000000001</v>
          </cell>
        </row>
        <row r="1606">
          <cell r="C1606">
            <v>2002</v>
          </cell>
          <cell r="D1606">
            <v>5</v>
          </cell>
          <cell r="F1606">
            <v>1.5347999999999999</v>
          </cell>
        </row>
        <row r="1607">
          <cell r="C1607">
            <v>2002</v>
          </cell>
          <cell r="D1607">
            <v>5</v>
          </cell>
          <cell r="F1607">
            <v>1.5347999999999999</v>
          </cell>
        </row>
        <row r="1608">
          <cell r="C1608">
            <v>2002</v>
          </cell>
          <cell r="D1608">
            <v>5</v>
          </cell>
          <cell r="F1608">
            <v>1.5347999999999999</v>
          </cell>
        </row>
        <row r="1609">
          <cell r="C1609">
            <v>2002</v>
          </cell>
          <cell r="D1609">
            <v>5</v>
          </cell>
          <cell r="F1609">
            <v>1.5345</v>
          </cell>
        </row>
        <row r="1610">
          <cell r="C1610">
            <v>2002</v>
          </cell>
          <cell r="D1610">
            <v>5</v>
          </cell>
          <cell r="F1610">
            <v>1.5302</v>
          </cell>
        </row>
        <row r="1611">
          <cell r="C1611">
            <v>2002</v>
          </cell>
          <cell r="D1611">
            <v>5</v>
          </cell>
          <cell r="F1611">
            <v>1.5346</v>
          </cell>
        </row>
        <row r="1612">
          <cell r="C1612">
            <v>2002</v>
          </cell>
          <cell r="D1612">
            <v>5</v>
          </cell>
          <cell r="F1612">
            <v>1.5339</v>
          </cell>
        </row>
        <row r="1613">
          <cell r="C1613">
            <v>2002</v>
          </cell>
          <cell r="D1613">
            <v>6</v>
          </cell>
          <cell r="F1613">
            <v>1.5275000000000001</v>
          </cell>
        </row>
        <row r="1614">
          <cell r="C1614">
            <v>2002</v>
          </cell>
          <cell r="D1614">
            <v>6</v>
          </cell>
          <cell r="F1614">
            <v>1.5275000000000001</v>
          </cell>
        </row>
        <row r="1615">
          <cell r="C1615">
            <v>2002</v>
          </cell>
          <cell r="D1615">
            <v>6</v>
          </cell>
          <cell r="F1615">
            <v>1.5275000000000001</v>
          </cell>
        </row>
        <row r="1616">
          <cell r="C1616">
            <v>2002</v>
          </cell>
          <cell r="D1616">
            <v>6</v>
          </cell>
          <cell r="F1616">
            <v>1.528</v>
          </cell>
        </row>
        <row r="1617">
          <cell r="C1617">
            <v>2002</v>
          </cell>
          <cell r="D1617">
            <v>6</v>
          </cell>
          <cell r="F1617">
            <v>1.5279</v>
          </cell>
        </row>
        <row r="1618">
          <cell r="C1618">
            <v>2002</v>
          </cell>
          <cell r="D1618">
            <v>6</v>
          </cell>
          <cell r="F1618">
            <v>1.5350999999999999</v>
          </cell>
        </row>
        <row r="1619">
          <cell r="C1619">
            <v>2002</v>
          </cell>
          <cell r="D1619">
            <v>6</v>
          </cell>
          <cell r="F1619">
            <v>1.5325</v>
          </cell>
        </row>
        <row r="1620">
          <cell r="C1620">
            <v>2002</v>
          </cell>
          <cell r="D1620">
            <v>6</v>
          </cell>
          <cell r="F1620">
            <v>1.5323</v>
          </cell>
        </row>
        <row r="1621">
          <cell r="C1621">
            <v>2002</v>
          </cell>
          <cell r="D1621">
            <v>6</v>
          </cell>
          <cell r="F1621">
            <v>1.5323</v>
          </cell>
        </row>
        <row r="1622">
          <cell r="C1622">
            <v>2002</v>
          </cell>
          <cell r="D1622">
            <v>6</v>
          </cell>
          <cell r="F1622">
            <v>1.5323</v>
          </cell>
        </row>
        <row r="1623">
          <cell r="C1623">
            <v>2002</v>
          </cell>
          <cell r="D1623">
            <v>6</v>
          </cell>
          <cell r="F1623">
            <v>1.538</v>
          </cell>
        </row>
        <row r="1624">
          <cell r="C1624">
            <v>2002</v>
          </cell>
          <cell r="D1624">
            <v>6</v>
          </cell>
          <cell r="F1624">
            <v>1.5382</v>
          </cell>
        </row>
        <row r="1625">
          <cell r="C1625">
            <v>2002</v>
          </cell>
          <cell r="D1625">
            <v>6</v>
          </cell>
          <cell r="F1625">
            <v>1.5362</v>
          </cell>
        </row>
        <row r="1626">
          <cell r="C1626">
            <v>2002</v>
          </cell>
          <cell r="D1626">
            <v>6</v>
          </cell>
          <cell r="F1626">
            <v>1.5394000000000001</v>
          </cell>
        </row>
        <row r="1627">
          <cell r="C1627">
            <v>2002</v>
          </cell>
          <cell r="D1627">
            <v>6</v>
          </cell>
          <cell r="F1627">
            <v>1.55</v>
          </cell>
        </row>
        <row r="1628">
          <cell r="C1628">
            <v>2002</v>
          </cell>
          <cell r="D1628">
            <v>6</v>
          </cell>
          <cell r="F1628">
            <v>1.55</v>
          </cell>
        </row>
        <row r="1629">
          <cell r="C1629">
            <v>2002</v>
          </cell>
          <cell r="D1629">
            <v>6</v>
          </cell>
          <cell r="F1629">
            <v>1.55</v>
          </cell>
        </row>
        <row r="1630">
          <cell r="C1630">
            <v>2002</v>
          </cell>
          <cell r="D1630">
            <v>6</v>
          </cell>
          <cell r="F1630">
            <v>1.5472999999999999</v>
          </cell>
        </row>
        <row r="1631">
          <cell r="C1631">
            <v>2002</v>
          </cell>
          <cell r="D1631">
            <v>6</v>
          </cell>
          <cell r="F1631">
            <v>1.5441</v>
          </cell>
        </row>
        <row r="1632">
          <cell r="C1632">
            <v>2002</v>
          </cell>
          <cell r="D1632">
            <v>6</v>
          </cell>
          <cell r="F1632">
            <v>1.5414000000000001</v>
          </cell>
        </row>
        <row r="1633">
          <cell r="C1633">
            <v>2002</v>
          </cell>
          <cell r="D1633">
            <v>6</v>
          </cell>
          <cell r="F1633">
            <v>1.5314000000000001</v>
          </cell>
        </row>
        <row r="1634">
          <cell r="C1634">
            <v>2002</v>
          </cell>
          <cell r="D1634">
            <v>6</v>
          </cell>
          <cell r="F1634">
            <v>1.5229999999999999</v>
          </cell>
        </row>
        <row r="1635">
          <cell r="C1635">
            <v>2002</v>
          </cell>
          <cell r="D1635">
            <v>6</v>
          </cell>
          <cell r="F1635">
            <v>1.5229999999999999</v>
          </cell>
        </row>
        <row r="1636">
          <cell r="C1636">
            <v>2002</v>
          </cell>
          <cell r="D1636">
            <v>6</v>
          </cell>
          <cell r="F1636">
            <v>1.5229999999999999</v>
          </cell>
        </row>
        <row r="1637">
          <cell r="C1637">
            <v>2002</v>
          </cell>
          <cell r="D1637">
            <v>6</v>
          </cell>
          <cell r="F1637">
            <v>1.5167999999999999</v>
          </cell>
        </row>
        <row r="1638">
          <cell r="C1638">
            <v>2002</v>
          </cell>
          <cell r="D1638">
            <v>6</v>
          </cell>
          <cell r="F1638">
            <v>1.5217000000000001</v>
          </cell>
        </row>
        <row r="1639">
          <cell r="C1639">
            <v>2002</v>
          </cell>
          <cell r="D1639">
            <v>6</v>
          </cell>
          <cell r="F1639">
            <v>1.5206999999999999</v>
          </cell>
        </row>
        <row r="1640">
          <cell r="C1640">
            <v>2002</v>
          </cell>
          <cell r="D1640">
            <v>6</v>
          </cell>
          <cell r="F1640">
            <v>1.5109999999999999</v>
          </cell>
        </row>
        <row r="1641">
          <cell r="C1641">
            <v>2002</v>
          </cell>
          <cell r="D1641">
            <v>6</v>
          </cell>
          <cell r="F1641">
            <v>1.5186999999999999</v>
          </cell>
        </row>
        <row r="1642">
          <cell r="C1642">
            <v>2002</v>
          </cell>
          <cell r="D1642">
            <v>6</v>
          </cell>
          <cell r="F1642">
            <v>1.5186999999999999</v>
          </cell>
        </row>
        <row r="1643">
          <cell r="C1643">
            <v>2002</v>
          </cell>
          <cell r="D1643">
            <v>7</v>
          </cell>
          <cell r="F1643">
            <v>1.5186999999999999</v>
          </cell>
        </row>
        <row r="1644">
          <cell r="C1644">
            <v>2002</v>
          </cell>
          <cell r="D1644">
            <v>7</v>
          </cell>
          <cell r="F1644">
            <v>1.5186999999999999</v>
          </cell>
        </row>
        <row r="1645">
          <cell r="C1645">
            <v>2002</v>
          </cell>
          <cell r="D1645">
            <v>7</v>
          </cell>
          <cell r="F1645">
            <v>1.526</v>
          </cell>
        </row>
        <row r="1646">
          <cell r="C1646">
            <v>2002</v>
          </cell>
          <cell r="D1646">
            <v>7</v>
          </cell>
          <cell r="F1646">
            <v>1.5289999999999999</v>
          </cell>
        </row>
        <row r="1647">
          <cell r="C1647">
            <v>2002</v>
          </cell>
          <cell r="D1647">
            <v>7</v>
          </cell>
          <cell r="F1647">
            <v>1.5321</v>
          </cell>
        </row>
        <row r="1648">
          <cell r="C1648">
            <v>2002</v>
          </cell>
          <cell r="D1648">
            <v>7</v>
          </cell>
          <cell r="F1648">
            <v>1.5239</v>
          </cell>
        </row>
        <row r="1649">
          <cell r="C1649">
            <v>2002</v>
          </cell>
          <cell r="D1649">
            <v>7</v>
          </cell>
          <cell r="F1649">
            <v>1.5239</v>
          </cell>
        </row>
        <row r="1650">
          <cell r="C1650">
            <v>2002</v>
          </cell>
          <cell r="D1650">
            <v>7</v>
          </cell>
          <cell r="F1650">
            <v>1.5239</v>
          </cell>
        </row>
        <row r="1651">
          <cell r="C1651">
            <v>2002</v>
          </cell>
          <cell r="D1651">
            <v>7</v>
          </cell>
          <cell r="F1651">
            <v>1.5207999999999999</v>
          </cell>
        </row>
        <row r="1652">
          <cell r="C1652">
            <v>2002</v>
          </cell>
          <cell r="D1652">
            <v>7</v>
          </cell>
          <cell r="F1652">
            <v>1.5144</v>
          </cell>
        </row>
        <row r="1653">
          <cell r="C1653">
            <v>2002</v>
          </cell>
          <cell r="D1653">
            <v>7</v>
          </cell>
          <cell r="F1653">
            <v>1.5199</v>
          </cell>
        </row>
        <row r="1654">
          <cell r="C1654">
            <v>2002</v>
          </cell>
          <cell r="D1654">
            <v>7</v>
          </cell>
          <cell r="F1654">
            <v>1.522</v>
          </cell>
        </row>
        <row r="1655">
          <cell r="C1655">
            <v>2002</v>
          </cell>
          <cell r="D1655">
            <v>7</v>
          </cell>
          <cell r="F1655">
            <v>1.5302</v>
          </cell>
        </row>
        <row r="1656">
          <cell r="C1656">
            <v>2002</v>
          </cell>
          <cell r="D1656">
            <v>7</v>
          </cell>
          <cell r="F1656">
            <v>1.5302</v>
          </cell>
        </row>
        <row r="1657">
          <cell r="C1657">
            <v>2002</v>
          </cell>
          <cell r="D1657">
            <v>7</v>
          </cell>
          <cell r="F1657">
            <v>1.5302</v>
          </cell>
        </row>
        <row r="1658">
          <cell r="C1658">
            <v>2002</v>
          </cell>
          <cell r="D1658">
            <v>7</v>
          </cell>
          <cell r="F1658">
            <v>1.5366</v>
          </cell>
        </row>
        <row r="1659">
          <cell r="C1659">
            <v>2002</v>
          </cell>
          <cell r="D1659">
            <v>7</v>
          </cell>
          <cell r="F1659">
            <v>1.5347999999999999</v>
          </cell>
        </row>
        <row r="1660">
          <cell r="C1660">
            <v>2002</v>
          </cell>
          <cell r="D1660">
            <v>7</v>
          </cell>
          <cell r="F1660">
            <v>1.5390999999999999</v>
          </cell>
        </row>
        <row r="1661">
          <cell r="C1661">
            <v>2002</v>
          </cell>
          <cell r="D1661">
            <v>7</v>
          </cell>
          <cell r="F1661">
            <v>1.5441</v>
          </cell>
        </row>
        <row r="1662">
          <cell r="C1662">
            <v>2002</v>
          </cell>
          <cell r="D1662">
            <v>7</v>
          </cell>
          <cell r="F1662">
            <v>1.5385</v>
          </cell>
        </row>
        <row r="1663">
          <cell r="C1663">
            <v>2002</v>
          </cell>
          <cell r="D1663">
            <v>7</v>
          </cell>
          <cell r="F1663">
            <v>1.5385</v>
          </cell>
        </row>
        <row r="1664">
          <cell r="C1664">
            <v>2002</v>
          </cell>
          <cell r="D1664">
            <v>7</v>
          </cell>
          <cell r="F1664">
            <v>1.5385</v>
          </cell>
        </row>
        <row r="1665">
          <cell r="C1665">
            <v>2002</v>
          </cell>
          <cell r="D1665">
            <v>7</v>
          </cell>
          <cell r="F1665">
            <v>1.556</v>
          </cell>
        </row>
        <row r="1666">
          <cell r="C1666">
            <v>2002</v>
          </cell>
          <cell r="D1666">
            <v>7</v>
          </cell>
          <cell r="F1666">
            <v>1.5785</v>
          </cell>
        </row>
        <row r="1667">
          <cell r="C1667">
            <v>2002</v>
          </cell>
          <cell r="D1667">
            <v>7</v>
          </cell>
          <cell r="F1667">
            <v>1.5760000000000001</v>
          </cell>
        </row>
        <row r="1668">
          <cell r="C1668">
            <v>2002</v>
          </cell>
          <cell r="D1668">
            <v>7</v>
          </cell>
          <cell r="F1668">
            <v>1.5726</v>
          </cell>
        </row>
        <row r="1669">
          <cell r="C1669">
            <v>2002</v>
          </cell>
          <cell r="D1669">
            <v>7</v>
          </cell>
          <cell r="F1669">
            <v>1.5865</v>
          </cell>
        </row>
        <row r="1670">
          <cell r="C1670">
            <v>2002</v>
          </cell>
          <cell r="D1670">
            <v>7</v>
          </cell>
          <cell r="F1670">
            <v>1.5865</v>
          </cell>
        </row>
        <row r="1671">
          <cell r="C1671">
            <v>2002</v>
          </cell>
          <cell r="D1671">
            <v>7</v>
          </cell>
          <cell r="F1671">
            <v>1.5865</v>
          </cell>
        </row>
        <row r="1672">
          <cell r="C1672">
            <v>2002</v>
          </cell>
          <cell r="D1672">
            <v>7</v>
          </cell>
          <cell r="F1672">
            <v>1.5722</v>
          </cell>
        </row>
        <row r="1673">
          <cell r="C1673">
            <v>2002</v>
          </cell>
          <cell r="D1673">
            <v>7</v>
          </cell>
          <cell r="F1673">
            <v>1.5730999999999999</v>
          </cell>
        </row>
        <row r="1674">
          <cell r="C1674">
            <v>2002</v>
          </cell>
          <cell r="D1674">
            <v>8</v>
          </cell>
          <cell r="F1674">
            <v>1.5843</v>
          </cell>
        </row>
        <row r="1675">
          <cell r="C1675">
            <v>2002</v>
          </cell>
          <cell r="D1675">
            <v>8</v>
          </cell>
          <cell r="F1675">
            <v>1.5869</v>
          </cell>
        </row>
        <row r="1676">
          <cell r="C1676">
            <v>2002</v>
          </cell>
          <cell r="D1676">
            <v>8</v>
          </cell>
          <cell r="F1676">
            <v>1.5882000000000001</v>
          </cell>
        </row>
        <row r="1677">
          <cell r="C1677">
            <v>2002</v>
          </cell>
          <cell r="D1677">
            <v>8</v>
          </cell>
          <cell r="F1677">
            <v>1.5882000000000001</v>
          </cell>
        </row>
        <row r="1678">
          <cell r="C1678">
            <v>2002</v>
          </cell>
          <cell r="D1678">
            <v>8</v>
          </cell>
          <cell r="F1678">
            <v>1.5882000000000001</v>
          </cell>
        </row>
        <row r="1679">
          <cell r="C1679">
            <v>2002</v>
          </cell>
          <cell r="D1679">
            <v>8</v>
          </cell>
          <cell r="F1679">
            <v>1.5882000000000001</v>
          </cell>
        </row>
        <row r="1680">
          <cell r="C1680">
            <v>2002</v>
          </cell>
          <cell r="D1680">
            <v>8</v>
          </cell>
          <cell r="F1680">
            <v>1.5932999999999999</v>
          </cell>
        </row>
        <row r="1681">
          <cell r="C1681">
            <v>2002</v>
          </cell>
          <cell r="D1681">
            <v>8</v>
          </cell>
          <cell r="F1681">
            <v>1.5808</v>
          </cell>
        </row>
        <row r="1682">
          <cell r="C1682">
            <v>2002</v>
          </cell>
          <cell r="D1682">
            <v>8</v>
          </cell>
          <cell r="F1682">
            <v>1.5813999999999999</v>
          </cell>
        </row>
        <row r="1683">
          <cell r="C1683">
            <v>2002</v>
          </cell>
          <cell r="D1683">
            <v>8</v>
          </cell>
          <cell r="F1683">
            <v>1.5723</v>
          </cell>
        </row>
        <row r="1684">
          <cell r="C1684">
            <v>2002</v>
          </cell>
          <cell r="D1684">
            <v>8</v>
          </cell>
          <cell r="F1684">
            <v>1.5723</v>
          </cell>
        </row>
        <row r="1685">
          <cell r="C1685">
            <v>2002</v>
          </cell>
          <cell r="D1685">
            <v>8</v>
          </cell>
          <cell r="F1685">
            <v>1.5723</v>
          </cell>
        </row>
        <row r="1686">
          <cell r="C1686">
            <v>2002</v>
          </cell>
          <cell r="D1686">
            <v>8</v>
          </cell>
          <cell r="F1686">
            <v>1.5740000000000001</v>
          </cell>
        </row>
        <row r="1687">
          <cell r="C1687">
            <v>2002</v>
          </cell>
          <cell r="D1687">
            <v>8</v>
          </cell>
          <cell r="F1687">
            <v>1.5658000000000001</v>
          </cell>
        </row>
        <row r="1688">
          <cell r="C1688">
            <v>2002</v>
          </cell>
          <cell r="D1688">
            <v>8</v>
          </cell>
          <cell r="F1688">
            <v>1.5649</v>
          </cell>
        </row>
        <row r="1689">
          <cell r="C1689">
            <v>2002</v>
          </cell>
          <cell r="D1689">
            <v>8</v>
          </cell>
          <cell r="F1689">
            <v>1.5582</v>
          </cell>
        </row>
        <row r="1690">
          <cell r="C1690">
            <v>2002</v>
          </cell>
          <cell r="D1690">
            <v>8</v>
          </cell>
          <cell r="F1690">
            <v>1.5601</v>
          </cell>
        </row>
        <row r="1691">
          <cell r="C1691">
            <v>2002</v>
          </cell>
          <cell r="D1691">
            <v>8</v>
          </cell>
          <cell r="F1691">
            <v>1.5601</v>
          </cell>
        </row>
        <row r="1692">
          <cell r="C1692">
            <v>2002</v>
          </cell>
          <cell r="D1692">
            <v>8</v>
          </cell>
          <cell r="F1692">
            <v>1.5601</v>
          </cell>
        </row>
        <row r="1693">
          <cell r="C1693">
            <v>2002</v>
          </cell>
          <cell r="D1693">
            <v>8</v>
          </cell>
          <cell r="F1693">
            <v>1.571</v>
          </cell>
        </row>
        <row r="1694">
          <cell r="C1694">
            <v>2002</v>
          </cell>
          <cell r="D1694">
            <v>8</v>
          </cell>
          <cell r="F1694">
            <v>1.5714999999999999</v>
          </cell>
        </row>
        <row r="1695">
          <cell r="C1695">
            <v>2002</v>
          </cell>
          <cell r="D1695">
            <v>8</v>
          </cell>
          <cell r="F1695">
            <v>1.5587</v>
          </cell>
        </row>
        <row r="1696">
          <cell r="C1696">
            <v>2002</v>
          </cell>
          <cell r="D1696">
            <v>8</v>
          </cell>
          <cell r="F1696">
            <v>1.5566</v>
          </cell>
        </row>
        <row r="1697">
          <cell r="C1697">
            <v>2002</v>
          </cell>
          <cell r="D1697">
            <v>8</v>
          </cell>
          <cell r="F1697">
            <v>1.5558000000000001</v>
          </cell>
        </row>
        <row r="1698">
          <cell r="C1698">
            <v>2002</v>
          </cell>
          <cell r="D1698">
            <v>8</v>
          </cell>
          <cell r="F1698">
            <v>1.5558000000000001</v>
          </cell>
        </row>
        <row r="1699">
          <cell r="C1699">
            <v>2002</v>
          </cell>
          <cell r="D1699">
            <v>8</v>
          </cell>
          <cell r="F1699">
            <v>1.5558000000000001</v>
          </cell>
        </row>
        <row r="1700">
          <cell r="C1700">
            <v>2002</v>
          </cell>
          <cell r="D1700">
            <v>8</v>
          </cell>
          <cell r="F1700">
            <v>1.5570999999999999</v>
          </cell>
        </row>
        <row r="1701">
          <cell r="C1701">
            <v>2002</v>
          </cell>
          <cell r="D1701">
            <v>8</v>
          </cell>
          <cell r="F1701">
            <v>1.552</v>
          </cell>
        </row>
        <row r="1702">
          <cell r="C1702">
            <v>2002</v>
          </cell>
          <cell r="D1702">
            <v>8</v>
          </cell>
          <cell r="F1702">
            <v>1.5597000000000001</v>
          </cell>
        </row>
        <row r="1703">
          <cell r="C1703">
            <v>2002</v>
          </cell>
          <cell r="D1703">
            <v>8</v>
          </cell>
          <cell r="F1703">
            <v>1.5595000000000001</v>
          </cell>
        </row>
        <row r="1704">
          <cell r="C1704">
            <v>2002</v>
          </cell>
          <cell r="D1704">
            <v>8</v>
          </cell>
          <cell r="F1704">
            <v>1.5589</v>
          </cell>
        </row>
        <row r="1705">
          <cell r="C1705">
            <v>2002</v>
          </cell>
          <cell r="D1705">
            <v>9</v>
          </cell>
          <cell r="F1705">
            <v>1.5589</v>
          </cell>
        </row>
        <row r="1706">
          <cell r="C1706">
            <v>2002</v>
          </cell>
          <cell r="D1706">
            <v>9</v>
          </cell>
          <cell r="F1706">
            <v>1.5589</v>
          </cell>
        </row>
        <row r="1707">
          <cell r="C1707">
            <v>2002</v>
          </cell>
          <cell r="D1707">
            <v>9</v>
          </cell>
          <cell r="F1707">
            <v>1.5589</v>
          </cell>
        </row>
        <row r="1708">
          <cell r="C1708">
            <v>2002</v>
          </cell>
          <cell r="D1708">
            <v>9</v>
          </cell>
          <cell r="F1708">
            <v>1.5543</v>
          </cell>
        </row>
        <row r="1709">
          <cell r="C1709">
            <v>2002</v>
          </cell>
          <cell r="D1709">
            <v>9</v>
          </cell>
          <cell r="F1709">
            <v>1.5663</v>
          </cell>
        </row>
        <row r="1710">
          <cell r="C1710">
            <v>2002</v>
          </cell>
          <cell r="D1710">
            <v>9</v>
          </cell>
          <cell r="F1710">
            <v>1.5671999999999999</v>
          </cell>
        </row>
        <row r="1711">
          <cell r="C1711">
            <v>2002</v>
          </cell>
          <cell r="D1711">
            <v>9</v>
          </cell>
          <cell r="F1711">
            <v>1.5633999999999999</v>
          </cell>
        </row>
        <row r="1712">
          <cell r="C1712">
            <v>2002</v>
          </cell>
          <cell r="D1712">
            <v>9</v>
          </cell>
          <cell r="F1712">
            <v>1.5633999999999999</v>
          </cell>
        </row>
        <row r="1713">
          <cell r="C1713">
            <v>2002</v>
          </cell>
          <cell r="D1713">
            <v>9</v>
          </cell>
          <cell r="F1713">
            <v>1.5633999999999999</v>
          </cell>
        </row>
        <row r="1714">
          <cell r="C1714">
            <v>2002</v>
          </cell>
          <cell r="D1714">
            <v>9</v>
          </cell>
          <cell r="F1714">
            <v>1.5656000000000001</v>
          </cell>
        </row>
        <row r="1715">
          <cell r="C1715">
            <v>2002</v>
          </cell>
          <cell r="D1715">
            <v>9</v>
          </cell>
          <cell r="F1715">
            <v>1.5720000000000001</v>
          </cell>
        </row>
        <row r="1716">
          <cell r="C1716">
            <v>2002</v>
          </cell>
          <cell r="D1716">
            <v>9</v>
          </cell>
          <cell r="F1716">
            <v>1.5754999999999999</v>
          </cell>
        </row>
        <row r="1717">
          <cell r="C1717">
            <v>2002</v>
          </cell>
          <cell r="D1717">
            <v>9</v>
          </cell>
          <cell r="F1717">
            <v>1.5849</v>
          </cell>
        </row>
        <row r="1718">
          <cell r="C1718">
            <v>2002</v>
          </cell>
          <cell r="D1718">
            <v>9</v>
          </cell>
          <cell r="F1718">
            <v>1.5857000000000001</v>
          </cell>
        </row>
        <row r="1719">
          <cell r="C1719">
            <v>2002</v>
          </cell>
          <cell r="D1719">
            <v>9</v>
          </cell>
          <cell r="F1719">
            <v>1.5857000000000001</v>
          </cell>
        </row>
        <row r="1720">
          <cell r="C1720">
            <v>2002</v>
          </cell>
          <cell r="D1720">
            <v>9</v>
          </cell>
          <cell r="F1720">
            <v>1.5857000000000001</v>
          </cell>
        </row>
        <row r="1721">
          <cell r="C1721">
            <v>2002</v>
          </cell>
          <cell r="D1721">
            <v>9</v>
          </cell>
          <cell r="F1721">
            <v>1.5825</v>
          </cell>
        </row>
        <row r="1722">
          <cell r="C1722">
            <v>2002</v>
          </cell>
          <cell r="D1722">
            <v>9</v>
          </cell>
          <cell r="F1722">
            <v>1.5791999999999999</v>
          </cell>
        </row>
        <row r="1723">
          <cell r="C1723">
            <v>2002</v>
          </cell>
          <cell r="D1723">
            <v>9</v>
          </cell>
          <cell r="F1723">
            <v>1.5832999999999999</v>
          </cell>
        </row>
        <row r="1724">
          <cell r="C1724">
            <v>2002</v>
          </cell>
          <cell r="D1724">
            <v>9</v>
          </cell>
          <cell r="F1724">
            <v>1.5725</v>
          </cell>
        </row>
        <row r="1725">
          <cell r="C1725">
            <v>2002</v>
          </cell>
          <cell r="D1725">
            <v>9</v>
          </cell>
          <cell r="F1725">
            <v>1.573</v>
          </cell>
        </row>
        <row r="1726">
          <cell r="C1726">
            <v>2002</v>
          </cell>
          <cell r="D1726">
            <v>9</v>
          </cell>
          <cell r="F1726">
            <v>1.573</v>
          </cell>
        </row>
        <row r="1727">
          <cell r="C1727">
            <v>2002</v>
          </cell>
          <cell r="D1727">
            <v>9</v>
          </cell>
          <cell r="F1727">
            <v>1.573</v>
          </cell>
        </row>
        <row r="1728">
          <cell r="C1728">
            <v>2002</v>
          </cell>
          <cell r="D1728">
            <v>9</v>
          </cell>
          <cell r="F1728">
            <v>1.5845</v>
          </cell>
        </row>
        <row r="1729">
          <cell r="C1729">
            <v>2002</v>
          </cell>
          <cell r="D1729">
            <v>9</v>
          </cell>
          <cell r="F1729">
            <v>1.5854999999999999</v>
          </cell>
        </row>
        <row r="1730">
          <cell r="C1730">
            <v>2002</v>
          </cell>
          <cell r="D1730">
            <v>9</v>
          </cell>
          <cell r="F1730">
            <v>1.581</v>
          </cell>
        </row>
        <row r="1731">
          <cell r="C1731">
            <v>2002</v>
          </cell>
          <cell r="D1731">
            <v>9</v>
          </cell>
          <cell r="F1731">
            <v>1.577</v>
          </cell>
        </row>
        <row r="1732">
          <cell r="C1732">
            <v>2002</v>
          </cell>
          <cell r="D1732">
            <v>9</v>
          </cell>
          <cell r="F1732">
            <v>1.5777000000000001</v>
          </cell>
        </row>
        <row r="1733">
          <cell r="C1733">
            <v>2002</v>
          </cell>
          <cell r="D1733">
            <v>9</v>
          </cell>
          <cell r="F1733">
            <v>1.5777000000000001</v>
          </cell>
        </row>
        <row r="1734">
          <cell r="C1734">
            <v>2002</v>
          </cell>
          <cell r="D1734">
            <v>9</v>
          </cell>
          <cell r="F1734">
            <v>1.5777000000000001</v>
          </cell>
        </row>
        <row r="1735">
          <cell r="C1735">
            <v>2002</v>
          </cell>
          <cell r="D1735">
            <v>10</v>
          </cell>
          <cell r="F1735">
            <v>1.5858000000000001</v>
          </cell>
        </row>
        <row r="1736">
          <cell r="C1736">
            <v>2002</v>
          </cell>
          <cell r="D1736">
            <v>10</v>
          </cell>
          <cell r="F1736">
            <v>1.5860000000000001</v>
          </cell>
        </row>
        <row r="1737">
          <cell r="C1737">
            <v>2002</v>
          </cell>
          <cell r="D1737">
            <v>10</v>
          </cell>
          <cell r="F1737">
            <v>1.5854999999999999</v>
          </cell>
        </row>
        <row r="1738">
          <cell r="C1738">
            <v>2002</v>
          </cell>
          <cell r="D1738">
            <v>10</v>
          </cell>
          <cell r="F1738">
            <v>1.5902000000000001</v>
          </cell>
        </row>
        <row r="1739">
          <cell r="C1739">
            <v>2002</v>
          </cell>
          <cell r="D1739">
            <v>10</v>
          </cell>
          <cell r="F1739">
            <v>1.5942000000000001</v>
          </cell>
        </row>
        <row r="1740">
          <cell r="C1740">
            <v>2002</v>
          </cell>
          <cell r="D1740">
            <v>10</v>
          </cell>
          <cell r="F1740">
            <v>1.5942000000000001</v>
          </cell>
        </row>
        <row r="1741">
          <cell r="C1741">
            <v>2002</v>
          </cell>
          <cell r="D1741">
            <v>10</v>
          </cell>
          <cell r="F1741">
            <v>1.5942000000000001</v>
          </cell>
        </row>
        <row r="1742">
          <cell r="C1742">
            <v>2002</v>
          </cell>
          <cell r="D1742">
            <v>10</v>
          </cell>
          <cell r="F1742">
            <v>1.5920000000000001</v>
          </cell>
        </row>
        <row r="1743">
          <cell r="C1743">
            <v>2002</v>
          </cell>
          <cell r="D1743">
            <v>10</v>
          </cell>
          <cell r="F1743">
            <v>1.5929</v>
          </cell>
        </row>
        <row r="1744">
          <cell r="C1744">
            <v>2002</v>
          </cell>
          <cell r="D1744">
            <v>10</v>
          </cell>
          <cell r="F1744">
            <v>1.5931</v>
          </cell>
        </row>
        <row r="1745">
          <cell r="C1745">
            <v>2002</v>
          </cell>
          <cell r="D1745">
            <v>10</v>
          </cell>
          <cell r="F1745">
            <v>1.5914999999999999</v>
          </cell>
        </row>
        <row r="1746">
          <cell r="C1746">
            <v>2002</v>
          </cell>
          <cell r="D1746">
            <v>10</v>
          </cell>
          <cell r="F1746">
            <v>1.5888</v>
          </cell>
        </row>
        <row r="1747">
          <cell r="C1747">
            <v>2002</v>
          </cell>
          <cell r="D1747">
            <v>10</v>
          </cell>
          <cell r="F1747">
            <v>1.5888</v>
          </cell>
        </row>
        <row r="1748">
          <cell r="C1748">
            <v>2002</v>
          </cell>
          <cell r="D1748">
            <v>10</v>
          </cell>
          <cell r="F1748">
            <v>1.5888</v>
          </cell>
        </row>
        <row r="1749">
          <cell r="C1749">
            <v>2002</v>
          </cell>
          <cell r="D1749">
            <v>10</v>
          </cell>
          <cell r="F1749">
            <v>1.5888</v>
          </cell>
        </row>
        <row r="1750">
          <cell r="C1750">
            <v>2002</v>
          </cell>
          <cell r="D1750">
            <v>10</v>
          </cell>
          <cell r="F1750">
            <v>1.5854999999999999</v>
          </cell>
        </row>
        <row r="1751">
          <cell r="C1751">
            <v>2002</v>
          </cell>
          <cell r="D1751">
            <v>10</v>
          </cell>
          <cell r="F1751">
            <v>1.5840000000000001</v>
          </cell>
        </row>
        <row r="1752">
          <cell r="C1752">
            <v>2002</v>
          </cell>
          <cell r="D1752">
            <v>10</v>
          </cell>
          <cell r="F1752">
            <v>1.5723</v>
          </cell>
        </row>
        <row r="1753">
          <cell r="C1753">
            <v>2002</v>
          </cell>
          <cell r="D1753">
            <v>10</v>
          </cell>
          <cell r="F1753">
            <v>1.5721000000000001</v>
          </cell>
        </row>
        <row r="1754">
          <cell r="C1754">
            <v>2002</v>
          </cell>
          <cell r="D1754">
            <v>10</v>
          </cell>
          <cell r="F1754">
            <v>1.5721000000000001</v>
          </cell>
        </row>
        <row r="1755">
          <cell r="C1755">
            <v>2002</v>
          </cell>
          <cell r="D1755">
            <v>10</v>
          </cell>
          <cell r="F1755">
            <v>1.5721000000000001</v>
          </cell>
        </row>
        <row r="1756">
          <cell r="C1756">
            <v>2002</v>
          </cell>
          <cell r="D1756">
            <v>10</v>
          </cell>
          <cell r="F1756">
            <v>1.5673999999999999</v>
          </cell>
        </row>
        <row r="1757">
          <cell r="C1757">
            <v>2002</v>
          </cell>
          <cell r="D1757">
            <v>10</v>
          </cell>
          <cell r="F1757">
            <v>1.5679000000000001</v>
          </cell>
        </row>
        <row r="1758">
          <cell r="C1758">
            <v>2002</v>
          </cell>
          <cell r="D1758">
            <v>10</v>
          </cell>
          <cell r="F1758">
            <v>1.5687</v>
          </cell>
        </row>
        <row r="1759">
          <cell r="C1759">
            <v>2002</v>
          </cell>
          <cell r="D1759">
            <v>10</v>
          </cell>
          <cell r="F1759">
            <v>1.5609999999999999</v>
          </cell>
        </row>
        <row r="1760">
          <cell r="C1760">
            <v>2002</v>
          </cell>
          <cell r="D1760">
            <v>10</v>
          </cell>
          <cell r="F1760">
            <v>1.5672999999999999</v>
          </cell>
        </row>
        <row r="1761">
          <cell r="C1761">
            <v>2002</v>
          </cell>
          <cell r="D1761">
            <v>10</v>
          </cell>
          <cell r="F1761">
            <v>1.5672999999999999</v>
          </cell>
        </row>
        <row r="1762">
          <cell r="C1762">
            <v>2002</v>
          </cell>
          <cell r="D1762">
            <v>10</v>
          </cell>
          <cell r="F1762">
            <v>1.5672999999999999</v>
          </cell>
        </row>
        <row r="1763">
          <cell r="C1763">
            <v>2002</v>
          </cell>
          <cell r="D1763">
            <v>10</v>
          </cell>
          <cell r="F1763">
            <v>1.5605</v>
          </cell>
        </row>
        <row r="1764">
          <cell r="C1764">
            <v>2002</v>
          </cell>
          <cell r="D1764">
            <v>10</v>
          </cell>
          <cell r="F1764">
            <v>1.5630999999999999</v>
          </cell>
        </row>
        <row r="1765">
          <cell r="C1765">
            <v>2002</v>
          </cell>
          <cell r="D1765">
            <v>10</v>
          </cell>
          <cell r="F1765">
            <v>1.5676000000000001</v>
          </cell>
        </row>
        <row r="1766">
          <cell r="C1766">
            <v>2002</v>
          </cell>
          <cell r="D1766">
            <v>11</v>
          </cell>
          <cell r="F1766">
            <v>1.5603</v>
          </cell>
        </row>
        <row r="1767">
          <cell r="C1767">
            <v>2002</v>
          </cell>
          <cell r="D1767">
            <v>11</v>
          </cell>
          <cell r="F1767">
            <v>1.5576000000000001</v>
          </cell>
        </row>
        <row r="1768">
          <cell r="C1768">
            <v>2002</v>
          </cell>
          <cell r="D1768">
            <v>11</v>
          </cell>
          <cell r="F1768">
            <v>1.5576000000000001</v>
          </cell>
        </row>
        <row r="1769">
          <cell r="C1769">
            <v>2002</v>
          </cell>
          <cell r="D1769">
            <v>11</v>
          </cell>
          <cell r="F1769">
            <v>1.5576000000000001</v>
          </cell>
        </row>
        <row r="1770">
          <cell r="C1770">
            <v>2002</v>
          </cell>
          <cell r="D1770">
            <v>11</v>
          </cell>
          <cell r="F1770">
            <v>1.5549999999999999</v>
          </cell>
        </row>
        <row r="1771">
          <cell r="C1771">
            <v>2002</v>
          </cell>
          <cell r="D1771">
            <v>11</v>
          </cell>
          <cell r="F1771">
            <v>1.5562</v>
          </cell>
        </row>
        <row r="1772">
          <cell r="C1772">
            <v>2002</v>
          </cell>
          <cell r="D1772">
            <v>11</v>
          </cell>
          <cell r="F1772">
            <v>1.5582</v>
          </cell>
        </row>
        <row r="1773">
          <cell r="C1773">
            <v>2002</v>
          </cell>
          <cell r="D1773">
            <v>11</v>
          </cell>
          <cell r="F1773">
            <v>1.5529999999999999</v>
          </cell>
        </row>
        <row r="1774">
          <cell r="C1774">
            <v>2002</v>
          </cell>
          <cell r="D1774">
            <v>11</v>
          </cell>
          <cell r="F1774">
            <v>1.5644</v>
          </cell>
        </row>
        <row r="1775">
          <cell r="C1775">
            <v>2002</v>
          </cell>
          <cell r="D1775">
            <v>11</v>
          </cell>
          <cell r="F1775">
            <v>1.5644</v>
          </cell>
        </row>
        <row r="1776">
          <cell r="C1776">
            <v>2002</v>
          </cell>
          <cell r="D1776">
            <v>11</v>
          </cell>
          <cell r="F1776">
            <v>1.5644</v>
          </cell>
        </row>
        <row r="1777">
          <cell r="C1777">
            <v>2002</v>
          </cell>
          <cell r="D1777">
            <v>11</v>
          </cell>
          <cell r="F1777">
            <v>1.5644</v>
          </cell>
        </row>
        <row r="1778">
          <cell r="C1778">
            <v>2002</v>
          </cell>
          <cell r="D1778">
            <v>11</v>
          </cell>
          <cell r="F1778">
            <v>1.5742</v>
          </cell>
        </row>
        <row r="1779">
          <cell r="C1779">
            <v>2002</v>
          </cell>
          <cell r="D1779">
            <v>11</v>
          </cell>
          <cell r="F1779">
            <v>1.5764</v>
          </cell>
        </row>
        <row r="1780">
          <cell r="C1780">
            <v>2002</v>
          </cell>
          <cell r="D1780">
            <v>11</v>
          </cell>
          <cell r="F1780">
            <v>1.5747</v>
          </cell>
        </row>
        <row r="1781">
          <cell r="C1781">
            <v>2002</v>
          </cell>
          <cell r="D1781">
            <v>11</v>
          </cell>
          <cell r="F1781">
            <v>1.5812999999999999</v>
          </cell>
        </row>
        <row r="1782">
          <cell r="C1782">
            <v>2002</v>
          </cell>
          <cell r="D1782">
            <v>11</v>
          </cell>
          <cell r="F1782">
            <v>1.5812999999999999</v>
          </cell>
        </row>
        <row r="1783">
          <cell r="C1783">
            <v>2002</v>
          </cell>
          <cell r="D1783">
            <v>11</v>
          </cell>
          <cell r="F1783">
            <v>1.5812999999999999</v>
          </cell>
        </row>
        <row r="1784">
          <cell r="C1784">
            <v>2002</v>
          </cell>
          <cell r="D1784">
            <v>11</v>
          </cell>
          <cell r="F1784">
            <v>1.5902000000000001</v>
          </cell>
        </row>
        <row r="1785">
          <cell r="C1785">
            <v>2002</v>
          </cell>
          <cell r="D1785">
            <v>11</v>
          </cell>
          <cell r="F1785">
            <v>1.5851999999999999</v>
          </cell>
        </row>
        <row r="1786">
          <cell r="C1786">
            <v>2002</v>
          </cell>
          <cell r="D1786">
            <v>11</v>
          </cell>
          <cell r="F1786">
            <v>1.5839000000000001</v>
          </cell>
        </row>
        <row r="1787">
          <cell r="C1787">
            <v>2002</v>
          </cell>
          <cell r="D1787">
            <v>11</v>
          </cell>
          <cell r="F1787">
            <v>1.5786</v>
          </cell>
        </row>
        <row r="1788">
          <cell r="C1788">
            <v>2002</v>
          </cell>
          <cell r="D1788">
            <v>11</v>
          </cell>
          <cell r="F1788">
            <v>1.5802</v>
          </cell>
        </row>
        <row r="1789">
          <cell r="C1789">
            <v>2002</v>
          </cell>
          <cell r="D1789">
            <v>11</v>
          </cell>
          <cell r="F1789">
            <v>1.5802</v>
          </cell>
        </row>
        <row r="1790">
          <cell r="C1790">
            <v>2002</v>
          </cell>
          <cell r="D1790">
            <v>11</v>
          </cell>
          <cell r="F1790">
            <v>1.5802</v>
          </cell>
        </row>
        <row r="1791">
          <cell r="C1791">
            <v>2002</v>
          </cell>
          <cell r="D1791">
            <v>11</v>
          </cell>
          <cell r="F1791">
            <v>1.5732999999999999</v>
          </cell>
        </row>
        <row r="1792">
          <cell r="C1792">
            <v>2002</v>
          </cell>
          <cell r="D1792">
            <v>11</v>
          </cell>
          <cell r="F1792">
            <v>1.5718000000000001</v>
          </cell>
        </row>
        <row r="1793">
          <cell r="C1793">
            <v>2002</v>
          </cell>
          <cell r="D1793">
            <v>11</v>
          </cell>
          <cell r="F1793">
            <v>1.5747</v>
          </cell>
        </row>
        <row r="1794">
          <cell r="C1794">
            <v>2002</v>
          </cell>
          <cell r="D1794">
            <v>11</v>
          </cell>
          <cell r="F1794">
            <v>1.5739000000000001</v>
          </cell>
        </row>
        <row r="1795">
          <cell r="C1795">
            <v>2002</v>
          </cell>
          <cell r="D1795">
            <v>11</v>
          </cell>
          <cell r="F1795">
            <v>1.5653999999999999</v>
          </cell>
        </row>
        <row r="1796">
          <cell r="C1796">
            <v>2002</v>
          </cell>
          <cell r="D1796">
            <v>12</v>
          </cell>
          <cell r="F1796">
            <v>1.5653999999999999</v>
          </cell>
        </row>
        <row r="1797">
          <cell r="C1797">
            <v>2002</v>
          </cell>
          <cell r="D1797">
            <v>12</v>
          </cell>
          <cell r="F1797">
            <v>1.5653999999999999</v>
          </cell>
        </row>
        <row r="1798">
          <cell r="C1798">
            <v>2002</v>
          </cell>
          <cell r="D1798">
            <v>12</v>
          </cell>
          <cell r="F1798">
            <v>1.5593999999999999</v>
          </cell>
        </row>
        <row r="1799">
          <cell r="C1799">
            <v>2002</v>
          </cell>
          <cell r="D1799">
            <v>12</v>
          </cell>
          <cell r="F1799">
            <v>1.5569999999999999</v>
          </cell>
        </row>
        <row r="1800">
          <cell r="C1800">
            <v>2002</v>
          </cell>
          <cell r="D1800">
            <v>12</v>
          </cell>
          <cell r="F1800">
            <v>1.5573999999999999</v>
          </cell>
        </row>
        <row r="1801">
          <cell r="C1801">
            <v>2002</v>
          </cell>
          <cell r="D1801">
            <v>12</v>
          </cell>
          <cell r="F1801">
            <v>1.5610999999999999</v>
          </cell>
        </row>
        <row r="1802">
          <cell r="C1802">
            <v>2002</v>
          </cell>
          <cell r="D1802">
            <v>12</v>
          </cell>
          <cell r="F1802">
            <v>1.5657000000000001</v>
          </cell>
        </row>
        <row r="1803">
          <cell r="C1803">
            <v>2002</v>
          </cell>
          <cell r="D1803">
            <v>12</v>
          </cell>
          <cell r="F1803">
            <v>1.5657000000000001</v>
          </cell>
        </row>
        <row r="1804">
          <cell r="C1804">
            <v>2002</v>
          </cell>
          <cell r="D1804">
            <v>12</v>
          </cell>
          <cell r="F1804">
            <v>1.5657000000000001</v>
          </cell>
        </row>
        <row r="1805">
          <cell r="C1805">
            <v>2002</v>
          </cell>
          <cell r="D1805">
            <v>12</v>
          </cell>
          <cell r="F1805">
            <v>1.5615000000000001</v>
          </cell>
        </row>
        <row r="1806">
          <cell r="C1806">
            <v>2002</v>
          </cell>
          <cell r="D1806">
            <v>12</v>
          </cell>
          <cell r="F1806">
            <v>1.5610999999999999</v>
          </cell>
        </row>
        <row r="1807">
          <cell r="C1807">
            <v>2002</v>
          </cell>
          <cell r="D1807">
            <v>12</v>
          </cell>
          <cell r="F1807">
            <v>1.5558000000000001</v>
          </cell>
        </row>
        <row r="1808">
          <cell r="C1808">
            <v>2002</v>
          </cell>
          <cell r="D1808">
            <v>12</v>
          </cell>
          <cell r="F1808">
            <v>1.5548</v>
          </cell>
        </row>
        <row r="1809">
          <cell r="C1809">
            <v>2002</v>
          </cell>
          <cell r="D1809">
            <v>12</v>
          </cell>
          <cell r="F1809">
            <v>1.5602</v>
          </cell>
        </row>
        <row r="1810">
          <cell r="C1810">
            <v>2002</v>
          </cell>
          <cell r="D1810">
            <v>12</v>
          </cell>
          <cell r="F1810">
            <v>1.5602</v>
          </cell>
        </row>
        <row r="1811">
          <cell r="C1811">
            <v>2002</v>
          </cell>
          <cell r="D1811">
            <v>12</v>
          </cell>
          <cell r="F1811">
            <v>1.5602</v>
          </cell>
        </row>
        <row r="1812">
          <cell r="C1812">
            <v>2002</v>
          </cell>
          <cell r="D1812">
            <v>12</v>
          </cell>
          <cell r="F1812">
            <v>1.5625</v>
          </cell>
        </row>
        <row r="1813">
          <cell r="C1813">
            <v>2002</v>
          </cell>
          <cell r="D1813">
            <v>12</v>
          </cell>
          <cell r="F1813">
            <v>1.5508999999999999</v>
          </cell>
        </row>
        <row r="1814">
          <cell r="C1814">
            <v>2002</v>
          </cell>
          <cell r="D1814">
            <v>12</v>
          </cell>
          <cell r="F1814">
            <v>1.5537000000000001</v>
          </cell>
        </row>
        <row r="1815">
          <cell r="C1815">
            <v>2002</v>
          </cell>
          <cell r="D1815">
            <v>12</v>
          </cell>
          <cell r="F1815">
            <v>1.5475000000000001</v>
          </cell>
        </row>
        <row r="1816">
          <cell r="C1816">
            <v>2002</v>
          </cell>
          <cell r="D1816">
            <v>12</v>
          </cell>
          <cell r="F1816">
            <v>1.5524</v>
          </cell>
        </row>
        <row r="1817">
          <cell r="C1817">
            <v>2002</v>
          </cell>
          <cell r="D1817">
            <v>12</v>
          </cell>
          <cell r="F1817">
            <v>1.5524</v>
          </cell>
        </row>
        <row r="1818">
          <cell r="C1818">
            <v>2002</v>
          </cell>
          <cell r="D1818">
            <v>12</v>
          </cell>
          <cell r="F1818">
            <v>1.5524</v>
          </cell>
        </row>
        <row r="1819">
          <cell r="C1819">
            <v>2002</v>
          </cell>
          <cell r="D1819">
            <v>12</v>
          </cell>
          <cell r="F1819">
            <v>1.5504</v>
          </cell>
        </row>
        <row r="1820">
          <cell r="C1820">
            <v>2002</v>
          </cell>
          <cell r="D1820">
            <v>12</v>
          </cell>
          <cell r="F1820">
            <v>1.548</v>
          </cell>
        </row>
        <row r="1821">
          <cell r="C1821">
            <v>2002</v>
          </cell>
          <cell r="D1821">
            <v>12</v>
          </cell>
          <cell r="F1821">
            <v>1.548</v>
          </cell>
        </row>
        <row r="1822">
          <cell r="C1822">
            <v>2002</v>
          </cell>
          <cell r="D1822">
            <v>12</v>
          </cell>
          <cell r="F1822">
            <v>1.548</v>
          </cell>
        </row>
        <row r="1823">
          <cell r="C1823">
            <v>2002</v>
          </cell>
          <cell r="D1823">
            <v>12</v>
          </cell>
          <cell r="F1823">
            <v>1.5684</v>
          </cell>
        </row>
        <row r="1824">
          <cell r="C1824">
            <v>2002</v>
          </cell>
          <cell r="D1824">
            <v>12</v>
          </cell>
          <cell r="F1824">
            <v>1.5684</v>
          </cell>
        </row>
        <row r="1825">
          <cell r="C1825">
            <v>2002</v>
          </cell>
          <cell r="D1825">
            <v>12</v>
          </cell>
          <cell r="F1825">
            <v>1.5684</v>
          </cell>
        </row>
        <row r="1826">
          <cell r="C1826">
            <v>2002</v>
          </cell>
          <cell r="D1826">
            <v>12</v>
          </cell>
          <cell r="F1826">
            <v>1.5789</v>
          </cell>
        </row>
        <row r="1827">
          <cell r="C1827">
            <v>2003</v>
          </cell>
          <cell r="D1827">
            <v>1</v>
          </cell>
          <cell r="F1827">
            <v>1.5795999999999999</v>
          </cell>
        </row>
        <row r="1828">
          <cell r="C1828">
            <v>2003</v>
          </cell>
          <cell r="D1828">
            <v>1</v>
          </cell>
          <cell r="F1828">
            <v>1.5795999999999999</v>
          </cell>
        </row>
        <row r="1829">
          <cell r="C1829">
            <v>2003</v>
          </cell>
          <cell r="D1829">
            <v>1</v>
          </cell>
          <cell r="F1829">
            <v>1.5747</v>
          </cell>
        </row>
        <row r="1830">
          <cell r="C1830">
            <v>2003</v>
          </cell>
          <cell r="D1830">
            <v>1</v>
          </cell>
          <cell r="F1830">
            <v>1.5665</v>
          </cell>
        </row>
        <row r="1831">
          <cell r="C1831">
            <v>2003</v>
          </cell>
          <cell r="D1831">
            <v>1</v>
          </cell>
          <cell r="F1831">
            <v>1.5665</v>
          </cell>
        </row>
        <row r="1832">
          <cell r="C1832">
            <v>2003</v>
          </cell>
          <cell r="D1832">
            <v>1</v>
          </cell>
          <cell r="F1832">
            <v>1.5665</v>
          </cell>
        </row>
        <row r="1833">
          <cell r="C1833">
            <v>2003</v>
          </cell>
          <cell r="D1833">
            <v>1</v>
          </cell>
          <cell r="F1833">
            <v>1.5596000000000001</v>
          </cell>
        </row>
        <row r="1834">
          <cell r="C1834">
            <v>2003</v>
          </cell>
          <cell r="D1834">
            <v>1</v>
          </cell>
          <cell r="F1834">
            <v>1.5591999999999999</v>
          </cell>
        </row>
        <row r="1835">
          <cell r="C1835">
            <v>2003</v>
          </cell>
          <cell r="D1835">
            <v>1</v>
          </cell>
          <cell r="F1835">
            <v>1.5612999999999999</v>
          </cell>
        </row>
        <row r="1836">
          <cell r="C1836">
            <v>2003</v>
          </cell>
          <cell r="D1836">
            <v>1</v>
          </cell>
          <cell r="F1836">
            <v>1.5537000000000001</v>
          </cell>
        </row>
        <row r="1837">
          <cell r="C1837">
            <v>2003</v>
          </cell>
          <cell r="D1837">
            <v>1</v>
          </cell>
          <cell r="F1837">
            <v>1.55</v>
          </cell>
        </row>
        <row r="1838">
          <cell r="C1838">
            <v>2003</v>
          </cell>
          <cell r="D1838">
            <v>1</v>
          </cell>
          <cell r="F1838">
            <v>1.55</v>
          </cell>
        </row>
        <row r="1839">
          <cell r="C1839">
            <v>2003</v>
          </cell>
          <cell r="D1839">
            <v>1</v>
          </cell>
          <cell r="F1839">
            <v>1.55</v>
          </cell>
        </row>
        <row r="1840">
          <cell r="C1840">
            <v>2003</v>
          </cell>
          <cell r="D1840">
            <v>1</v>
          </cell>
          <cell r="F1840">
            <v>1.5418000000000001</v>
          </cell>
        </row>
        <row r="1841">
          <cell r="C1841">
            <v>2003</v>
          </cell>
          <cell r="D1841">
            <v>1</v>
          </cell>
          <cell r="F1841">
            <v>1.5397000000000001</v>
          </cell>
        </row>
        <row r="1842">
          <cell r="C1842">
            <v>2003</v>
          </cell>
          <cell r="D1842">
            <v>1</v>
          </cell>
          <cell r="F1842">
            <v>1.5351999999999999</v>
          </cell>
        </row>
        <row r="1843">
          <cell r="C1843">
            <v>2003</v>
          </cell>
          <cell r="D1843">
            <v>1</v>
          </cell>
          <cell r="F1843">
            <v>1.5363</v>
          </cell>
        </row>
        <row r="1844">
          <cell r="C1844">
            <v>2003</v>
          </cell>
          <cell r="D1844">
            <v>1</v>
          </cell>
          <cell r="F1844">
            <v>1.5354000000000001</v>
          </cell>
        </row>
        <row r="1845">
          <cell r="C1845">
            <v>2003</v>
          </cell>
          <cell r="D1845">
            <v>1</v>
          </cell>
          <cell r="F1845">
            <v>1.5354000000000001</v>
          </cell>
        </row>
        <row r="1846">
          <cell r="C1846">
            <v>2003</v>
          </cell>
          <cell r="D1846">
            <v>1</v>
          </cell>
          <cell r="F1846">
            <v>1.5354000000000001</v>
          </cell>
        </row>
        <row r="1847">
          <cell r="C1847">
            <v>2003</v>
          </cell>
          <cell r="D1847">
            <v>1</v>
          </cell>
          <cell r="F1847">
            <v>1.5347</v>
          </cell>
        </row>
        <row r="1848">
          <cell r="C1848">
            <v>2003</v>
          </cell>
          <cell r="D1848">
            <v>1</v>
          </cell>
          <cell r="F1848">
            <v>1.5329999999999999</v>
          </cell>
        </row>
        <row r="1849">
          <cell r="C1849">
            <v>2003</v>
          </cell>
          <cell r="D1849">
            <v>1</v>
          </cell>
          <cell r="F1849">
            <v>1.532</v>
          </cell>
        </row>
        <row r="1850">
          <cell r="C1850">
            <v>2003</v>
          </cell>
          <cell r="D1850">
            <v>1</v>
          </cell>
          <cell r="F1850">
            <v>1.5238</v>
          </cell>
        </row>
        <row r="1851">
          <cell r="C1851">
            <v>2003</v>
          </cell>
          <cell r="D1851">
            <v>1</v>
          </cell>
          <cell r="F1851">
            <v>1.5221</v>
          </cell>
        </row>
        <row r="1852">
          <cell r="C1852">
            <v>2003</v>
          </cell>
          <cell r="D1852">
            <v>1</v>
          </cell>
          <cell r="F1852">
            <v>1.5221</v>
          </cell>
        </row>
        <row r="1853">
          <cell r="C1853">
            <v>2003</v>
          </cell>
          <cell r="D1853">
            <v>1</v>
          </cell>
          <cell r="F1853">
            <v>1.5221</v>
          </cell>
        </row>
        <row r="1854">
          <cell r="C1854">
            <v>2003</v>
          </cell>
          <cell r="D1854">
            <v>1</v>
          </cell>
          <cell r="F1854">
            <v>1.5247999999999999</v>
          </cell>
        </row>
        <row r="1855">
          <cell r="C1855">
            <v>2003</v>
          </cell>
          <cell r="D1855">
            <v>1</v>
          </cell>
          <cell r="F1855">
            <v>1.536</v>
          </cell>
        </row>
        <row r="1856">
          <cell r="C1856">
            <v>2003</v>
          </cell>
          <cell r="D1856">
            <v>1</v>
          </cell>
          <cell r="F1856">
            <v>1.5226999999999999</v>
          </cell>
        </row>
        <row r="1857">
          <cell r="C1857">
            <v>2003</v>
          </cell>
          <cell r="D1857">
            <v>1</v>
          </cell>
          <cell r="F1857">
            <v>1.5308999999999999</v>
          </cell>
        </row>
        <row r="1858">
          <cell r="C1858">
            <v>2003</v>
          </cell>
          <cell r="D1858">
            <v>2</v>
          </cell>
          <cell r="F1858">
            <v>1.5289999999999999</v>
          </cell>
        </row>
        <row r="1859">
          <cell r="C1859">
            <v>2003</v>
          </cell>
          <cell r="D1859">
            <v>2</v>
          </cell>
          <cell r="F1859">
            <v>1.5289999999999999</v>
          </cell>
        </row>
        <row r="1860">
          <cell r="C1860">
            <v>2003</v>
          </cell>
          <cell r="D1860">
            <v>2</v>
          </cell>
          <cell r="F1860">
            <v>1.5289999999999999</v>
          </cell>
        </row>
        <row r="1861">
          <cell r="C1861">
            <v>2003</v>
          </cell>
          <cell r="D1861">
            <v>2</v>
          </cell>
          <cell r="F1861">
            <v>1.5201</v>
          </cell>
        </row>
        <row r="1862">
          <cell r="C1862">
            <v>2003</v>
          </cell>
          <cell r="D1862">
            <v>2</v>
          </cell>
          <cell r="F1862">
            <v>1.5143</v>
          </cell>
        </row>
        <row r="1863">
          <cell r="C1863">
            <v>2003</v>
          </cell>
          <cell r="D1863">
            <v>2</v>
          </cell>
          <cell r="F1863">
            <v>1.5195000000000001</v>
          </cell>
        </row>
        <row r="1864">
          <cell r="C1864">
            <v>2003</v>
          </cell>
          <cell r="D1864">
            <v>2</v>
          </cell>
          <cell r="F1864">
            <v>1.5215000000000001</v>
          </cell>
        </row>
        <row r="1865">
          <cell r="C1865">
            <v>2003</v>
          </cell>
          <cell r="D1865">
            <v>2</v>
          </cell>
          <cell r="F1865">
            <v>1.5210999999999999</v>
          </cell>
        </row>
        <row r="1866">
          <cell r="C1866">
            <v>2003</v>
          </cell>
          <cell r="D1866">
            <v>2</v>
          </cell>
          <cell r="F1866">
            <v>1.5210999999999999</v>
          </cell>
        </row>
        <row r="1867">
          <cell r="C1867">
            <v>2003</v>
          </cell>
          <cell r="D1867">
            <v>2</v>
          </cell>
          <cell r="F1867">
            <v>1.5210999999999999</v>
          </cell>
        </row>
        <row r="1868">
          <cell r="C1868">
            <v>2003</v>
          </cell>
          <cell r="D1868">
            <v>2</v>
          </cell>
          <cell r="F1868">
            <v>1.5310999999999999</v>
          </cell>
        </row>
        <row r="1869">
          <cell r="C1869">
            <v>2003</v>
          </cell>
          <cell r="D1869">
            <v>2</v>
          </cell>
          <cell r="F1869">
            <v>1.5301</v>
          </cell>
        </row>
        <row r="1870">
          <cell r="C1870">
            <v>2003</v>
          </cell>
          <cell r="D1870">
            <v>2</v>
          </cell>
          <cell r="F1870">
            <v>1.5286999999999999</v>
          </cell>
        </row>
        <row r="1871">
          <cell r="C1871">
            <v>2003</v>
          </cell>
          <cell r="D1871">
            <v>2</v>
          </cell>
          <cell r="F1871">
            <v>1.5195000000000001</v>
          </cell>
        </row>
        <row r="1872">
          <cell r="C1872">
            <v>2003</v>
          </cell>
          <cell r="D1872">
            <v>2</v>
          </cell>
          <cell r="F1872">
            <v>1.5187999999999999</v>
          </cell>
        </row>
        <row r="1873">
          <cell r="C1873">
            <v>2003</v>
          </cell>
          <cell r="D1873">
            <v>2</v>
          </cell>
          <cell r="F1873">
            <v>1.5187999999999999</v>
          </cell>
        </row>
        <row r="1874">
          <cell r="C1874">
            <v>2003</v>
          </cell>
          <cell r="D1874">
            <v>2</v>
          </cell>
          <cell r="F1874">
            <v>1.5187999999999999</v>
          </cell>
        </row>
        <row r="1875">
          <cell r="C1875">
            <v>2003</v>
          </cell>
          <cell r="D1875">
            <v>2</v>
          </cell>
          <cell r="F1875">
            <v>1.5208999999999999</v>
          </cell>
        </row>
        <row r="1876">
          <cell r="C1876">
            <v>2003</v>
          </cell>
          <cell r="D1876">
            <v>2</v>
          </cell>
          <cell r="F1876">
            <v>1.5147999999999999</v>
          </cell>
        </row>
        <row r="1877">
          <cell r="C1877">
            <v>2003</v>
          </cell>
          <cell r="D1877">
            <v>2</v>
          </cell>
          <cell r="F1877">
            <v>1.5142</v>
          </cell>
        </row>
        <row r="1878">
          <cell r="C1878">
            <v>2003</v>
          </cell>
          <cell r="D1878">
            <v>2</v>
          </cell>
          <cell r="F1878">
            <v>1.5043</v>
          </cell>
        </row>
        <row r="1879">
          <cell r="C1879">
            <v>2003</v>
          </cell>
          <cell r="D1879">
            <v>2</v>
          </cell>
          <cell r="F1879">
            <v>1.5054000000000001</v>
          </cell>
        </row>
        <row r="1880">
          <cell r="C1880">
            <v>2003</v>
          </cell>
          <cell r="D1880">
            <v>2</v>
          </cell>
          <cell r="F1880">
            <v>1.5054000000000001</v>
          </cell>
        </row>
        <row r="1881">
          <cell r="C1881">
            <v>2003</v>
          </cell>
          <cell r="D1881">
            <v>2</v>
          </cell>
          <cell r="F1881">
            <v>1.5054000000000001</v>
          </cell>
        </row>
        <row r="1882">
          <cell r="C1882">
            <v>2003</v>
          </cell>
          <cell r="D1882">
            <v>2</v>
          </cell>
          <cell r="F1882">
            <v>1.4943</v>
          </cell>
        </row>
        <row r="1883">
          <cell r="C1883">
            <v>2003</v>
          </cell>
          <cell r="D1883">
            <v>2</v>
          </cell>
          <cell r="F1883">
            <v>1.4925999999999999</v>
          </cell>
        </row>
        <row r="1884">
          <cell r="C1884">
            <v>2003</v>
          </cell>
          <cell r="D1884">
            <v>2</v>
          </cell>
          <cell r="F1884">
            <v>1.4935</v>
          </cell>
        </row>
        <row r="1885">
          <cell r="C1885">
            <v>2003</v>
          </cell>
          <cell r="D1885">
            <v>2</v>
          </cell>
          <cell r="F1885">
            <v>1.4952000000000001</v>
          </cell>
        </row>
        <row r="1886">
          <cell r="C1886">
            <v>2003</v>
          </cell>
          <cell r="D1886">
            <v>3</v>
          </cell>
          <cell r="F1886">
            <v>1.4871000000000001</v>
          </cell>
        </row>
        <row r="1887">
          <cell r="C1887">
            <v>2003</v>
          </cell>
          <cell r="D1887">
            <v>3</v>
          </cell>
          <cell r="F1887">
            <v>1.4871000000000001</v>
          </cell>
        </row>
        <row r="1888">
          <cell r="C1888">
            <v>2003</v>
          </cell>
          <cell r="D1888">
            <v>3</v>
          </cell>
          <cell r="F1888">
            <v>1.4871000000000001</v>
          </cell>
        </row>
        <row r="1889">
          <cell r="C1889">
            <v>2003</v>
          </cell>
          <cell r="D1889">
            <v>3</v>
          </cell>
          <cell r="F1889">
            <v>1.4845999999999999</v>
          </cell>
        </row>
        <row r="1890">
          <cell r="C1890">
            <v>2003</v>
          </cell>
          <cell r="D1890">
            <v>3</v>
          </cell>
          <cell r="F1890">
            <v>1.4772000000000001</v>
          </cell>
        </row>
        <row r="1891">
          <cell r="C1891">
            <v>2003</v>
          </cell>
          <cell r="D1891">
            <v>3</v>
          </cell>
          <cell r="F1891">
            <v>1.4722999999999999</v>
          </cell>
        </row>
        <row r="1892">
          <cell r="C1892">
            <v>2003</v>
          </cell>
          <cell r="D1892">
            <v>3</v>
          </cell>
          <cell r="F1892">
            <v>1.4711000000000001</v>
          </cell>
        </row>
        <row r="1893">
          <cell r="C1893">
            <v>2003</v>
          </cell>
          <cell r="D1893">
            <v>3</v>
          </cell>
          <cell r="F1893">
            <v>1.4661999999999999</v>
          </cell>
        </row>
        <row r="1894">
          <cell r="C1894">
            <v>2003</v>
          </cell>
          <cell r="D1894">
            <v>3</v>
          </cell>
          <cell r="F1894">
            <v>1.4661999999999999</v>
          </cell>
        </row>
        <row r="1895">
          <cell r="C1895">
            <v>2003</v>
          </cell>
          <cell r="D1895">
            <v>3</v>
          </cell>
          <cell r="F1895">
            <v>1.4661999999999999</v>
          </cell>
        </row>
        <row r="1896">
          <cell r="C1896">
            <v>2003</v>
          </cell>
          <cell r="D1896">
            <v>3</v>
          </cell>
          <cell r="F1896">
            <v>1.4656</v>
          </cell>
        </row>
        <row r="1897">
          <cell r="C1897">
            <v>2003</v>
          </cell>
          <cell r="D1897">
            <v>3</v>
          </cell>
          <cell r="F1897">
            <v>1.4721</v>
          </cell>
        </row>
        <row r="1898">
          <cell r="C1898">
            <v>2003</v>
          </cell>
          <cell r="D1898">
            <v>3</v>
          </cell>
          <cell r="F1898">
            <v>1.4722999999999999</v>
          </cell>
        </row>
        <row r="1899">
          <cell r="C1899">
            <v>2003</v>
          </cell>
          <cell r="D1899">
            <v>3</v>
          </cell>
          <cell r="F1899">
            <v>1.4850000000000001</v>
          </cell>
        </row>
        <row r="1900">
          <cell r="C1900">
            <v>2003</v>
          </cell>
          <cell r="D1900">
            <v>3</v>
          </cell>
          <cell r="F1900">
            <v>1.4822</v>
          </cell>
        </row>
        <row r="1901">
          <cell r="C1901">
            <v>2003</v>
          </cell>
          <cell r="D1901">
            <v>3</v>
          </cell>
          <cell r="F1901">
            <v>1.4822</v>
          </cell>
        </row>
        <row r="1902">
          <cell r="C1902">
            <v>2003</v>
          </cell>
          <cell r="D1902">
            <v>3</v>
          </cell>
          <cell r="F1902">
            <v>1.4822</v>
          </cell>
        </row>
        <row r="1903">
          <cell r="C1903">
            <v>2003</v>
          </cell>
          <cell r="D1903">
            <v>3</v>
          </cell>
          <cell r="F1903">
            <v>1.4835</v>
          </cell>
        </row>
        <row r="1904">
          <cell r="C1904">
            <v>2003</v>
          </cell>
          <cell r="D1904">
            <v>3</v>
          </cell>
          <cell r="F1904">
            <v>1.4785999999999999</v>
          </cell>
        </row>
        <row r="1905">
          <cell r="C1905">
            <v>2003</v>
          </cell>
          <cell r="D1905">
            <v>3</v>
          </cell>
          <cell r="F1905">
            <v>1.4803999999999999</v>
          </cell>
        </row>
        <row r="1906">
          <cell r="C1906">
            <v>2003</v>
          </cell>
          <cell r="D1906">
            <v>3</v>
          </cell>
          <cell r="F1906">
            <v>1.4783999999999999</v>
          </cell>
        </row>
        <row r="1907">
          <cell r="C1907">
            <v>2003</v>
          </cell>
          <cell r="D1907">
            <v>3</v>
          </cell>
          <cell r="F1907">
            <v>1.4906999999999999</v>
          </cell>
        </row>
        <row r="1908">
          <cell r="C1908">
            <v>2003</v>
          </cell>
          <cell r="D1908">
            <v>3</v>
          </cell>
          <cell r="F1908">
            <v>1.4906999999999999</v>
          </cell>
        </row>
        <row r="1909">
          <cell r="C1909">
            <v>2003</v>
          </cell>
          <cell r="D1909">
            <v>3</v>
          </cell>
          <cell r="F1909">
            <v>1.4906999999999999</v>
          </cell>
        </row>
        <row r="1910">
          <cell r="C1910">
            <v>2003</v>
          </cell>
          <cell r="D1910">
            <v>3</v>
          </cell>
          <cell r="F1910">
            <v>1.4801</v>
          </cell>
        </row>
        <row r="1911">
          <cell r="C1911">
            <v>2003</v>
          </cell>
          <cell r="D1911">
            <v>3</v>
          </cell>
          <cell r="F1911">
            <v>1.4775</v>
          </cell>
        </row>
        <row r="1912">
          <cell r="C1912">
            <v>2003</v>
          </cell>
          <cell r="D1912">
            <v>3</v>
          </cell>
          <cell r="F1912">
            <v>1.4710000000000001</v>
          </cell>
        </row>
        <row r="1913">
          <cell r="C1913">
            <v>2003</v>
          </cell>
          <cell r="D1913">
            <v>3</v>
          </cell>
          <cell r="F1913">
            <v>1.4681999999999999</v>
          </cell>
        </row>
        <row r="1914">
          <cell r="C1914">
            <v>2003</v>
          </cell>
          <cell r="D1914">
            <v>3</v>
          </cell>
          <cell r="F1914">
            <v>1.4678</v>
          </cell>
        </row>
        <row r="1915">
          <cell r="C1915">
            <v>2003</v>
          </cell>
          <cell r="D1915">
            <v>3</v>
          </cell>
          <cell r="F1915">
            <v>1.4678</v>
          </cell>
        </row>
        <row r="1916">
          <cell r="C1916">
            <v>2003</v>
          </cell>
          <cell r="D1916">
            <v>3</v>
          </cell>
          <cell r="F1916">
            <v>1.4678</v>
          </cell>
        </row>
        <row r="1917">
          <cell r="C1917">
            <v>2003</v>
          </cell>
          <cell r="D1917">
            <v>4</v>
          </cell>
          <cell r="F1917">
            <v>1.4693000000000001</v>
          </cell>
        </row>
        <row r="1918">
          <cell r="C1918">
            <v>2003</v>
          </cell>
          <cell r="D1918">
            <v>4</v>
          </cell>
          <cell r="F1918">
            <v>1.4725999999999999</v>
          </cell>
        </row>
        <row r="1919">
          <cell r="C1919">
            <v>2003</v>
          </cell>
          <cell r="D1919">
            <v>4</v>
          </cell>
          <cell r="F1919">
            <v>1.4761</v>
          </cell>
        </row>
        <row r="1920">
          <cell r="C1920">
            <v>2003</v>
          </cell>
          <cell r="D1920">
            <v>4</v>
          </cell>
          <cell r="F1920">
            <v>1.4752000000000001</v>
          </cell>
        </row>
        <row r="1921">
          <cell r="C1921">
            <v>2003</v>
          </cell>
          <cell r="D1921">
            <v>4</v>
          </cell>
          <cell r="F1921">
            <v>1.4719</v>
          </cell>
        </row>
        <row r="1922">
          <cell r="C1922">
            <v>2003</v>
          </cell>
          <cell r="D1922">
            <v>4</v>
          </cell>
          <cell r="F1922">
            <v>1.4719</v>
          </cell>
        </row>
        <row r="1923">
          <cell r="C1923">
            <v>2003</v>
          </cell>
          <cell r="D1923">
            <v>4</v>
          </cell>
          <cell r="F1923">
            <v>1.4719</v>
          </cell>
        </row>
        <row r="1924">
          <cell r="C1924">
            <v>2003</v>
          </cell>
          <cell r="D1924">
            <v>4</v>
          </cell>
          <cell r="F1924">
            <v>1.4845999999999999</v>
          </cell>
        </row>
        <row r="1925">
          <cell r="C1925">
            <v>2003</v>
          </cell>
          <cell r="D1925">
            <v>4</v>
          </cell>
          <cell r="F1925">
            <v>1.4679</v>
          </cell>
        </row>
        <row r="1926">
          <cell r="C1926">
            <v>2003</v>
          </cell>
          <cell r="D1926">
            <v>4</v>
          </cell>
          <cell r="F1926">
            <v>1.4678</v>
          </cell>
        </row>
        <row r="1927">
          <cell r="C1927">
            <v>2003</v>
          </cell>
          <cell r="D1927">
            <v>4</v>
          </cell>
          <cell r="F1927">
            <v>1.4570000000000001</v>
          </cell>
        </row>
        <row r="1928">
          <cell r="C1928">
            <v>2003</v>
          </cell>
          <cell r="D1928">
            <v>4</v>
          </cell>
          <cell r="F1928">
            <v>1.4516</v>
          </cell>
        </row>
        <row r="1929">
          <cell r="C1929">
            <v>2003</v>
          </cell>
          <cell r="D1929">
            <v>4</v>
          </cell>
          <cell r="F1929">
            <v>1.4516</v>
          </cell>
        </row>
        <row r="1930">
          <cell r="C1930">
            <v>2003</v>
          </cell>
          <cell r="D1930">
            <v>4</v>
          </cell>
          <cell r="F1930">
            <v>1.4516</v>
          </cell>
        </row>
        <row r="1931">
          <cell r="C1931">
            <v>2003</v>
          </cell>
          <cell r="D1931">
            <v>4</v>
          </cell>
          <cell r="F1931">
            <v>1.4532</v>
          </cell>
        </row>
        <row r="1932">
          <cell r="C1932">
            <v>2003</v>
          </cell>
          <cell r="D1932">
            <v>4</v>
          </cell>
          <cell r="F1932">
            <v>1.4515</v>
          </cell>
        </row>
        <row r="1933">
          <cell r="C1933">
            <v>2003</v>
          </cell>
          <cell r="D1933">
            <v>4</v>
          </cell>
          <cell r="F1933">
            <v>1.4561999999999999</v>
          </cell>
        </row>
        <row r="1934">
          <cell r="C1934">
            <v>2003</v>
          </cell>
          <cell r="D1934">
            <v>4</v>
          </cell>
          <cell r="F1934">
            <v>1.4496</v>
          </cell>
        </row>
        <row r="1935">
          <cell r="C1935">
            <v>2003</v>
          </cell>
          <cell r="D1935">
            <v>4</v>
          </cell>
          <cell r="F1935">
            <v>1.4496</v>
          </cell>
        </row>
        <row r="1936">
          <cell r="C1936">
            <v>2003</v>
          </cell>
          <cell r="D1936">
            <v>4</v>
          </cell>
          <cell r="F1936">
            <v>1.4496</v>
          </cell>
        </row>
        <row r="1937">
          <cell r="C1937">
            <v>2003</v>
          </cell>
          <cell r="D1937">
            <v>4</v>
          </cell>
          <cell r="F1937">
            <v>1.4496</v>
          </cell>
        </row>
        <row r="1938">
          <cell r="C1938">
            <v>2003</v>
          </cell>
          <cell r="D1938">
            <v>4</v>
          </cell>
          <cell r="F1938">
            <v>1.4543999999999999</v>
          </cell>
        </row>
        <row r="1939">
          <cell r="C1939">
            <v>2003</v>
          </cell>
          <cell r="D1939">
            <v>4</v>
          </cell>
          <cell r="F1939">
            <v>1.4471000000000001</v>
          </cell>
        </row>
        <row r="1940">
          <cell r="C1940">
            <v>2003</v>
          </cell>
          <cell r="D1940">
            <v>4</v>
          </cell>
          <cell r="F1940">
            <v>1.4510000000000001</v>
          </cell>
        </row>
        <row r="1941">
          <cell r="C1941">
            <v>2003</v>
          </cell>
          <cell r="D1941">
            <v>4</v>
          </cell>
          <cell r="F1941">
            <v>1.4579</v>
          </cell>
        </row>
        <row r="1942">
          <cell r="C1942">
            <v>2003</v>
          </cell>
          <cell r="D1942">
            <v>4</v>
          </cell>
          <cell r="F1942">
            <v>1.4532</v>
          </cell>
        </row>
        <row r="1943">
          <cell r="C1943">
            <v>2003</v>
          </cell>
          <cell r="D1943">
            <v>4</v>
          </cell>
          <cell r="F1943">
            <v>1.4532</v>
          </cell>
        </row>
        <row r="1944">
          <cell r="C1944">
            <v>2003</v>
          </cell>
          <cell r="D1944">
            <v>4</v>
          </cell>
          <cell r="F1944">
            <v>1.4532</v>
          </cell>
        </row>
        <row r="1945">
          <cell r="C1945">
            <v>2003</v>
          </cell>
          <cell r="D1945">
            <v>4</v>
          </cell>
          <cell r="F1945">
            <v>1.4500999999999999</v>
          </cell>
        </row>
        <row r="1946">
          <cell r="C1946">
            <v>2003</v>
          </cell>
          <cell r="D1946">
            <v>4</v>
          </cell>
          <cell r="F1946">
            <v>1.4457</v>
          </cell>
        </row>
        <row r="1947">
          <cell r="C1947">
            <v>2003</v>
          </cell>
          <cell r="D1947">
            <v>5</v>
          </cell>
          <cell r="F1947">
            <v>1.4335</v>
          </cell>
        </row>
        <row r="1948">
          <cell r="C1948">
            <v>2003</v>
          </cell>
          <cell r="D1948">
            <v>5</v>
          </cell>
          <cell r="F1948">
            <v>1.4188000000000001</v>
          </cell>
        </row>
        <row r="1949">
          <cell r="C1949">
            <v>2003</v>
          </cell>
          <cell r="D1949">
            <v>5</v>
          </cell>
          <cell r="F1949">
            <v>1.4222999999999999</v>
          </cell>
        </row>
        <row r="1950">
          <cell r="C1950">
            <v>2003</v>
          </cell>
          <cell r="D1950">
            <v>5</v>
          </cell>
          <cell r="F1950">
            <v>1.4222999999999999</v>
          </cell>
        </row>
        <row r="1951">
          <cell r="C1951">
            <v>2003</v>
          </cell>
          <cell r="D1951">
            <v>5</v>
          </cell>
          <cell r="F1951">
            <v>1.4222999999999999</v>
          </cell>
        </row>
        <row r="1952">
          <cell r="C1952">
            <v>2003</v>
          </cell>
          <cell r="D1952">
            <v>5</v>
          </cell>
          <cell r="F1952">
            <v>1.4132</v>
          </cell>
        </row>
        <row r="1953">
          <cell r="C1953">
            <v>2003</v>
          </cell>
          <cell r="D1953">
            <v>5</v>
          </cell>
          <cell r="F1953">
            <v>1.4081999999999999</v>
          </cell>
        </row>
        <row r="1954">
          <cell r="C1954">
            <v>2003</v>
          </cell>
          <cell r="D1954">
            <v>5</v>
          </cell>
          <cell r="F1954">
            <v>1.4009</v>
          </cell>
        </row>
        <row r="1955">
          <cell r="C1955">
            <v>2003</v>
          </cell>
          <cell r="D1955">
            <v>5</v>
          </cell>
          <cell r="F1955">
            <v>1.3952</v>
          </cell>
        </row>
        <row r="1956">
          <cell r="C1956">
            <v>2003</v>
          </cell>
          <cell r="D1956">
            <v>5</v>
          </cell>
          <cell r="F1956">
            <v>1.3927</v>
          </cell>
        </row>
        <row r="1957">
          <cell r="C1957">
            <v>2003</v>
          </cell>
          <cell r="D1957">
            <v>5</v>
          </cell>
          <cell r="F1957">
            <v>1.3927</v>
          </cell>
        </row>
        <row r="1958">
          <cell r="C1958">
            <v>2003</v>
          </cell>
          <cell r="D1958">
            <v>5</v>
          </cell>
          <cell r="F1958">
            <v>1.3927</v>
          </cell>
        </row>
        <row r="1959">
          <cell r="C1959">
            <v>2003</v>
          </cell>
          <cell r="D1959">
            <v>5</v>
          </cell>
          <cell r="F1959">
            <v>1.3887</v>
          </cell>
        </row>
        <row r="1960">
          <cell r="C1960">
            <v>2003</v>
          </cell>
          <cell r="D1960">
            <v>5</v>
          </cell>
          <cell r="F1960">
            <v>1.3897999999999999</v>
          </cell>
        </row>
        <row r="1961">
          <cell r="C1961">
            <v>2003</v>
          </cell>
          <cell r="D1961">
            <v>5</v>
          </cell>
          <cell r="F1961">
            <v>1.3787</v>
          </cell>
        </row>
        <row r="1962">
          <cell r="C1962">
            <v>2003</v>
          </cell>
          <cell r="D1962">
            <v>5</v>
          </cell>
          <cell r="F1962">
            <v>1.3761000000000001</v>
          </cell>
        </row>
        <row r="1963">
          <cell r="C1963">
            <v>2003</v>
          </cell>
          <cell r="D1963">
            <v>5</v>
          </cell>
          <cell r="F1963">
            <v>1.3667</v>
          </cell>
        </row>
        <row r="1964">
          <cell r="C1964">
            <v>2003</v>
          </cell>
          <cell r="D1964">
            <v>5</v>
          </cell>
          <cell r="F1964">
            <v>1.3667</v>
          </cell>
        </row>
        <row r="1965">
          <cell r="C1965">
            <v>2003</v>
          </cell>
          <cell r="D1965">
            <v>5</v>
          </cell>
          <cell r="F1965">
            <v>1.3667</v>
          </cell>
        </row>
        <row r="1966">
          <cell r="C1966">
            <v>2003</v>
          </cell>
          <cell r="D1966">
            <v>5</v>
          </cell>
          <cell r="F1966">
            <v>1.3667</v>
          </cell>
        </row>
        <row r="1967">
          <cell r="C1967">
            <v>2003</v>
          </cell>
          <cell r="D1967">
            <v>5</v>
          </cell>
          <cell r="F1967">
            <v>1.3446</v>
          </cell>
        </row>
        <row r="1968">
          <cell r="C1968">
            <v>2003</v>
          </cell>
          <cell r="D1968">
            <v>5</v>
          </cell>
          <cell r="F1968">
            <v>1.3494999999999999</v>
          </cell>
        </row>
        <row r="1969">
          <cell r="C1969">
            <v>2003</v>
          </cell>
          <cell r="D1969">
            <v>5</v>
          </cell>
          <cell r="F1969">
            <v>1.3682000000000001</v>
          </cell>
        </row>
        <row r="1970">
          <cell r="C1970">
            <v>2003</v>
          </cell>
          <cell r="D1970">
            <v>5</v>
          </cell>
          <cell r="F1970">
            <v>1.3774999999999999</v>
          </cell>
        </row>
        <row r="1971">
          <cell r="C1971">
            <v>2003</v>
          </cell>
          <cell r="D1971">
            <v>5</v>
          </cell>
          <cell r="F1971">
            <v>1.3774999999999999</v>
          </cell>
        </row>
        <row r="1972">
          <cell r="C1972">
            <v>2003</v>
          </cell>
          <cell r="D1972">
            <v>5</v>
          </cell>
          <cell r="F1972">
            <v>1.3774999999999999</v>
          </cell>
        </row>
        <row r="1973">
          <cell r="C1973">
            <v>2003</v>
          </cell>
          <cell r="D1973">
            <v>5</v>
          </cell>
          <cell r="F1973">
            <v>1.3744000000000001</v>
          </cell>
        </row>
        <row r="1974">
          <cell r="C1974">
            <v>2003</v>
          </cell>
          <cell r="D1974">
            <v>5</v>
          </cell>
          <cell r="F1974">
            <v>1.3746</v>
          </cell>
        </row>
        <row r="1975">
          <cell r="C1975">
            <v>2003</v>
          </cell>
          <cell r="D1975">
            <v>5</v>
          </cell>
          <cell r="F1975">
            <v>1.3866000000000001</v>
          </cell>
        </row>
        <row r="1976">
          <cell r="C1976">
            <v>2003</v>
          </cell>
          <cell r="D1976">
            <v>5</v>
          </cell>
          <cell r="F1976">
            <v>1.3769</v>
          </cell>
        </row>
        <row r="1977">
          <cell r="C1977">
            <v>2003</v>
          </cell>
          <cell r="D1977">
            <v>5</v>
          </cell>
          <cell r="F1977">
            <v>1.3708</v>
          </cell>
        </row>
        <row r="1978">
          <cell r="C1978">
            <v>2003</v>
          </cell>
          <cell r="D1978">
            <v>6</v>
          </cell>
          <cell r="F1978">
            <v>1.3708</v>
          </cell>
        </row>
        <row r="1979">
          <cell r="C1979">
            <v>2003</v>
          </cell>
          <cell r="D1979">
            <v>6</v>
          </cell>
          <cell r="F1979">
            <v>1.3708</v>
          </cell>
        </row>
        <row r="1980">
          <cell r="C1980">
            <v>2003</v>
          </cell>
          <cell r="D1980">
            <v>6</v>
          </cell>
          <cell r="F1980">
            <v>1.3694999999999999</v>
          </cell>
        </row>
        <row r="1981">
          <cell r="C1981">
            <v>2003</v>
          </cell>
          <cell r="D1981">
            <v>6</v>
          </cell>
          <cell r="F1981">
            <v>1.3757999999999999</v>
          </cell>
        </row>
        <row r="1982">
          <cell r="C1982">
            <v>2003</v>
          </cell>
          <cell r="D1982">
            <v>6</v>
          </cell>
          <cell r="F1982">
            <v>1.3573999999999999</v>
          </cell>
        </row>
        <row r="1983">
          <cell r="C1983">
            <v>2003</v>
          </cell>
          <cell r="D1983">
            <v>6</v>
          </cell>
          <cell r="F1983">
            <v>1.3401000000000001</v>
          </cell>
        </row>
        <row r="1984">
          <cell r="C1984">
            <v>2003</v>
          </cell>
          <cell r="D1984">
            <v>6</v>
          </cell>
          <cell r="F1984">
            <v>1.35</v>
          </cell>
        </row>
        <row r="1985">
          <cell r="C1985">
            <v>2003</v>
          </cell>
          <cell r="D1985">
            <v>6</v>
          </cell>
          <cell r="F1985">
            <v>1.35</v>
          </cell>
        </row>
        <row r="1986">
          <cell r="C1986">
            <v>2003</v>
          </cell>
          <cell r="D1986">
            <v>6</v>
          </cell>
          <cell r="F1986">
            <v>1.35</v>
          </cell>
        </row>
        <row r="1987">
          <cell r="C1987">
            <v>2003</v>
          </cell>
          <cell r="D1987">
            <v>6</v>
          </cell>
          <cell r="F1987">
            <v>1.3584000000000001</v>
          </cell>
        </row>
        <row r="1988">
          <cell r="C1988">
            <v>2003</v>
          </cell>
          <cell r="D1988">
            <v>6</v>
          </cell>
          <cell r="F1988">
            <v>1.3648</v>
          </cell>
        </row>
        <row r="1989">
          <cell r="C1989">
            <v>2003</v>
          </cell>
          <cell r="D1989">
            <v>6</v>
          </cell>
          <cell r="F1989">
            <v>1.3529</v>
          </cell>
        </row>
        <row r="1990">
          <cell r="C1990">
            <v>2003</v>
          </cell>
          <cell r="D1990">
            <v>6</v>
          </cell>
          <cell r="F1990">
            <v>1.3489</v>
          </cell>
        </row>
        <row r="1991">
          <cell r="C1991">
            <v>2003</v>
          </cell>
          <cell r="D1991">
            <v>6</v>
          </cell>
          <cell r="F1991">
            <v>1.3361000000000001</v>
          </cell>
        </row>
        <row r="1992">
          <cell r="C1992">
            <v>2003</v>
          </cell>
          <cell r="D1992">
            <v>6</v>
          </cell>
          <cell r="F1992">
            <v>1.3361000000000001</v>
          </cell>
        </row>
        <row r="1993">
          <cell r="C1993">
            <v>2003</v>
          </cell>
          <cell r="D1993">
            <v>6</v>
          </cell>
          <cell r="F1993">
            <v>1.3361000000000001</v>
          </cell>
        </row>
        <row r="1994">
          <cell r="C1994">
            <v>2003</v>
          </cell>
          <cell r="D1994">
            <v>6</v>
          </cell>
          <cell r="F1994">
            <v>1.3391999999999999</v>
          </cell>
        </row>
        <row r="1995">
          <cell r="C1995">
            <v>2003</v>
          </cell>
          <cell r="D1995">
            <v>6</v>
          </cell>
          <cell r="F1995">
            <v>1.3395999999999999</v>
          </cell>
        </row>
        <row r="1996">
          <cell r="C1996">
            <v>2003</v>
          </cell>
          <cell r="D1996">
            <v>6</v>
          </cell>
          <cell r="F1996">
            <v>1.3342000000000001</v>
          </cell>
        </row>
        <row r="1997">
          <cell r="C1997">
            <v>2003</v>
          </cell>
          <cell r="D1997">
            <v>6</v>
          </cell>
          <cell r="F1997">
            <v>1.3495999999999999</v>
          </cell>
        </row>
        <row r="1998">
          <cell r="C1998">
            <v>2003</v>
          </cell>
          <cell r="D1998">
            <v>6</v>
          </cell>
          <cell r="F1998">
            <v>1.3592</v>
          </cell>
        </row>
        <row r="1999">
          <cell r="C1999">
            <v>2003</v>
          </cell>
          <cell r="D1999">
            <v>6</v>
          </cell>
          <cell r="F1999">
            <v>1.3592</v>
          </cell>
        </row>
        <row r="2000">
          <cell r="C2000">
            <v>2003</v>
          </cell>
          <cell r="D2000">
            <v>6</v>
          </cell>
          <cell r="F2000">
            <v>1.3592</v>
          </cell>
        </row>
        <row r="2001">
          <cell r="C2001">
            <v>2003</v>
          </cell>
          <cell r="D2001">
            <v>6</v>
          </cell>
          <cell r="F2001">
            <v>1.3562000000000001</v>
          </cell>
        </row>
        <row r="2002">
          <cell r="C2002">
            <v>2003</v>
          </cell>
          <cell r="D2002">
            <v>6</v>
          </cell>
          <cell r="F2002">
            <v>1.361</v>
          </cell>
        </row>
        <row r="2003">
          <cell r="C2003">
            <v>2003</v>
          </cell>
          <cell r="D2003">
            <v>6</v>
          </cell>
          <cell r="F2003">
            <v>1.3427</v>
          </cell>
        </row>
        <row r="2004">
          <cell r="C2004">
            <v>2003</v>
          </cell>
          <cell r="D2004">
            <v>6</v>
          </cell>
          <cell r="F2004">
            <v>1.3539000000000001</v>
          </cell>
        </row>
        <row r="2005">
          <cell r="C2005">
            <v>2003</v>
          </cell>
          <cell r="D2005">
            <v>6</v>
          </cell>
          <cell r="F2005">
            <v>1.3489</v>
          </cell>
        </row>
        <row r="2006">
          <cell r="C2006">
            <v>2003</v>
          </cell>
          <cell r="D2006">
            <v>6</v>
          </cell>
          <cell r="F2006">
            <v>1.3489</v>
          </cell>
        </row>
        <row r="2007">
          <cell r="C2007">
            <v>2003</v>
          </cell>
          <cell r="D2007">
            <v>6</v>
          </cell>
          <cell r="F2007">
            <v>1.3489</v>
          </cell>
        </row>
        <row r="2008">
          <cell r="C2008">
            <v>2003</v>
          </cell>
          <cell r="D2008">
            <v>7</v>
          </cell>
          <cell r="F2008">
            <v>1.3552999999999999</v>
          </cell>
        </row>
        <row r="2009">
          <cell r="C2009">
            <v>2003</v>
          </cell>
          <cell r="D2009">
            <v>7</v>
          </cell>
          <cell r="F2009">
            <v>1.3552999999999999</v>
          </cell>
        </row>
        <row r="2010">
          <cell r="C2010">
            <v>2003</v>
          </cell>
          <cell r="D2010">
            <v>7</v>
          </cell>
          <cell r="F2010">
            <v>1.3363</v>
          </cell>
        </row>
        <row r="2011">
          <cell r="C2011">
            <v>2003</v>
          </cell>
          <cell r="D2011">
            <v>7</v>
          </cell>
          <cell r="F2011">
            <v>1.3409</v>
          </cell>
        </row>
        <row r="2012">
          <cell r="C2012">
            <v>2003</v>
          </cell>
          <cell r="D2012">
            <v>7</v>
          </cell>
          <cell r="F2012">
            <v>1.3409</v>
          </cell>
        </row>
        <row r="2013">
          <cell r="C2013">
            <v>2003</v>
          </cell>
          <cell r="D2013">
            <v>7</v>
          </cell>
          <cell r="F2013">
            <v>1.3409</v>
          </cell>
        </row>
        <row r="2014">
          <cell r="C2014">
            <v>2003</v>
          </cell>
          <cell r="D2014">
            <v>7</v>
          </cell>
          <cell r="F2014">
            <v>1.3409</v>
          </cell>
        </row>
        <row r="2015">
          <cell r="C2015">
            <v>2003</v>
          </cell>
          <cell r="D2015">
            <v>7</v>
          </cell>
          <cell r="F2015">
            <v>1.3484</v>
          </cell>
        </row>
        <row r="2016">
          <cell r="C2016">
            <v>2003</v>
          </cell>
          <cell r="D2016">
            <v>7</v>
          </cell>
          <cell r="F2016">
            <v>1.3691</v>
          </cell>
        </row>
        <row r="2017">
          <cell r="C2017">
            <v>2003</v>
          </cell>
          <cell r="D2017">
            <v>7</v>
          </cell>
          <cell r="F2017">
            <v>1.3749</v>
          </cell>
        </row>
        <row r="2018">
          <cell r="C2018">
            <v>2003</v>
          </cell>
          <cell r="D2018">
            <v>7</v>
          </cell>
          <cell r="F2018">
            <v>1.3821000000000001</v>
          </cell>
        </row>
        <row r="2019">
          <cell r="C2019">
            <v>2003</v>
          </cell>
          <cell r="D2019">
            <v>7</v>
          </cell>
          <cell r="F2019">
            <v>1.3761000000000001</v>
          </cell>
        </row>
        <row r="2020">
          <cell r="C2020">
            <v>2003</v>
          </cell>
          <cell r="D2020">
            <v>7</v>
          </cell>
          <cell r="F2020">
            <v>1.3761000000000001</v>
          </cell>
        </row>
        <row r="2021">
          <cell r="C2021">
            <v>2003</v>
          </cell>
          <cell r="D2021">
            <v>7</v>
          </cell>
          <cell r="F2021">
            <v>1.3761000000000001</v>
          </cell>
        </row>
        <row r="2022">
          <cell r="C2022">
            <v>2003</v>
          </cell>
          <cell r="D2022">
            <v>7</v>
          </cell>
          <cell r="F2022">
            <v>1.3738999999999999</v>
          </cell>
        </row>
        <row r="2023">
          <cell r="C2023">
            <v>2003</v>
          </cell>
          <cell r="D2023">
            <v>7</v>
          </cell>
          <cell r="F2023">
            <v>1.3929</v>
          </cell>
        </row>
        <row r="2024">
          <cell r="C2024">
            <v>2003</v>
          </cell>
          <cell r="D2024">
            <v>7</v>
          </cell>
          <cell r="F2024">
            <v>1.3861000000000001</v>
          </cell>
        </row>
        <row r="2025">
          <cell r="C2025">
            <v>2003</v>
          </cell>
          <cell r="D2025">
            <v>7</v>
          </cell>
          <cell r="F2025">
            <v>1.3971</v>
          </cell>
        </row>
        <row r="2026">
          <cell r="C2026">
            <v>2003</v>
          </cell>
          <cell r="D2026">
            <v>7</v>
          </cell>
          <cell r="F2026">
            <v>1.4114</v>
          </cell>
        </row>
        <row r="2027">
          <cell r="C2027">
            <v>2003</v>
          </cell>
          <cell r="D2027">
            <v>7</v>
          </cell>
          <cell r="F2027">
            <v>1.4114</v>
          </cell>
        </row>
        <row r="2028">
          <cell r="C2028">
            <v>2003</v>
          </cell>
          <cell r="D2028">
            <v>7</v>
          </cell>
          <cell r="F2028">
            <v>1.4114</v>
          </cell>
        </row>
        <row r="2029">
          <cell r="C2029">
            <v>2003</v>
          </cell>
          <cell r="D2029">
            <v>7</v>
          </cell>
          <cell r="F2029">
            <v>1.4052</v>
          </cell>
        </row>
        <row r="2030">
          <cell r="C2030">
            <v>2003</v>
          </cell>
          <cell r="D2030">
            <v>7</v>
          </cell>
          <cell r="F2030">
            <v>1.4116</v>
          </cell>
        </row>
        <row r="2031">
          <cell r="C2031">
            <v>2003</v>
          </cell>
          <cell r="D2031">
            <v>7</v>
          </cell>
          <cell r="F2031">
            <v>1.3991</v>
          </cell>
        </row>
        <row r="2032">
          <cell r="C2032">
            <v>2003</v>
          </cell>
          <cell r="D2032">
            <v>7</v>
          </cell>
          <cell r="F2032">
            <v>1.3962000000000001</v>
          </cell>
        </row>
        <row r="2033">
          <cell r="C2033">
            <v>2003</v>
          </cell>
          <cell r="D2033">
            <v>7</v>
          </cell>
          <cell r="F2033">
            <v>1.3812</v>
          </cell>
        </row>
        <row r="2034">
          <cell r="C2034">
            <v>2003</v>
          </cell>
          <cell r="D2034">
            <v>7</v>
          </cell>
          <cell r="F2034">
            <v>1.3812</v>
          </cell>
        </row>
        <row r="2035">
          <cell r="C2035">
            <v>2003</v>
          </cell>
          <cell r="D2035">
            <v>7</v>
          </cell>
          <cell r="F2035">
            <v>1.3812</v>
          </cell>
        </row>
        <row r="2036">
          <cell r="C2036">
            <v>2003</v>
          </cell>
          <cell r="D2036">
            <v>7</v>
          </cell>
          <cell r="F2036">
            <v>1.3818999999999999</v>
          </cell>
        </row>
        <row r="2037">
          <cell r="C2037">
            <v>2003</v>
          </cell>
          <cell r="D2037">
            <v>7</v>
          </cell>
          <cell r="F2037">
            <v>1.3855</v>
          </cell>
        </row>
        <row r="2038">
          <cell r="C2038">
            <v>2003</v>
          </cell>
          <cell r="D2038">
            <v>7</v>
          </cell>
          <cell r="F2038">
            <v>1.3996999999999999</v>
          </cell>
        </row>
        <row r="2039">
          <cell r="C2039">
            <v>2003</v>
          </cell>
          <cell r="D2039">
            <v>8</v>
          </cell>
          <cell r="F2039">
            <v>1.4073</v>
          </cell>
        </row>
        <row r="2040">
          <cell r="C2040">
            <v>2003</v>
          </cell>
          <cell r="D2040">
            <v>8</v>
          </cell>
          <cell r="F2040">
            <v>1.3964000000000001</v>
          </cell>
        </row>
        <row r="2041">
          <cell r="C2041">
            <v>2003</v>
          </cell>
          <cell r="D2041">
            <v>8</v>
          </cell>
          <cell r="F2041">
            <v>1.3964000000000001</v>
          </cell>
        </row>
        <row r="2042">
          <cell r="C2042">
            <v>2003</v>
          </cell>
          <cell r="D2042">
            <v>8</v>
          </cell>
          <cell r="F2042">
            <v>1.3964000000000001</v>
          </cell>
        </row>
        <row r="2043">
          <cell r="C2043">
            <v>2003</v>
          </cell>
          <cell r="D2043">
            <v>8</v>
          </cell>
          <cell r="F2043">
            <v>1.3964000000000001</v>
          </cell>
        </row>
        <row r="2044">
          <cell r="C2044">
            <v>2003</v>
          </cell>
          <cell r="D2044">
            <v>8</v>
          </cell>
          <cell r="F2044">
            <v>1.4043000000000001</v>
          </cell>
        </row>
        <row r="2045">
          <cell r="C2045">
            <v>2003</v>
          </cell>
          <cell r="D2045">
            <v>8</v>
          </cell>
          <cell r="F2045">
            <v>1.4057999999999999</v>
          </cell>
        </row>
        <row r="2046">
          <cell r="C2046">
            <v>2003</v>
          </cell>
          <cell r="D2046">
            <v>8</v>
          </cell>
          <cell r="F2046">
            <v>1.3932</v>
          </cell>
        </row>
        <row r="2047">
          <cell r="C2047">
            <v>2003</v>
          </cell>
          <cell r="D2047">
            <v>8</v>
          </cell>
          <cell r="F2047">
            <v>1.3935</v>
          </cell>
        </row>
        <row r="2048">
          <cell r="C2048">
            <v>2003</v>
          </cell>
          <cell r="D2048">
            <v>8</v>
          </cell>
          <cell r="F2048">
            <v>1.3935</v>
          </cell>
        </row>
        <row r="2049">
          <cell r="C2049">
            <v>2003</v>
          </cell>
          <cell r="D2049">
            <v>8</v>
          </cell>
          <cell r="F2049">
            <v>1.3935</v>
          </cell>
        </row>
        <row r="2050">
          <cell r="C2050">
            <v>2003</v>
          </cell>
          <cell r="D2050">
            <v>8</v>
          </cell>
          <cell r="F2050">
            <v>1.3835</v>
          </cell>
        </row>
        <row r="2051">
          <cell r="C2051">
            <v>2003</v>
          </cell>
          <cell r="D2051">
            <v>8</v>
          </cell>
          <cell r="F2051">
            <v>1.3835</v>
          </cell>
        </row>
        <row r="2052">
          <cell r="C2052">
            <v>2003</v>
          </cell>
          <cell r="D2052">
            <v>8</v>
          </cell>
          <cell r="F2052">
            <v>1.3852</v>
          </cell>
        </row>
        <row r="2053">
          <cell r="C2053">
            <v>2003</v>
          </cell>
          <cell r="D2053">
            <v>8</v>
          </cell>
          <cell r="F2053">
            <v>1.3836999999999999</v>
          </cell>
        </row>
        <row r="2054">
          <cell r="C2054">
            <v>2003</v>
          </cell>
          <cell r="D2054">
            <v>8</v>
          </cell>
          <cell r="F2054">
            <v>1.3872</v>
          </cell>
        </row>
        <row r="2055">
          <cell r="C2055">
            <v>2003</v>
          </cell>
          <cell r="D2055">
            <v>8</v>
          </cell>
          <cell r="F2055">
            <v>1.3872</v>
          </cell>
        </row>
        <row r="2056">
          <cell r="C2056">
            <v>2003</v>
          </cell>
          <cell r="D2056">
            <v>8</v>
          </cell>
          <cell r="F2056">
            <v>1.3872</v>
          </cell>
        </row>
        <row r="2057">
          <cell r="C2057">
            <v>2003</v>
          </cell>
          <cell r="D2057">
            <v>8</v>
          </cell>
          <cell r="F2057">
            <v>1.3909</v>
          </cell>
        </row>
        <row r="2058">
          <cell r="C2058">
            <v>2003</v>
          </cell>
          <cell r="D2058">
            <v>8</v>
          </cell>
          <cell r="F2058">
            <v>1.4009</v>
          </cell>
        </row>
        <row r="2059">
          <cell r="C2059">
            <v>2003</v>
          </cell>
          <cell r="D2059">
            <v>8</v>
          </cell>
          <cell r="F2059">
            <v>1.4024000000000001</v>
          </cell>
        </row>
        <row r="2060">
          <cell r="C2060">
            <v>2003</v>
          </cell>
          <cell r="D2060">
            <v>8</v>
          </cell>
          <cell r="F2060">
            <v>1.4074</v>
          </cell>
        </row>
        <row r="2061">
          <cell r="C2061">
            <v>2003</v>
          </cell>
          <cell r="D2061">
            <v>8</v>
          </cell>
          <cell r="F2061">
            <v>1.4098999999999999</v>
          </cell>
        </row>
        <row r="2062">
          <cell r="C2062">
            <v>2003</v>
          </cell>
          <cell r="D2062">
            <v>8</v>
          </cell>
          <cell r="F2062">
            <v>1.4098999999999999</v>
          </cell>
        </row>
        <row r="2063">
          <cell r="C2063">
            <v>2003</v>
          </cell>
          <cell r="D2063">
            <v>8</v>
          </cell>
          <cell r="F2063">
            <v>1.4098999999999999</v>
          </cell>
        </row>
        <row r="2064">
          <cell r="C2064">
            <v>2003</v>
          </cell>
          <cell r="D2064">
            <v>8</v>
          </cell>
          <cell r="F2064">
            <v>1.3978999999999999</v>
          </cell>
        </row>
        <row r="2065">
          <cell r="C2065">
            <v>2003</v>
          </cell>
          <cell r="D2065">
            <v>8</v>
          </cell>
          <cell r="F2065">
            <v>1.3932</v>
          </cell>
        </row>
        <row r="2066">
          <cell r="C2066">
            <v>2003</v>
          </cell>
          <cell r="D2066">
            <v>8</v>
          </cell>
          <cell r="F2066">
            <v>1.4020999999999999</v>
          </cell>
        </row>
        <row r="2067">
          <cell r="C2067">
            <v>2003</v>
          </cell>
          <cell r="D2067">
            <v>8</v>
          </cell>
          <cell r="F2067">
            <v>1.397</v>
          </cell>
        </row>
        <row r="2068">
          <cell r="C2068">
            <v>2003</v>
          </cell>
          <cell r="D2068">
            <v>8</v>
          </cell>
          <cell r="F2068">
            <v>1.3851</v>
          </cell>
        </row>
        <row r="2069">
          <cell r="C2069">
            <v>2003</v>
          </cell>
          <cell r="D2069">
            <v>8</v>
          </cell>
          <cell r="F2069">
            <v>1.3851</v>
          </cell>
        </row>
        <row r="2070">
          <cell r="C2070">
            <v>2003</v>
          </cell>
          <cell r="D2070">
            <v>9</v>
          </cell>
          <cell r="F2070">
            <v>1.3851</v>
          </cell>
        </row>
        <row r="2071">
          <cell r="C2071">
            <v>2003</v>
          </cell>
          <cell r="D2071">
            <v>9</v>
          </cell>
          <cell r="F2071">
            <v>1.3851</v>
          </cell>
        </row>
        <row r="2072">
          <cell r="C2072">
            <v>2003</v>
          </cell>
          <cell r="D2072">
            <v>9</v>
          </cell>
          <cell r="F2072">
            <v>1.3876999999999999</v>
          </cell>
        </row>
        <row r="2073">
          <cell r="C2073">
            <v>2003</v>
          </cell>
          <cell r="D2073">
            <v>9</v>
          </cell>
          <cell r="F2073">
            <v>1.3812</v>
          </cell>
        </row>
        <row r="2074">
          <cell r="C2074">
            <v>2003</v>
          </cell>
          <cell r="D2074">
            <v>9</v>
          </cell>
          <cell r="F2074">
            <v>1.3731</v>
          </cell>
        </row>
        <row r="2075">
          <cell r="C2075">
            <v>2003</v>
          </cell>
          <cell r="D2075">
            <v>9</v>
          </cell>
          <cell r="F2075">
            <v>1.3711</v>
          </cell>
        </row>
        <row r="2076">
          <cell r="C2076">
            <v>2003</v>
          </cell>
          <cell r="D2076">
            <v>9</v>
          </cell>
          <cell r="F2076">
            <v>1.3711</v>
          </cell>
        </row>
        <row r="2077">
          <cell r="C2077">
            <v>2003</v>
          </cell>
          <cell r="D2077">
            <v>9</v>
          </cell>
          <cell r="F2077">
            <v>1.3711</v>
          </cell>
        </row>
        <row r="2078">
          <cell r="C2078">
            <v>2003</v>
          </cell>
          <cell r="D2078">
            <v>9</v>
          </cell>
          <cell r="F2078">
            <v>1.3707</v>
          </cell>
        </row>
        <row r="2079">
          <cell r="C2079">
            <v>2003</v>
          </cell>
          <cell r="D2079">
            <v>9</v>
          </cell>
          <cell r="F2079">
            <v>1.3671</v>
          </cell>
        </row>
        <row r="2080">
          <cell r="C2080">
            <v>2003</v>
          </cell>
          <cell r="D2080">
            <v>9</v>
          </cell>
          <cell r="F2080">
            <v>1.3658999999999999</v>
          </cell>
        </row>
        <row r="2081">
          <cell r="C2081">
            <v>2003</v>
          </cell>
          <cell r="D2081">
            <v>9</v>
          </cell>
          <cell r="F2081">
            <v>1.371</v>
          </cell>
        </row>
        <row r="2082">
          <cell r="C2082">
            <v>2003</v>
          </cell>
          <cell r="D2082">
            <v>9</v>
          </cell>
          <cell r="F2082">
            <v>1.363</v>
          </cell>
        </row>
        <row r="2083">
          <cell r="C2083">
            <v>2003</v>
          </cell>
          <cell r="D2083">
            <v>9</v>
          </cell>
          <cell r="F2083">
            <v>1.363</v>
          </cell>
        </row>
        <row r="2084">
          <cell r="C2084">
            <v>2003</v>
          </cell>
          <cell r="D2084">
            <v>9</v>
          </cell>
          <cell r="F2084">
            <v>1.363</v>
          </cell>
        </row>
        <row r="2085">
          <cell r="C2085">
            <v>2003</v>
          </cell>
          <cell r="D2085">
            <v>9</v>
          </cell>
          <cell r="F2085">
            <v>1.3658999999999999</v>
          </cell>
        </row>
        <row r="2086">
          <cell r="C2086">
            <v>2003</v>
          </cell>
          <cell r="D2086">
            <v>9</v>
          </cell>
          <cell r="F2086">
            <v>1.369</v>
          </cell>
        </row>
        <row r="2087">
          <cell r="C2087">
            <v>2003</v>
          </cell>
          <cell r="D2087">
            <v>9</v>
          </cell>
          <cell r="F2087">
            <v>1.3661000000000001</v>
          </cell>
        </row>
        <row r="2088">
          <cell r="C2088">
            <v>2003</v>
          </cell>
          <cell r="D2088">
            <v>9</v>
          </cell>
          <cell r="F2088">
            <v>1.3641000000000001</v>
          </cell>
        </row>
        <row r="2089">
          <cell r="C2089">
            <v>2003</v>
          </cell>
          <cell r="D2089">
            <v>9</v>
          </cell>
          <cell r="F2089">
            <v>1.3472</v>
          </cell>
        </row>
        <row r="2090">
          <cell r="C2090">
            <v>2003</v>
          </cell>
          <cell r="D2090">
            <v>9</v>
          </cell>
          <cell r="F2090">
            <v>1.3472</v>
          </cell>
        </row>
        <row r="2091">
          <cell r="C2091">
            <v>2003</v>
          </cell>
          <cell r="D2091">
            <v>9</v>
          </cell>
          <cell r="F2091">
            <v>1.3472</v>
          </cell>
        </row>
        <row r="2092">
          <cell r="C2092">
            <v>2003</v>
          </cell>
          <cell r="D2092">
            <v>9</v>
          </cell>
          <cell r="F2092">
            <v>1.3471</v>
          </cell>
        </row>
        <row r="2093">
          <cell r="C2093">
            <v>2003</v>
          </cell>
          <cell r="D2093">
            <v>9</v>
          </cell>
          <cell r="F2093">
            <v>1.3564000000000001</v>
          </cell>
        </row>
        <row r="2094">
          <cell r="C2094">
            <v>2003</v>
          </cell>
          <cell r="D2094">
            <v>9</v>
          </cell>
          <cell r="F2094">
            <v>1.3543000000000001</v>
          </cell>
        </row>
        <row r="2095">
          <cell r="C2095">
            <v>2003</v>
          </cell>
          <cell r="D2095">
            <v>9</v>
          </cell>
          <cell r="F2095">
            <v>1.3472</v>
          </cell>
        </row>
        <row r="2096">
          <cell r="C2096">
            <v>2003</v>
          </cell>
          <cell r="D2096">
            <v>9</v>
          </cell>
          <cell r="F2096">
            <v>1.3546</v>
          </cell>
        </row>
        <row r="2097">
          <cell r="C2097">
            <v>2003</v>
          </cell>
          <cell r="D2097">
            <v>9</v>
          </cell>
          <cell r="F2097">
            <v>1.3546</v>
          </cell>
        </row>
        <row r="2098">
          <cell r="C2098">
            <v>2003</v>
          </cell>
          <cell r="D2098">
            <v>9</v>
          </cell>
          <cell r="F2098">
            <v>1.3546</v>
          </cell>
        </row>
        <row r="2099">
          <cell r="C2099">
            <v>2003</v>
          </cell>
          <cell r="D2099">
            <v>9</v>
          </cell>
          <cell r="F2099">
            <v>1.3546</v>
          </cell>
        </row>
        <row r="2100">
          <cell r="C2100">
            <v>2003</v>
          </cell>
          <cell r="D2100">
            <v>10</v>
          </cell>
          <cell r="F2100">
            <v>1.3504</v>
          </cell>
        </row>
        <row r="2101">
          <cell r="C2101">
            <v>2003</v>
          </cell>
          <cell r="D2101">
            <v>10</v>
          </cell>
          <cell r="F2101">
            <v>1.3480000000000001</v>
          </cell>
        </row>
        <row r="2102">
          <cell r="C2102">
            <v>2003</v>
          </cell>
          <cell r="D2102">
            <v>10</v>
          </cell>
          <cell r="F2102">
            <v>1.3382000000000001</v>
          </cell>
        </row>
        <row r="2103">
          <cell r="C2103">
            <v>2003</v>
          </cell>
          <cell r="D2103">
            <v>10</v>
          </cell>
          <cell r="F2103">
            <v>1.3418000000000001</v>
          </cell>
        </row>
        <row r="2104">
          <cell r="C2104">
            <v>2003</v>
          </cell>
          <cell r="D2104">
            <v>10</v>
          </cell>
          <cell r="F2104">
            <v>1.3418000000000001</v>
          </cell>
        </row>
        <row r="2105">
          <cell r="C2105">
            <v>2003</v>
          </cell>
          <cell r="D2105">
            <v>10</v>
          </cell>
          <cell r="F2105">
            <v>1.3418000000000001</v>
          </cell>
        </row>
        <row r="2106">
          <cell r="C2106">
            <v>2003</v>
          </cell>
          <cell r="D2106">
            <v>10</v>
          </cell>
          <cell r="F2106">
            <v>1.3411</v>
          </cell>
        </row>
        <row r="2107">
          <cell r="C2107">
            <v>2003</v>
          </cell>
          <cell r="D2107">
            <v>10</v>
          </cell>
          <cell r="F2107">
            <v>1.3293999999999999</v>
          </cell>
        </row>
        <row r="2108">
          <cell r="C2108">
            <v>2003</v>
          </cell>
          <cell r="D2108">
            <v>10</v>
          </cell>
          <cell r="F2108">
            <v>1.3335999999999999</v>
          </cell>
        </row>
        <row r="2109">
          <cell r="C2109">
            <v>2003</v>
          </cell>
          <cell r="D2109">
            <v>10</v>
          </cell>
          <cell r="F2109">
            <v>1.3399000000000001</v>
          </cell>
        </row>
        <row r="2110">
          <cell r="C2110">
            <v>2003</v>
          </cell>
          <cell r="D2110">
            <v>10</v>
          </cell>
          <cell r="F2110">
            <v>1.3205</v>
          </cell>
        </row>
        <row r="2111">
          <cell r="C2111">
            <v>2003</v>
          </cell>
          <cell r="D2111">
            <v>10</v>
          </cell>
          <cell r="F2111">
            <v>1.3205</v>
          </cell>
        </row>
        <row r="2112">
          <cell r="C2112">
            <v>2003</v>
          </cell>
          <cell r="D2112">
            <v>10</v>
          </cell>
          <cell r="F2112">
            <v>1.3205</v>
          </cell>
        </row>
        <row r="2113">
          <cell r="C2113">
            <v>2003</v>
          </cell>
          <cell r="D2113">
            <v>10</v>
          </cell>
          <cell r="F2113">
            <v>1.3205</v>
          </cell>
        </row>
        <row r="2114">
          <cell r="C2114">
            <v>2003</v>
          </cell>
          <cell r="D2114">
            <v>10</v>
          </cell>
          <cell r="F2114">
            <v>1.3232999999999999</v>
          </cell>
        </row>
        <row r="2115">
          <cell r="C2115">
            <v>2003</v>
          </cell>
          <cell r="D2115">
            <v>10</v>
          </cell>
          <cell r="F2115">
            <v>1.3242</v>
          </cell>
        </row>
        <row r="2116">
          <cell r="C2116">
            <v>2003</v>
          </cell>
          <cell r="D2116">
            <v>10</v>
          </cell>
          <cell r="F2116">
            <v>1.3131999999999999</v>
          </cell>
        </row>
        <row r="2117">
          <cell r="C2117">
            <v>2003</v>
          </cell>
          <cell r="D2117">
            <v>10</v>
          </cell>
          <cell r="F2117">
            <v>1.3131999999999999</v>
          </cell>
        </row>
        <row r="2118">
          <cell r="C2118">
            <v>2003</v>
          </cell>
          <cell r="D2118">
            <v>10</v>
          </cell>
          <cell r="F2118">
            <v>1.3131999999999999</v>
          </cell>
        </row>
        <row r="2119">
          <cell r="C2119">
            <v>2003</v>
          </cell>
          <cell r="D2119">
            <v>10</v>
          </cell>
          <cell r="F2119">
            <v>1.3131999999999999</v>
          </cell>
        </row>
        <row r="2120">
          <cell r="C2120">
            <v>2003</v>
          </cell>
          <cell r="D2120">
            <v>10</v>
          </cell>
          <cell r="F2120">
            <v>1.3197000000000001</v>
          </cell>
        </row>
        <row r="2121">
          <cell r="C2121">
            <v>2003</v>
          </cell>
          <cell r="D2121">
            <v>10</v>
          </cell>
          <cell r="F2121">
            <v>1.3156000000000001</v>
          </cell>
        </row>
        <row r="2122">
          <cell r="C2122">
            <v>2003</v>
          </cell>
          <cell r="D2122">
            <v>10</v>
          </cell>
          <cell r="F2122">
            <v>1.3038000000000001</v>
          </cell>
        </row>
        <row r="2123">
          <cell r="C2123">
            <v>2003</v>
          </cell>
          <cell r="D2123">
            <v>10</v>
          </cell>
          <cell r="F2123">
            <v>1.3086</v>
          </cell>
        </row>
        <row r="2124">
          <cell r="C2124">
            <v>2003</v>
          </cell>
          <cell r="D2124">
            <v>10</v>
          </cell>
          <cell r="F2124">
            <v>1.3069</v>
          </cell>
        </row>
        <row r="2125">
          <cell r="C2125">
            <v>2003</v>
          </cell>
          <cell r="D2125">
            <v>10</v>
          </cell>
          <cell r="F2125">
            <v>1.3069</v>
          </cell>
        </row>
        <row r="2126">
          <cell r="C2126">
            <v>2003</v>
          </cell>
          <cell r="D2126">
            <v>10</v>
          </cell>
          <cell r="F2126">
            <v>1.3069</v>
          </cell>
        </row>
        <row r="2127">
          <cell r="C2127">
            <v>2003</v>
          </cell>
          <cell r="D2127">
            <v>10</v>
          </cell>
          <cell r="F2127">
            <v>1.3102</v>
          </cell>
        </row>
        <row r="2128">
          <cell r="C2128">
            <v>2003</v>
          </cell>
          <cell r="D2128">
            <v>10</v>
          </cell>
          <cell r="F2128">
            <v>1.3107</v>
          </cell>
        </row>
        <row r="2129">
          <cell r="C2129">
            <v>2003</v>
          </cell>
          <cell r="D2129">
            <v>10</v>
          </cell>
          <cell r="F2129">
            <v>1.3097000000000001</v>
          </cell>
        </row>
        <row r="2130">
          <cell r="C2130">
            <v>2003</v>
          </cell>
          <cell r="D2130">
            <v>10</v>
          </cell>
          <cell r="F2130">
            <v>1.3071999999999999</v>
          </cell>
        </row>
        <row r="2131">
          <cell r="C2131">
            <v>2003</v>
          </cell>
          <cell r="D2131">
            <v>11</v>
          </cell>
          <cell r="F2131">
            <v>1.3197000000000001</v>
          </cell>
        </row>
        <row r="2132">
          <cell r="C2132">
            <v>2003</v>
          </cell>
          <cell r="D2132">
            <v>11</v>
          </cell>
          <cell r="F2132">
            <v>1.3197000000000001</v>
          </cell>
        </row>
        <row r="2133">
          <cell r="C2133">
            <v>2003</v>
          </cell>
          <cell r="D2133">
            <v>11</v>
          </cell>
          <cell r="F2133">
            <v>1.3197000000000001</v>
          </cell>
        </row>
        <row r="2134">
          <cell r="C2134">
            <v>2003</v>
          </cell>
          <cell r="D2134">
            <v>11</v>
          </cell>
          <cell r="F2134">
            <v>1.3323</v>
          </cell>
        </row>
        <row r="2135">
          <cell r="C2135">
            <v>2003</v>
          </cell>
          <cell r="D2135">
            <v>11</v>
          </cell>
          <cell r="F2135">
            <v>1.3320000000000001</v>
          </cell>
        </row>
        <row r="2136">
          <cell r="C2136">
            <v>2003</v>
          </cell>
          <cell r="D2136">
            <v>11</v>
          </cell>
          <cell r="F2136">
            <v>1.3312999999999999</v>
          </cell>
        </row>
        <row r="2137">
          <cell r="C2137">
            <v>2003</v>
          </cell>
          <cell r="D2137">
            <v>11</v>
          </cell>
          <cell r="F2137">
            <v>1.3359000000000001</v>
          </cell>
        </row>
        <row r="2138">
          <cell r="C2138">
            <v>2003</v>
          </cell>
          <cell r="D2138">
            <v>11</v>
          </cell>
          <cell r="F2138">
            <v>1.3237000000000001</v>
          </cell>
        </row>
        <row r="2139">
          <cell r="C2139">
            <v>2003</v>
          </cell>
          <cell r="D2139">
            <v>11</v>
          </cell>
          <cell r="F2139">
            <v>1.3237000000000001</v>
          </cell>
        </row>
        <row r="2140">
          <cell r="C2140">
            <v>2003</v>
          </cell>
          <cell r="D2140">
            <v>11</v>
          </cell>
          <cell r="F2140">
            <v>1.3237000000000001</v>
          </cell>
        </row>
        <row r="2141">
          <cell r="C2141">
            <v>2003</v>
          </cell>
          <cell r="D2141">
            <v>11</v>
          </cell>
          <cell r="F2141">
            <v>1.3106</v>
          </cell>
        </row>
        <row r="2142">
          <cell r="C2142">
            <v>2003</v>
          </cell>
          <cell r="D2142">
            <v>11</v>
          </cell>
          <cell r="F2142">
            <v>1.3106</v>
          </cell>
        </row>
        <row r="2143">
          <cell r="C2143">
            <v>2003</v>
          </cell>
          <cell r="D2143">
            <v>11</v>
          </cell>
          <cell r="F2143">
            <v>1.3004</v>
          </cell>
        </row>
        <row r="2144">
          <cell r="C2144">
            <v>2003</v>
          </cell>
          <cell r="D2144">
            <v>11</v>
          </cell>
          <cell r="F2144">
            <v>1.2996000000000001</v>
          </cell>
        </row>
        <row r="2145">
          <cell r="C2145">
            <v>2003</v>
          </cell>
          <cell r="D2145">
            <v>11</v>
          </cell>
          <cell r="F2145">
            <v>1.3038000000000001</v>
          </cell>
        </row>
        <row r="2146">
          <cell r="C2146">
            <v>2003</v>
          </cell>
          <cell r="D2146">
            <v>11</v>
          </cell>
          <cell r="F2146">
            <v>1.3038000000000001</v>
          </cell>
        </row>
        <row r="2147">
          <cell r="C2147">
            <v>2003</v>
          </cell>
          <cell r="D2147">
            <v>11</v>
          </cell>
          <cell r="F2147">
            <v>1.3038000000000001</v>
          </cell>
        </row>
        <row r="2148">
          <cell r="C2148">
            <v>2003</v>
          </cell>
          <cell r="D2148">
            <v>11</v>
          </cell>
          <cell r="F2148">
            <v>1.3137000000000001</v>
          </cell>
        </row>
        <row r="2149">
          <cell r="C2149">
            <v>2003</v>
          </cell>
          <cell r="D2149">
            <v>11</v>
          </cell>
          <cell r="F2149">
            <v>1.3024</v>
          </cell>
        </row>
        <row r="2150">
          <cell r="C2150">
            <v>2003</v>
          </cell>
          <cell r="D2150">
            <v>11</v>
          </cell>
          <cell r="F2150">
            <v>1.3035000000000001</v>
          </cell>
        </row>
        <row r="2151">
          <cell r="C2151">
            <v>2003</v>
          </cell>
          <cell r="D2151">
            <v>11</v>
          </cell>
          <cell r="F2151">
            <v>1.3023</v>
          </cell>
        </row>
        <row r="2152">
          <cell r="C2152">
            <v>2003</v>
          </cell>
          <cell r="D2152">
            <v>11</v>
          </cell>
          <cell r="F2152">
            <v>1.3039000000000001</v>
          </cell>
        </row>
        <row r="2153">
          <cell r="C2153">
            <v>2003</v>
          </cell>
          <cell r="D2153">
            <v>11</v>
          </cell>
          <cell r="F2153">
            <v>1.3039000000000001</v>
          </cell>
        </row>
        <row r="2154">
          <cell r="C2154">
            <v>2003</v>
          </cell>
          <cell r="D2154">
            <v>11</v>
          </cell>
          <cell r="F2154">
            <v>1.3039000000000001</v>
          </cell>
        </row>
        <row r="2155">
          <cell r="C2155">
            <v>2003</v>
          </cell>
          <cell r="D2155">
            <v>11</v>
          </cell>
          <cell r="F2155">
            <v>1.3206</v>
          </cell>
        </row>
        <row r="2156">
          <cell r="C2156">
            <v>2003</v>
          </cell>
          <cell r="D2156">
            <v>11</v>
          </cell>
          <cell r="F2156">
            <v>1.3130999999999999</v>
          </cell>
        </row>
        <row r="2157">
          <cell r="C2157">
            <v>2003</v>
          </cell>
          <cell r="D2157">
            <v>11</v>
          </cell>
          <cell r="F2157">
            <v>1.3043</v>
          </cell>
        </row>
        <row r="2158">
          <cell r="C2158">
            <v>2003</v>
          </cell>
          <cell r="D2158">
            <v>11</v>
          </cell>
          <cell r="F2158">
            <v>1.3043</v>
          </cell>
        </row>
        <row r="2159">
          <cell r="C2159">
            <v>2003</v>
          </cell>
          <cell r="D2159">
            <v>11</v>
          </cell>
          <cell r="F2159">
            <v>1.3043</v>
          </cell>
        </row>
        <row r="2160">
          <cell r="C2160">
            <v>2003</v>
          </cell>
          <cell r="D2160">
            <v>11</v>
          </cell>
          <cell r="F2160">
            <v>1.3043</v>
          </cell>
        </row>
        <row r="2161">
          <cell r="C2161">
            <v>2003</v>
          </cell>
          <cell r="D2161">
            <v>12</v>
          </cell>
          <cell r="F2161">
            <v>1.3043</v>
          </cell>
        </row>
        <row r="2162">
          <cell r="C2162">
            <v>2003</v>
          </cell>
          <cell r="D2162">
            <v>12</v>
          </cell>
          <cell r="F2162">
            <v>1.3023</v>
          </cell>
        </row>
        <row r="2163">
          <cell r="C2163">
            <v>2003</v>
          </cell>
          <cell r="D2163">
            <v>12</v>
          </cell>
          <cell r="F2163">
            <v>1.2982</v>
          </cell>
        </row>
        <row r="2164">
          <cell r="C2164">
            <v>2003</v>
          </cell>
          <cell r="D2164">
            <v>12</v>
          </cell>
          <cell r="F2164">
            <v>1.2996000000000001</v>
          </cell>
        </row>
        <row r="2165">
          <cell r="C2165">
            <v>2003</v>
          </cell>
          <cell r="D2165">
            <v>12</v>
          </cell>
          <cell r="F2165">
            <v>1.3122</v>
          </cell>
        </row>
        <row r="2166">
          <cell r="C2166">
            <v>2003</v>
          </cell>
          <cell r="D2166">
            <v>12</v>
          </cell>
          <cell r="F2166">
            <v>1.3045</v>
          </cell>
        </row>
        <row r="2167">
          <cell r="C2167">
            <v>2003</v>
          </cell>
          <cell r="D2167">
            <v>12</v>
          </cell>
          <cell r="F2167">
            <v>1.3045</v>
          </cell>
        </row>
        <row r="2168">
          <cell r="C2168">
            <v>2003</v>
          </cell>
          <cell r="D2168">
            <v>12</v>
          </cell>
          <cell r="F2168">
            <v>1.3045</v>
          </cell>
        </row>
        <row r="2169">
          <cell r="C2169">
            <v>2003</v>
          </cell>
          <cell r="D2169">
            <v>12</v>
          </cell>
          <cell r="F2169">
            <v>1.2963</v>
          </cell>
        </row>
        <row r="2170">
          <cell r="C2170">
            <v>2003</v>
          </cell>
          <cell r="D2170">
            <v>12</v>
          </cell>
          <cell r="F2170">
            <v>1.3091999999999999</v>
          </cell>
        </row>
        <row r="2171">
          <cell r="C2171">
            <v>2003</v>
          </cell>
          <cell r="D2171">
            <v>12</v>
          </cell>
          <cell r="F2171">
            <v>1.3079000000000001</v>
          </cell>
        </row>
        <row r="2172">
          <cell r="C2172">
            <v>2003</v>
          </cell>
          <cell r="D2172">
            <v>12</v>
          </cell>
          <cell r="F2172">
            <v>1.3263</v>
          </cell>
        </row>
        <row r="2173">
          <cell r="C2173">
            <v>2003</v>
          </cell>
          <cell r="D2173">
            <v>12</v>
          </cell>
          <cell r="F2173">
            <v>1.3149999999999999</v>
          </cell>
        </row>
        <row r="2174">
          <cell r="C2174">
            <v>2003</v>
          </cell>
          <cell r="D2174">
            <v>12</v>
          </cell>
          <cell r="F2174">
            <v>1.3149999999999999</v>
          </cell>
        </row>
        <row r="2175">
          <cell r="C2175">
            <v>2003</v>
          </cell>
          <cell r="D2175">
            <v>12</v>
          </cell>
          <cell r="F2175">
            <v>1.3149999999999999</v>
          </cell>
        </row>
        <row r="2176">
          <cell r="C2176">
            <v>2003</v>
          </cell>
          <cell r="D2176">
            <v>12</v>
          </cell>
          <cell r="F2176">
            <v>1.3133999999999999</v>
          </cell>
        </row>
        <row r="2177">
          <cell r="C2177">
            <v>2003</v>
          </cell>
          <cell r="D2177">
            <v>12</v>
          </cell>
          <cell r="F2177">
            <v>1.3183</v>
          </cell>
        </row>
        <row r="2178">
          <cell r="C2178">
            <v>2003</v>
          </cell>
          <cell r="D2178">
            <v>12</v>
          </cell>
          <cell r="F2178">
            <v>1.3250999999999999</v>
          </cell>
        </row>
        <row r="2179">
          <cell r="C2179">
            <v>2003</v>
          </cell>
          <cell r="D2179">
            <v>12</v>
          </cell>
          <cell r="F2179">
            <v>1.3291999999999999</v>
          </cell>
        </row>
        <row r="2180">
          <cell r="C2180">
            <v>2003</v>
          </cell>
          <cell r="D2180">
            <v>12</v>
          </cell>
          <cell r="F2180">
            <v>1.3396999999999999</v>
          </cell>
        </row>
        <row r="2181">
          <cell r="C2181">
            <v>2003</v>
          </cell>
          <cell r="D2181">
            <v>12</v>
          </cell>
          <cell r="F2181">
            <v>1.3396999999999999</v>
          </cell>
        </row>
        <row r="2182">
          <cell r="C2182">
            <v>2003</v>
          </cell>
          <cell r="D2182">
            <v>12</v>
          </cell>
          <cell r="F2182">
            <v>1.3396999999999999</v>
          </cell>
        </row>
        <row r="2183">
          <cell r="C2183">
            <v>2003</v>
          </cell>
          <cell r="D2183">
            <v>12</v>
          </cell>
          <cell r="F2183">
            <v>1.3314999999999999</v>
          </cell>
        </row>
        <row r="2184">
          <cell r="C2184">
            <v>2003</v>
          </cell>
          <cell r="D2184">
            <v>12</v>
          </cell>
          <cell r="F2184">
            <v>1.3240000000000001</v>
          </cell>
        </row>
        <row r="2185">
          <cell r="C2185">
            <v>2003</v>
          </cell>
          <cell r="D2185">
            <v>12</v>
          </cell>
          <cell r="F2185">
            <v>1.3107</v>
          </cell>
        </row>
        <row r="2186">
          <cell r="C2186">
            <v>2003</v>
          </cell>
          <cell r="D2186">
            <v>12</v>
          </cell>
          <cell r="F2186">
            <v>1.3107</v>
          </cell>
        </row>
        <row r="2187">
          <cell r="C2187">
            <v>2003</v>
          </cell>
          <cell r="D2187">
            <v>12</v>
          </cell>
          <cell r="F2187">
            <v>1.3107</v>
          </cell>
        </row>
        <row r="2188">
          <cell r="C2188">
            <v>2003</v>
          </cell>
          <cell r="D2188">
            <v>12</v>
          </cell>
          <cell r="F2188">
            <v>1.3107</v>
          </cell>
        </row>
        <row r="2189">
          <cell r="C2189">
            <v>2003</v>
          </cell>
          <cell r="D2189">
            <v>12</v>
          </cell>
          <cell r="F2189">
            <v>1.3104</v>
          </cell>
        </row>
        <row r="2190">
          <cell r="C2190">
            <v>2003</v>
          </cell>
          <cell r="D2190">
            <v>12</v>
          </cell>
          <cell r="F2190">
            <v>1.3032999999999999</v>
          </cell>
        </row>
        <row r="2191">
          <cell r="C2191">
            <v>2003</v>
          </cell>
          <cell r="D2191">
            <v>12</v>
          </cell>
          <cell r="F2191">
            <v>1.2924</v>
          </cell>
        </row>
        <row r="2192">
          <cell r="C2192">
            <v>2004</v>
          </cell>
          <cell r="D2192">
            <v>1</v>
          </cell>
          <cell r="F2192">
            <v>1.29</v>
          </cell>
        </row>
        <row r="2193">
          <cell r="C2193">
            <v>2004</v>
          </cell>
          <cell r="D2193">
            <v>1</v>
          </cell>
          <cell r="F2193">
            <v>1.29</v>
          </cell>
        </row>
        <row r="2194">
          <cell r="C2194">
            <v>2004</v>
          </cell>
          <cell r="D2194">
            <v>1</v>
          </cell>
          <cell r="F2194">
            <v>1.29</v>
          </cell>
        </row>
        <row r="2195">
          <cell r="C2195">
            <v>2004</v>
          </cell>
          <cell r="D2195">
            <v>1</v>
          </cell>
          <cell r="F2195">
            <v>1.29</v>
          </cell>
        </row>
        <row r="2196">
          <cell r="C2196">
            <v>2004</v>
          </cell>
          <cell r="D2196">
            <v>1</v>
          </cell>
          <cell r="F2196">
            <v>1.2803</v>
          </cell>
        </row>
        <row r="2197">
          <cell r="C2197">
            <v>2004</v>
          </cell>
          <cell r="D2197">
            <v>1</v>
          </cell>
          <cell r="F2197">
            <v>1.2803</v>
          </cell>
        </row>
        <row r="2198">
          <cell r="C2198">
            <v>2004</v>
          </cell>
          <cell r="D2198">
            <v>1</v>
          </cell>
          <cell r="F2198">
            <v>1.2819</v>
          </cell>
        </row>
        <row r="2199">
          <cell r="C2199">
            <v>2004</v>
          </cell>
          <cell r="D2199">
            <v>1</v>
          </cell>
          <cell r="F2199">
            <v>1.2882</v>
          </cell>
        </row>
        <row r="2200">
          <cell r="C2200">
            <v>2004</v>
          </cell>
          <cell r="D2200">
            <v>1</v>
          </cell>
          <cell r="F2200">
            <v>1.2787999999999999</v>
          </cell>
        </row>
        <row r="2201">
          <cell r="C2201">
            <v>2004</v>
          </cell>
          <cell r="D2201">
            <v>1</v>
          </cell>
          <cell r="F2201">
            <v>1.2692000000000001</v>
          </cell>
        </row>
        <row r="2202">
          <cell r="C2202">
            <v>2004</v>
          </cell>
          <cell r="D2202">
            <v>1</v>
          </cell>
          <cell r="F2202">
            <v>1.2692000000000001</v>
          </cell>
        </row>
        <row r="2203">
          <cell r="C2203">
            <v>2004</v>
          </cell>
          <cell r="D2203">
            <v>1</v>
          </cell>
          <cell r="F2203">
            <v>1.2692000000000001</v>
          </cell>
        </row>
        <row r="2204">
          <cell r="C2204">
            <v>2004</v>
          </cell>
          <cell r="D2204">
            <v>1</v>
          </cell>
          <cell r="F2204">
            <v>1.2736000000000001</v>
          </cell>
        </row>
        <row r="2205">
          <cell r="C2205">
            <v>2004</v>
          </cell>
          <cell r="D2205">
            <v>1</v>
          </cell>
          <cell r="F2205">
            <v>1.2728999999999999</v>
          </cell>
        </row>
        <row r="2206">
          <cell r="C2206">
            <v>2004</v>
          </cell>
          <cell r="D2206">
            <v>1</v>
          </cell>
          <cell r="F2206">
            <v>1.2868999999999999</v>
          </cell>
        </row>
        <row r="2207">
          <cell r="C2207">
            <v>2004</v>
          </cell>
          <cell r="D2207">
            <v>1</v>
          </cell>
          <cell r="F2207">
            <v>1.2979000000000001</v>
          </cell>
        </row>
        <row r="2208">
          <cell r="C2208">
            <v>2004</v>
          </cell>
          <cell r="D2208">
            <v>1</v>
          </cell>
          <cell r="F2208">
            <v>1.2978000000000001</v>
          </cell>
        </row>
        <row r="2209">
          <cell r="C2209">
            <v>2004</v>
          </cell>
          <cell r="D2209">
            <v>1</v>
          </cell>
          <cell r="F2209">
            <v>1.2978000000000001</v>
          </cell>
        </row>
        <row r="2210">
          <cell r="C2210">
            <v>2004</v>
          </cell>
          <cell r="D2210">
            <v>1</v>
          </cell>
          <cell r="F2210">
            <v>1.2978000000000001</v>
          </cell>
        </row>
        <row r="2211">
          <cell r="C2211">
            <v>2004</v>
          </cell>
          <cell r="D2211">
            <v>1</v>
          </cell>
          <cell r="F2211">
            <v>1.2978000000000001</v>
          </cell>
        </row>
        <row r="2212">
          <cell r="C2212">
            <v>2004</v>
          </cell>
          <cell r="D2212">
            <v>1</v>
          </cell>
          <cell r="F2212">
            <v>1.2862</v>
          </cell>
        </row>
        <row r="2213">
          <cell r="C2213">
            <v>2004</v>
          </cell>
          <cell r="D2213">
            <v>1</v>
          </cell>
          <cell r="F2213">
            <v>1.3008999999999999</v>
          </cell>
        </row>
        <row r="2214">
          <cell r="C2214">
            <v>2004</v>
          </cell>
          <cell r="D2214">
            <v>1</v>
          </cell>
          <cell r="F2214">
            <v>1.2967</v>
          </cell>
        </row>
        <row r="2215">
          <cell r="C2215">
            <v>2004</v>
          </cell>
          <cell r="D2215">
            <v>1</v>
          </cell>
          <cell r="F2215">
            <v>1.3119000000000001</v>
          </cell>
        </row>
        <row r="2216">
          <cell r="C2216">
            <v>2004</v>
          </cell>
          <cell r="D2216">
            <v>1</v>
          </cell>
          <cell r="F2216">
            <v>1.3119000000000001</v>
          </cell>
        </row>
        <row r="2217">
          <cell r="C2217">
            <v>2004</v>
          </cell>
          <cell r="D2217">
            <v>1</v>
          </cell>
          <cell r="F2217">
            <v>1.3119000000000001</v>
          </cell>
        </row>
        <row r="2218">
          <cell r="C2218">
            <v>2004</v>
          </cell>
          <cell r="D2218">
            <v>1</v>
          </cell>
          <cell r="F2218">
            <v>1.3136000000000001</v>
          </cell>
        </row>
        <row r="2219">
          <cell r="C2219">
            <v>2004</v>
          </cell>
          <cell r="D2219">
            <v>1</v>
          </cell>
          <cell r="F2219">
            <v>1.3048999999999999</v>
          </cell>
        </row>
        <row r="2220">
          <cell r="C2220">
            <v>2004</v>
          </cell>
          <cell r="D2220">
            <v>1</v>
          </cell>
          <cell r="F2220">
            <v>1.3217000000000001</v>
          </cell>
        </row>
        <row r="2221">
          <cell r="C2221">
            <v>2004</v>
          </cell>
          <cell r="D2221">
            <v>1</v>
          </cell>
          <cell r="F2221">
            <v>1.3339000000000001</v>
          </cell>
        </row>
        <row r="2222">
          <cell r="C2222">
            <v>2004</v>
          </cell>
          <cell r="D2222">
            <v>1</v>
          </cell>
          <cell r="F2222">
            <v>1.3264</v>
          </cell>
        </row>
        <row r="2223">
          <cell r="C2223">
            <v>2004</v>
          </cell>
          <cell r="D2223">
            <v>2</v>
          </cell>
          <cell r="F2223">
            <v>1.3264</v>
          </cell>
        </row>
        <row r="2224">
          <cell r="C2224">
            <v>2004</v>
          </cell>
          <cell r="D2224">
            <v>2</v>
          </cell>
          <cell r="F2224">
            <v>1.3264</v>
          </cell>
        </row>
        <row r="2225">
          <cell r="C2225">
            <v>2004</v>
          </cell>
          <cell r="D2225">
            <v>2</v>
          </cell>
          <cell r="F2225">
            <v>1.3384</v>
          </cell>
        </row>
        <row r="2226">
          <cell r="C2226">
            <v>2004</v>
          </cell>
          <cell r="D2226">
            <v>2</v>
          </cell>
          <cell r="F2226">
            <v>1.3373999999999999</v>
          </cell>
        </row>
        <row r="2227">
          <cell r="C2227">
            <v>2004</v>
          </cell>
          <cell r="D2227">
            <v>2</v>
          </cell>
          <cell r="F2227">
            <v>1.3327</v>
          </cell>
        </row>
        <row r="2228">
          <cell r="C2228">
            <v>2004</v>
          </cell>
          <cell r="D2228">
            <v>2</v>
          </cell>
          <cell r="F2228">
            <v>1.3319000000000001</v>
          </cell>
        </row>
        <row r="2229">
          <cell r="C2229">
            <v>2004</v>
          </cell>
          <cell r="D2229">
            <v>2</v>
          </cell>
          <cell r="F2229">
            <v>1.3290999999999999</v>
          </cell>
        </row>
        <row r="2230">
          <cell r="C2230">
            <v>2004</v>
          </cell>
          <cell r="D2230">
            <v>2</v>
          </cell>
          <cell r="F2230">
            <v>1.3290999999999999</v>
          </cell>
        </row>
        <row r="2231">
          <cell r="C2231">
            <v>2004</v>
          </cell>
          <cell r="D2231">
            <v>2</v>
          </cell>
          <cell r="F2231">
            <v>1.3290999999999999</v>
          </cell>
        </row>
        <row r="2232">
          <cell r="C2232">
            <v>2004</v>
          </cell>
          <cell r="D2232">
            <v>2</v>
          </cell>
          <cell r="F2232">
            <v>1.3304</v>
          </cell>
        </row>
        <row r="2233">
          <cell r="C2233">
            <v>2004</v>
          </cell>
          <cell r="D2233">
            <v>2</v>
          </cell>
          <cell r="F2233">
            <v>1.3289</v>
          </cell>
        </row>
        <row r="2234">
          <cell r="C2234">
            <v>2004</v>
          </cell>
          <cell r="D2234">
            <v>2</v>
          </cell>
          <cell r="F2234">
            <v>1.3179000000000001</v>
          </cell>
        </row>
        <row r="2235">
          <cell r="C2235">
            <v>2004</v>
          </cell>
          <cell r="D2235">
            <v>2</v>
          </cell>
          <cell r="F2235">
            <v>1.3190999999999999</v>
          </cell>
        </row>
        <row r="2236">
          <cell r="C2236">
            <v>2004</v>
          </cell>
          <cell r="D2236">
            <v>2</v>
          </cell>
          <cell r="F2236">
            <v>1.3149999999999999</v>
          </cell>
        </row>
        <row r="2237">
          <cell r="C2237">
            <v>2004</v>
          </cell>
          <cell r="D2237">
            <v>2</v>
          </cell>
          <cell r="F2237">
            <v>1.3149999999999999</v>
          </cell>
        </row>
        <row r="2238">
          <cell r="C2238">
            <v>2004</v>
          </cell>
          <cell r="D2238">
            <v>2</v>
          </cell>
          <cell r="F2238">
            <v>1.3149999999999999</v>
          </cell>
        </row>
        <row r="2239">
          <cell r="C2239">
            <v>2004</v>
          </cell>
          <cell r="D2239">
            <v>2</v>
          </cell>
          <cell r="F2239">
            <v>1.3149999999999999</v>
          </cell>
        </row>
        <row r="2240">
          <cell r="C2240">
            <v>2004</v>
          </cell>
          <cell r="D2240">
            <v>2</v>
          </cell>
          <cell r="F2240">
            <v>1.3102</v>
          </cell>
        </row>
        <row r="2241">
          <cell r="C2241">
            <v>2004</v>
          </cell>
          <cell r="D2241">
            <v>2</v>
          </cell>
          <cell r="F2241">
            <v>1.3180000000000001</v>
          </cell>
        </row>
        <row r="2242">
          <cell r="C2242">
            <v>2004</v>
          </cell>
          <cell r="D2242">
            <v>2</v>
          </cell>
          <cell r="F2242">
            <v>1.3274999999999999</v>
          </cell>
        </row>
        <row r="2243">
          <cell r="C2243">
            <v>2004</v>
          </cell>
          <cell r="D2243">
            <v>2</v>
          </cell>
          <cell r="F2243">
            <v>1.3440000000000001</v>
          </cell>
        </row>
        <row r="2244">
          <cell r="C2244">
            <v>2004</v>
          </cell>
          <cell r="D2244">
            <v>2</v>
          </cell>
          <cell r="F2244">
            <v>1.3440000000000001</v>
          </cell>
        </row>
        <row r="2245">
          <cell r="C2245">
            <v>2004</v>
          </cell>
          <cell r="D2245">
            <v>2</v>
          </cell>
          <cell r="F2245">
            <v>1.3440000000000001</v>
          </cell>
        </row>
        <row r="2246">
          <cell r="C2246">
            <v>2004</v>
          </cell>
          <cell r="D2246">
            <v>2</v>
          </cell>
          <cell r="F2246">
            <v>1.3357000000000001</v>
          </cell>
        </row>
        <row r="2247">
          <cell r="C2247">
            <v>2004</v>
          </cell>
          <cell r="D2247">
            <v>2</v>
          </cell>
          <cell r="F2247">
            <v>1.3280000000000001</v>
          </cell>
        </row>
        <row r="2248">
          <cell r="C2248">
            <v>2004</v>
          </cell>
          <cell r="D2248">
            <v>2</v>
          </cell>
          <cell r="F2248">
            <v>1.337</v>
          </cell>
        </row>
        <row r="2249">
          <cell r="C2249">
            <v>2004</v>
          </cell>
          <cell r="D2249">
            <v>2</v>
          </cell>
          <cell r="F2249">
            <v>1.3431999999999999</v>
          </cell>
        </row>
        <row r="2250">
          <cell r="C2250">
            <v>2004</v>
          </cell>
          <cell r="D2250">
            <v>2</v>
          </cell>
          <cell r="F2250">
            <v>1.3401000000000001</v>
          </cell>
        </row>
        <row r="2251">
          <cell r="C2251">
            <v>2004</v>
          </cell>
          <cell r="D2251">
            <v>2</v>
          </cell>
          <cell r="F2251">
            <v>1.3401000000000001</v>
          </cell>
        </row>
        <row r="2252">
          <cell r="C2252">
            <v>2004</v>
          </cell>
          <cell r="D2252">
            <v>3</v>
          </cell>
          <cell r="F2252">
            <v>1.3401000000000001</v>
          </cell>
        </row>
        <row r="2253">
          <cell r="C2253">
            <v>2004</v>
          </cell>
          <cell r="D2253">
            <v>3</v>
          </cell>
          <cell r="F2253">
            <v>1.3391</v>
          </cell>
        </row>
        <row r="2254">
          <cell r="C2254">
            <v>2004</v>
          </cell>
          <cell r="D2254">
            <v>3</v>
          </cell>
          <cell r="F2254">
            <v>1.3431</v>
          </cell>
        </row>
        <row r="2255">
          <cell r="C2255">
            <v>2004</v>
          </cell>
          <cell r="D2255">
            <v>3</v>
          </cell>
          <cell r="F2255">
            <v>1.3475999999999999</v>
          </cell>
        </row>
        <row r="2256">
          <cell r="C2256">
            <v>2004</v>
          </cell>
          <cell r="D2256">
            <v>3</v>
          </cell>
          <cell r="F2256">
            <v>1.3324</v>
          </cell>
        </row>
        <row r="2257">
          <cell r="C2257">
            <v>2004</v>
          </cell>
          <cell r="D2257">
            <v>3</v>
          </cell>
          <cell r="F2257">
            <v>1.3186</v>
          </cell>
        </row>
        <row r="2258">
          <cell r="C2258">
            <v>2004</v>
          </cell>
          <cell r="D2258">
            <v>3</v>
          </cell>
          <cell r="F2258">
            <v>1.3186</v>
          </cell>
        </row>
        <row r="2259">
          <cell r="C2259">
            <v>2004</v>
          </cell>
          <cell r="D2259">
            <v>3</v>
          </cell>
          <cell r="F2259">
            <v>1.3186</v>
          </cell>
        </row>
        <row r="2260">
          <cell r="C2260">
            <v>2004</v>
          </cell>
          <cell r="D2260">
            <v>3</v>
          </cell>
          <cell r="F2260">
            <v>1.3229</v>
          </cell>
        </row>
        <row r="2261">
          <cell r="C2261">
            <v>2004</v>
          </cell>
          <cell r="D2261">
            <v>3</v>
          </cell>
          <cell r="F2261">
            <v>1.319</v>
          </cell>
        </row>
        <row r="2262">
          <cell r="C2262">
            <v>2004</v>
          </cell>
          <cell r="D2262">
            <v>3</v>
          </cell>
          <cell r="F2262">
            <v>1.327</v>
          </cell>
        </row>
        <row r="2263">
          <cell r="C2263">
            <v>2004</v>
          </cell>
          <cell r="D2263">
            <v>3</v>
          </cell>
          <cell r="F2263">
            <v>1.3227</v>
          </cell>
        </row>
        <row r="2264">
          <cell r="C2264">
            <v>2004</v>
          </cell>
          <cell r="D2264">
            <v>3</v>
          </cell>
          <cell r="F2264">
            <v>1.3374999999999999</v>
          </cell>
        </row>
        <row r="2265">
          <cell r="C2265">
            <v>2004</v>
          </cell>
          <cell r="D2265">
            <v>3</v>
          </cell>
          <cell r="F2265">
            <v>1.3374999999999999</v>
          </cell>
        </row>
        <row r="2266">
          <cell r="C2266">
            <v>2004</v>
          </cell>
          <cell r="D2266">
            <v>3</v>
          </cell>
          <cell r="F2266">
            <v>1.3374999999999999</v>
          </cell>
        </row>
        <row r="2267">
          <cell r="C2267">
            <v>2004</v>
          </cell>
          <cell r="D2267">
            <v>3</v>
          </cell>
          <cell r="F2267">
            <v>1.3324</v>
          </cell>
        </row>
        <row r="2268">
          <cell r="C2268">
            <v>2004</v>
          </cell>
          <cell r="D2268">
            <v>3</v>
          </cell>
          <cell r="F2268">
            <v>1.3333999999999999</v>
          </cell>
        </row>
        <row r="2269">
          <cell r="C2269">
            <v>2004</v>
          </cell>
          <cell r="D2269">
            <v>3</v>
          </cell>
          <cell r="F2269">
            <v>1.3411</v>
          </cell>
        </row>
        <row r="2270">
          <cell r="C2270">
            <v>2004</v>
          </cell>
          <cell r="D2270">
            <v>3</v>
          </cell>
          <cell r="F2270">
            <v>1.3291999999999999</v>
          </cell>
        </row>
        <row r="2271">
          <cell r="C2271">
            <v>2004</v>
          </cell>
          <cell r="D2271">
            <v>3</v>
          </cell>
          <cell r="F2271">
            <v>1.331</v>
          </cell>
        </row>
        <row r="2272">
          <cell r="C2272">
            <v>2004</v>
          </cell>
          <cell r="D2272">
            <v>3</v>
          </cell>
          <cell r="F2272">
            <v>1.331</v>
          </cell>
        </row>
        <row r="2273">
          <cell r="C2273">
            <v>2004</v>
          </cell>
          <cell r="D2273">
            <v>3</v>
          </cell>
          <cell r="F2273">
            <v>1.331</v>
          </cell>
        </row>
        <row r="2274">
          <cell r="C2274">
            <v>2004</v>
          </cell>
          <cell r="D2274">
            <v>3</v>
          </cell>
          <cell r="F2274">
            <v>1.3275999999999999</v>
          </cell>
        </row>
        <row r="2275">
          <cell r="C2275">
            <v>2004</v>
          </cell>
          <cell r="D2275">
            <v>3</v>
          </cell>
          <cell r="F2275">
            <v>1.3314999999999999</v>
          </cell>
        </row>
        <row r="2276">
          <cell r="C2276">
            <v>2004</v>
          </cell>
          <cell r="D2276">
            <v>3</v>
          </cell>
          <cell r="F2276">
            <v>1.3387</v>
          </cell>
        </row>
        <row r="2277">
          <cell r="C2277">
            <v>2004</v>
          </cell>
          <cell r="D2277">
            <v>3</v>
          </cell>
          <cell r="F2277">
            <v>1.3299000000000001</v>
          </cell>
        </row>
        <row r="2278">
          <cell r="C2278">
            <v>2004</v>
          </cell>
          <cell r="D2278">
            <v>3</v>
          </cell>
          <cell r="F2278">
            <v>1.32</v>
          </cell>
        </row>
        <row r="2279">
          <cell r="C2279">
            <v>2004</v>
          </cell>
          <cell r="D2279">
            <v>3</v>
          </cell>
          <cell r="F2279">
            <v>1.32</v>
          </cell>
        </row>
        <row r="2280">
          <cell r="C2280">
            <v>2004</v>
          </cell>
          <cell r="D2280">
            <v>3</v>
          </cell>
          <cell r="F2280">
            <v>1.32</v>
          </cell>
        </row>
        <row r="2281">
          <cell r="C2281">
            <v>2004</v>
          </cell>
          <cell r="D2281">
            <v>3</v>
          </cell>
          <cell r="F2281">
            <v>1.3090999999999999</v>
          </cell>
        </row>
        <row r="2282">
          <cell r="C2282">
            <v>2004</v>
          </cell>
          <cell r="D2282">
            <v>3</v>
          </cell>
          <cell r="F2282">
            <v>1.3079000000000001</v>
          </cell>
        </row>
        <row r="2283">
          <cell r="C2283">
            <v>2004</v>
          </cell>
          <cell r="D2283">
            <v>4</v>
          </cell>
          <cell r="F2283">
            <v>1.3105</v>
          </cell>
        </row>
        <row r="2284">
          <cell r="C2284">
            <v>2004</v>
          </cell>
          <cell r="D2284">
            <v>4</v>
          </cell>
          <cell r="F2284">
            <v>1.3101</v>
          </cell>
        </row>
        <row r="2285">
          <cell r="C2285">
            <v>2004</v>
          </cell>
          <cell r="D2285">
            <v>4</v>
          </cell>
          <cell r="F2285">
            <v>1.3156000000000001</v>
          </cell>
        </row>
        <row r="2286">
          <cell r="C2286">
            <v>2004</v>
          </cell>
          <cell r="D2286">
            <v>4</v>
          </cell>
          <cell r="F2286">
            <v>1.3156000000000001</v>
          </cell>
        </row>
        <row r="2287">
          <cell r="C2287">
            <v>2004</v>
          </cell>
          <cell r="D2287">
            <v>4</v>
          </cell>
          <cell r="F2287">
            <v>1.3156000000000001</v>
          </cell>
        </row>
        <row r="2288">
          <cell r="C2288">
            <v>2004</v>
          </cell>
          <cell r="D2288">
            <v>4</v>
          </cell>
          <cell r="F2288">
            <v>1.3147</v>
          </cell>
        </row>
        <row r="2289">
          <cell r="C2289">
            <v>2004</v>
          </cell>
          <cell r="D2289">
            <v>4</v>
          </cell>
          <cell r="F2289">
            <v>1.3092999999999999</v>
          </cell>
        </row>
        <row r="2290">
          <cell r="C2290">
            <v>2004</v>
          </cell>
          <cell r="D2290">
            <v>4</v>
          </cell>
          <cell r="F2290">
            <v>1.3129999999999999</v>
          </cell>
        </row>
        <row r="2291">
          <cell r="C2291">
            <v>2004</v>
          </cell>
          <cell r="D2291">
            <v>4</v>
          </cell>
          <cell r="F2291">
            <v>1.3260000000000001</v>
          </cell>
        </row>
        <row r="2292">
          <cell r="C2292">
            <v>2004</v>
          </cell>
          <cell r="D2292">
            <v>4</v>
          </cell>
          <cell r="F2292">
            <v>1.3260000000000001</v>
          </cell>
        </row>
        <row r="2293">
          <cell r="C2293">
            <v>2004</v>
          </cell>
          <cell r="D2293">
            <v>4</v>
          </cell>
          <cell r="F2293">
            <v>1.3260000000000001</v>
          </cell>
        </row>
        <row r="2294">
          <cell r="C2294">
            <v>2004</v>
          </cell>
          <cell r="D2294">
            <v>4</v>
          </cell>
          <cell r="F2294">
            <v>1.3260000000000001</v>
          </cell>
        </row>
        <row r="2295">
          <cell r="C2295">
            <v>2004</v>
          </cell>
          <cell r="D2295">
            <v>4</v>
          </cell>
          <cell r="F2295">
            <v>1.3374999999999999</v>
          </cell>
        </row>
        <row r="2296">
          <cell r="C2296">
            <v>2004</v>
          </cell>
          <cell r="D2296">
            <v>4</v>
          </cell>
          <cell r="F2296">
            <v>1.3359000000000001</v>
          </cell>
        </row>
        <row r="2297">
          <cell r="C2297">
            <v>2004</v>
          </cell>
          <cell r="D2297">
            <v>4</v>
          </cell>
          <cell r="F2297">
            <v>1.3440000000000001</v>
          </cell>
        </row>
        <row r="2298">
          <cell r="C2298">
            <v>2004</v>
          </cell>
          <cell r="D2298">
            <v>4</v>
          </cell>
          <cell r="F2298">
            <v>1.3472</v>
          </cell>
        </row>
        <row r="2299">
          <cell r="C2299">
            <v>2004</v>
          </cell>
          <cell r="D2299">
            <v>4</v>
          </cell>
          <cell r="F2299">
            <v>1.3445</v>
          </cell>
        </row>
        <row r="2300">
          <cell r="C2300">
            <v>2004</v>
          </cell>
          <cell r="D2300">
            <v>4</v>
          </cell>
          <cell r="F2300">
            <v>1.3445</v>
          </cell>
        </row>
        <row r="2301">
          <cell r="C2301">
            <v>2004</v>
          </cell>
          <cell r="D2301">
            <v>4</v>
          </cell>
          <cell r="F2301">
            <v>1.3445</v>
          </cell>
        </row>
        <row r="2302">
          <cell r="C2302">
            <v>2004</v>
          </cell>
          <cell r="D2302">
            <v>4</v>
          </cell>
          <cell r="F2302">
            <v>1.3466</v>
          </cell>
        </row>
        <row r="2303">
          <cell r="C2303">
            <v>2004</v>
          </cell>
          <cell r="D2303">
            <v>4</v>
          </cell>
          <cell r="F2303">
            <v>1.3534999999999999</v>
          </cell>
        </row>
        <row r="2304">
          <cell r="C2304">
            <v>2004</v>
          </cell>
          <cell r="D2304">
            <v>4</v>
          </cell>
          <cell r="F2304">
            <v>1.3589</v>
          </cell>
        </row>
        <row r="2305">
          <cell r="C2305">
            <v>2004</v>
          </cell>
          <cell r="D2305">
            <v>4</v>
          </cell>
          <cell r="F2305">
            <v>1.3585</v>
          </cell>
        </row>
        <row r="2306">
          <cell r="C2306">
            <v>2004</v>
          </cell>
          <cell r="D2306">
            <v>4</v>
          </cell>
          <cell r="F2306">
            <v>1.3611</v>
          </cell>
        </row>
        <row r="2307">
          <cell r="C2307">
            <v>2004</v>
          </cell>
          <cell r="D2307">
            <v>4</v>
          </cell>
          <cell r="F2307">
            <v>1.3611</v>
          </cell>
        </row>
        <row r="2308">
          <cell r="C2308">
            <v>2004</v>
          </cell>
          <cell r="D2308">
            <v>4</v>
          </cell>
          <cell r="F2308">
            <v>1.3611</v>
          </cell>
        </row>
        <row r="2309">
          <cell r="C2309">
            <v>2004</v>
          </cell>
          <cell r="D2309">
            <v>4</v>
          </cell>
          <cell r="F2309">
            <v>1.3555999999999999</v>
          </cell>
        </row>
        <row r="2310">
          <cell r="C2310">
            <v>2004</v>
          </cell>
          <cell r="D2310">
            <v>4</v>
          </cell>
          <cell r="F2310">
            <v>1.3517999999999999</v>
          </cell>
        </row>
        <row r="2311">
          <cell r="C2311">
            <v>2004</v>
          </cell>
          <cell r="D2311">
            <v>4</v>
          </cell>
          <cell r="F2311">
            <v>1.3673999999999999</v>
          </cell>
        </row>
        <row r="2312">
          <cell r="C2312">
            <v>2004</v>
          </cell>
          <cell r="D2312">
            <v>4</v>
          </cell>
          <cell r="F2312">
            <v>1.3695999999999999</v>
          </cell>
        </row>
        <row r="2313">
          <cell r="C2313">
            <v>2004</v>
          </cell>
          <cell r="D2313">
            <v>5</v>
          </cell>
          <cell r="F2313">
            <v>1.3707</v>
          </cell>
        </row>
        <row r="2314">
          <cell r="C2314">
            <v>2004</v>
          </cell>
          <cell r="D2314">
            <v>5</v>
          </cell>
          <cell r="F2314">
            <v>1.3707</v>
          </cell>
        </row>
        <row r="2315">
          <cell r="C2315">
            <v>2004</v>
          </cell>
          <cell r="D2315">
            <v>5</v>
          </cell>
          <cell r="F2315">
            <v>1.3707</v>
          </cell>
        </row>
        <row r="2316">
          <cell r="C2316">
            <v>2004</v>
          </cell>
          <cell r="D2316">
            <v>5</v>
          </cell>
          <cell r="F2316">
            <v>1.3738999999999999</v>
          </cell>
        </row>
        <row r="2317">
          <cell r="C2317">
            <v>2004</v>
          </cell>
          <cell r="D2317">
            <v>5</v>
          </cell>
          <cell r="F2317">
            <v>1.3696999999999999</v>
          </cell>
        </row>
        <row r="2318">
          <cell r="C2318">
            <v>2004</v>
          </cell>
          <cell r="D2318">
            <v>5</v>
          </cell>
          <cell r="F2318">
            <v>1.3728</v>
          </cell>
        </row>
        <row r="2319">
          <cell r="C2319">
            <v>2004</v>
          </cell>
          <cell r="D2319">
            <v>5</v>
          </cell>
          <cell r="F2319">
            <v>1.3779999999999999</v>
          </cell>
        </row>
        <row r="2320">
          <cell r="C2320">
            <v>2004</v>
          </cell>
          <cell r="D2320">
            <v>5</v>
          </cell>
          <cell r="F2320">
            <v>1.3855999999999999</v>
          </cell>
        </row>
        <row r="2321">
          <cell r="C2321">
            <v>2004</v>
          </cell>
          <cell r="D2321">
            <v>5</v>
          </cell>
          <cell r="F2321">
            <v>1.3855999999999999</v>
          </cell>
        </row>
        <row r="2322">
          <cell r="C2322">
            <v>2004</v>
          </cell>
          <cell r="D2322">
            <v>5</v>
          </cell>
          <cell r="F2322">
            <v>1.3855999999999999</v>
          </cell>
        </row>
        <row r="2323">
          <cell r="C2323">
            <v>2004</v>
          </cell>
          <cell r="D2323">
            <v>5</v>
          </cell>
          <cell r="F2323">
            <v>1.3931</v>
          </cell>
        </row>
        <row r="2324">
          <cell r="C2324">
            <v>2004</v>
          </cell>
          <cell r="D2324">
            <v>5</v>
          </cell>
          <cell r="F2324">
            <v>1.3866000000000001</v>
          </cell>
        </row>
        <row r="2325">
          <cell r="C2325">
            <v>2004</v>
          </cell>
          <cell r="D2325">
            <v>5</v>
          </cell>
          <cell r="F2325">
            <v>1.3877999999999999</v>
          </cell>
        </row>
        <row r="2326">
          <cell r="C2326">
            <v>2004</v>
          </cell>
          <cell r="D2326">
            <v>5</v>
          </cell>
          <cell r="F2326">
            <v>1.3968</v>
          </cell>
        </row>
        <row r="2327">
          <cell r="C2327">
            <v>2004</v>
          </cell>
          <cell r="D2327">
            <v>5</v>
          </cell>
          <cell r="F2327">
            <v>1.3925000000000001</v>
          </cell>
        </row>
        <row r="2328">
          <cell r="C2328">
            <v>2004</v>
          </cell>
          <cell r="D2328">
            <v>5</v>
          </cell>
          <cell r="F2328">
            <v>1.3925000000000001</v>
          </cell>
        </row>
        <row r="2329">
          <cell r="C2329">
            <v>2004</v>
          </cell>
          <cell r="D2329">
            <v>5</v>
          </cell>
          <cell r="F2329">
            <v>1.3925000000000001</v>
          </cell>
        </row>
        <row r="2330">
          <cell r="C2330">
            <v>2004</v>
          </cell>
          <cell r="D2330">
            <v>5</v>
          </cell>
          <cell r="F2330">
            <v>1.3851</v>
          </cell>
        </row>
        <row r="2331">
          <cell r="C2331">
            <v>2004</v>
          </cell>
          <cell r="D2331">
            <v>5</v>
          </cell>
          <cell r="F2331">
            <v>1.3912</v>
          </cell>
        </row>
        <row r="2332">
          <cell r="C2332">
            <v>2004</v>
          </cell>
          <cell r="D2332">
            <v>5</v>
          </cell>
          <cell r="F2332">
            <v>1.3766</v>
          </cell>
        </row>
        <row r="2333">
          <cell r="C2333">
            <v>2004</v>
          </cell>
          <cell r="D2333">
            <v>5</v>
          </cell>
          <cell r="F2333">
            <v>1.3704000000000001</v>
          </cell>
        </row>
        <row r="2334">
          <cell r="C2334">
            <v>2004</v>
          </cell>
          <cell r="D2334">
            <v>5</v>
          </cell>
          <cell r="F2334">
            <v>1.3731</v>
          </cell>
        </row>
        <row r="2335">
          <cell r="C2335">
            <v>2004</v>
          </cell>
          <cell r="D2335">
            <v>5</v>
          </cell>
          <cell r="F2335">
            <v>1.3731</v>
          </cell>
        </row>
        <row r="2336">
          <cell r="C2336">
            <v>2004</v>
          </cell>
          <cell r="D2336">
            <v>5</v>
          </cell>
          <cell r="F2336">
            <v>1.3731</v>
          </cell>
        </row>
        <row r="2337">
          <cell r="C2337">
            <v>2004</v>
          </cell>
          <cell r="D2337">
            <v>5</v>
          </cell>
          <cell r="F2337">
            <v>1.3731</v>
          </cell>
        </row>
        <row r="2338">
          <cell r="C2338">
            <v>2004</v>
          </cell>
          <cell r="D2338">
            <v>5</v>
          </cell>
          <cell r="F2338">
            <v>1.3759999999999999</v>
          </cell>
        </row>
        <row r="2339">
          <cell r="C2339">
            <v>2004</v>
          </cell>
          <cell r="D2339">
            <v>5</v>
          </cell>
          <cell r="F2339">
            <v>1.3704000000000001</v>
          </cell>
        </row>
        <row r="2340">
          <cell r="C2340">
            <v>2004</v>
          </cell>
          <cell r="D2340">
            <v>5</v>
          </cell>
          <cell r="F2340">
            <v>1.3576999999999999</v>
          </cell>
        </row>
        <row r="2341">
          <cell r="C2341">
            <v>2004</v>
          </cell>
          <cell r="D2341">
            <v>5</v>
          </cell>
          <cell r="F2341">
            <v>1.3657999999999999</v>
          </cell>
        </row>
        <row r="2342">
          <cell r="C2342">
            <v>2004</v>
          </cell>
          <cell r="D2342">
            <v>5</v>
          </cell>
          <cell r="F2342">
            <v>1.3657999999999999</v>
          </cell>
        </row>
        <row r="2343">
          <cell r="C2343">
            <v>2004</v>
          </cell>
          <cell r="D2343">
            <v>5</v>
          </cell>
          <cell r="F2343">
            <v>1.3657999999999999</v>
          </cell>
        </row>
        <row r="2344">
          <cell r="C2344">
            <v>2004</v>
          </cell>
          <cell r="D2344">
            <v>6</v>
          </cell>
          <cell r="F2344">
            <v>1.3657999999999999</v>
          </cell>
        </row>
        <row r="2345">
          <cell r="C2345">
            <v>2004</v>
          </cell>
          <cell r="D2345">
            <v>6</v>
          </cell>
          <cell r="F2345">
            <v>1.3685</v>
          </cell>
        </row>
        <row r="2346">
          <cell r="C2346">
            <v>2004</v>
          </cell>
          <cell r="D2346">
            <v>6</v>
          </cell>
          <cell r="F2346">
            <v>1.3615999999999999</v>
          </cell>
        </row>
        <row r="2347">
          <cell r="C2347">
            <v>2004</v>
          </cell>
          <cell r="D2347">
            <v>6</v>
          </cell>
          <cell r="F2347">
            <v>1.3607</v>
          </cell>
        </row>
        <row r="2348">
          <cell r="C2348">
            <v>2004</v>
          </cell>
          <cell r="D2348">
            <v>6</v>
          </cell>
          <cell r="F2348">
            <v>1.3502000000000001</v>
          </cell>
        </row>
        <row r="2349">
          <cell r="C2349">
            <v>2004</v>
          </cell>
          <cell r="D2349">
            <v>6</v>
          </cell>
          <cell r="F2349">
            <v>1.3502000000000001</v>
          </cell>
        </row>
        <row r="2350">
          <cell r="C2350">
            <v>2004</v>
          </cell>
          <cell r="D2350">
            <v>6</v>
          </cell>
          <cell r="F2350">
            <v>1.3502000000000001</v>
          </cell>
        </row>
        <row r="2351">
          <cell r="C2351">
            <v>2004</v>
          </cell>
          <cell r="D2351">
            <v>6</v>
          </cell>
          <cell r="F2351">
            <v>1.3448</v>
          </cell>
        </row>
        <row r="2352">
          <cell r="C2352">
            <v>2004</v>
          </cell>
          <cell r="D2352">
            <v>6</v>
          </cell>
          <cell r="F2352">
            <v>1.3468</v>
          </cell>
        </row>
        <row r="2353">
          <cell r="C2353">
            <v>2004</v>
          </cell>
          <cell r="D2353">
            <v>6</v>
          </cell>
          <cell r="F2353">
            <v>1.3541000000000001</v>
          </cell>
        </row>
        <row r="2354">
          <cell r="C2354">
            <v>2004</v>
          </cell>
          <cell r="D2354">
            <v>6</v>
          </cell>
          <cell r="F2354">
            <v>1.3568</v>
          </cell>
        </row>
        <row r="2355">
          <cell r="C2355">
            <v>2004</v>
          </cell>
          <cell r="D2355">
            <v>6</v>
          </cell>
          <cell r="F2355">
            <v>1.3647</v>
          </cell>
        </row>
        <row r="2356">
          <cell r="C2356">
            <v>2004</v>
          </cell>
          <cell r="D2356">
            <v>6</v>
          </cell>
          <cell r="F2356">
            <v>1.3647</v>
          </cell>
        </row>
        <row r="2357">
          <cell r="C2357">
            <v>2004</v>
          </cell>
          <cell r="D2357">
            <v>6</v>
          </cell>
          <cell r="F2357">
            <v>1.3647</v>
          </cell>
        </row>
        <row r="2358">
          <cell r="C2358">
            <v>2004</v>
          </cell>
          <cell r="D2358">
            <v>6</v>
          </cell>
          <cell r="F2358">
            <v>1.3683000000000001</v>
          </cell>
        </row>
        <row r="2359">
          <cell r="C2359">
            <v>2004</v>
          </cell>
          <cell r="D2359">
            <v>6</v>
          </cell>
          <cell r="F2359">
            <v>1.369</v>
          </cell>
        </row>
        <row r="2360">
          <cell r="C2360">
            <v>2004</v>
          </cell>
          <cell r="D2360">
            <v>6</v>
          </cell>
          <cell r="F2360">
            <v>1.3773</v>
          </cell>
        </row>
        <row r="2361">
          <cell r="C2361">
            <v>2004</v>
          </cell>
          <cell r="D2361">
            <v>6</v>
          </cell>
          <cell r="F2361">
            <v>1.3753</v>
          </cell>
        </row>
        <row r="2362">
          <cell r="C2362">
            <v>2004</v>
          </cell>
          <cell r="D2362">
            <v>6</v>
          </cell>
          <cell r="F2362">
            <v>1.3644000000000001</v>
          </cell>
        </row>
        <row r="2363">
          <cell r="C2363">
            <v>2004</v>
          </cell>
          <cell r="D2363">
            <v>6</v>
          </cell>
          <cell r="F2363">
            <v>1.3644000000000001</v>
          </cell>
        </row>
        <row r="2364">
          <cell r="C2364">
            <v>2004</v>
          </cell>
          <cell r="D2364">
            <v>6</v>
          </cell>
          <cell r="F2364">
            <v>1.3644000000000001</v>
          </cell>
        </row>
        <row r="2365">
          <cell r="C2365">
            <v>2004</v>
          </cell>
          <cell r="D2365">
            <v>6</v>
          </cell>
          <cell r="F2365">
            <v>1.3640000000000001</v>
          </cell>
        </row>
        <row r="2366">
          <cell r="C2366">
            <v>2004</v>
          </cell>
          <cell r="D2366">
            <v>6</v>
          </cell>
          <cell r="F2366">
            <v>1.359</v>
          </cell>
        </row>
        <row r="2367">
          <cell r="C2367">
            <v>2004</v>
          </cell>
          <cell r="D2367">
            <v>6</v>
          </cell>
          <cell r="F2367">
            <v>1.3615999999999999</v>
          </cell>
        </row>
        <row r="2368">
          <cell r="C2368">
            <v>2004</v>
          </cell>
          <cell r="D2368">
            <v>6</v>
          </cell>
          <cell r="F2368">
            <v>1.343</v>
          </cell>
        </row>
        <row r="2369">
          <cell r="C2369">
            <v>2004</v>
          </cell>
          <cell r="D2369">
            <v>6</v>
          </cell>
          <cell r="F2369">
            <v>1.3487</v>
          </cell>
        </row>
        <row r="2370">
          <cell r="C2370">
            <v>2004</v>
          </cell>
          <cell r="D2370">
            <v>6</v>
          </cell>
          <cell r="F2370">
            <v>1.3487</v>
          </cell>
        </row>
        <row r="2371">
          <cell r="C2371">
            <v>2004</v>
          </cell>
          <cell r="D2371">
            <v>6</v>
          </cell>
          <cell r="F2371">
            <v>1.3487</v>
          </cell>
        </row>
        <row r="2372">
          <cell r="C2372">
            <v>2004</v>
          </cell>
          <cell r="D2372">
            <v>6</v>
          </cell>
          <cell r="F2372">
            <v>1.3432999999999999</v>
          </cell>
        </row>
        <row r="2373">
          <cell r="C2373">
            <v>2004</v>
          </cell>
          <cell r="D2373">
            <v>6</v>
          </cell>
          <cell r="F2373">
            <v>1.3460000000000001</v>
          </cell>
        </row>
        <row r="2374">
          <cell r="C2374">
            <v>2004</v>
          </cell>
          <cell r="D2374">
            <v>7</v>
          </cell>
          <cell r="F2374">
            <v>1.3404</v>
          </cell>
        </row>
        <row r="2375">
          <cell r="C2375">
            <v>2004</v>
          </cell>
          <cell r="D2375">
            <v>7</v>
          </cell>
          <cell r="F2375">
            <v>1.3404</v>
          </cell>
        </row>
        <row r="2376">
          <cell r="C2376">
            <v>2004</v>
          </cell>
          <cell r="D2376">
            <v>7</v>
          </cell>
          <cell r="F2376">
            <v>1.3251999999999999</v>
          </cell>
        </row>
        <row r="2377">
          <cell r="C2377">
            <v>2004</v>
          </cell>
          <cell r="D2377">
            <v>7</v>
          </cell>
          <cell r="F2377">
            <v>1.3251999999999999</v>
          </cell>
        </row>
        <row r="2378">
          <cell r="C2378">
            <v>2004</v>
          </cell>
          <cell r="D2378">
            <v>7</v>
          </cell>
          <cell r="F2378">
            <v>1.3251999999999999</v>
          </cell>
        </row>
        <row r="2379">
          <cell r="C2379">
            <v>2004</v>
          </cell>
          <cell r="D2379">
            <v>7</v>
          </cell>
          <cell r="F2379">
            <v>1.3251999999999999</v>
          </cell>
        </row>
        <row r="2380">
          <cell r="C2380">
            <v>2004</v>
          </cell>
          <cell r="D2380">
            <v>7</v>
          </cell>
          <cell r="F2380">
            <v>1.3264</v>
          </cell>
        </row>
        <row r="2381">
          <cell r="C2381">
            <v>2004</v>
          </cell>
          <cell r="D2381">
            <v>7</v>
          </cell>
          <cell r="F2381">
            <v>1.3196000000000001</v>
          </cell>
        </row>
        <row r="2382">
          <cell r="C2382">
            <v>2004</v>
          </cell>
          <cell r="D2382">
            <v>7</v>
          </cell>
          <cell r="F2382">
            <v>1.3163</v>
          </cell>
        </row>
        <row r="2383">
          <cell r="C2383">
            <v>2004</v>
          </cell>
          <cell r="D2383">
            <v>7</v>
          </cell>
          <cell r="F2383">
            <v>1.3209</v>
          </cell>
        </row>
        <row r="2384">
          <cell r="C2384">
            <v>2004</v>
          </cell>
          <cell r="D2384">
            <v>7</v>
          </cell>
          <cell r="F2384">
            <v>1.3209</v>
          </cell>
        </row>
        <row r="2385">
          <cell r="C2385">
            <v>2004</v>
          </cell>
          <cell r="D2385">
            <v>7</v>
          </cell>
          <cell r="F2385">
            <v>1.3209</v>
          </cell>
        </row>
        <row r="2386">
          <cell r="C2386">
            <v>2004</v>
          </cell>
          <cell r="D2386">
            <v>7</v>
          </cell>
          <cell r="F2386">
            <v>1.3187</v>
          </cell>
        </row>
        <row r="2387">
          <cell r="C2387">
            <v>2004</v>
          </cell>
          <cell r="D2387">
            <v>7</v>
          </cell>
          <cell r="F2387">
            <v>1.3259000000000001</v>
          </cell>
        </row>
        <row r="2388">
          <cell r="C2388">
            <v>2004</v>
          </cell>
          <cell r="D2388">
            <v>7</v>
          </cell>
          <cell r="F2388">
            <v>1.3221000000000001</v>
          </cell>
        </row>
        <row r="2389">
          <cell r="C2389">
            <v>2004</v>
          </cell>
          <cell r="D2389">
            <v>7</v>
          </cell>
          <cell r="F2389">
            <v>1.3234999999999999</v>
          </cell>
        </row>
        <row r="2390">
          <cell r="C2390">
            <v>2004</v>
          </cell>
          <cell r="D2390">
            <v>7</v>
          </cell>
          <cell r="F2390">
            <v>1.3086</v>
          </cell>
        </row>
        <row r="2391">
          <cell r="C2391">
            <v>2004</v>
          </cell>
          <cell r="D2391">
            <v>7</v>
          </cell>
          <cell r="F2391">
            <v>1.3086</v>
          </cell>
        </row>
        <row r="2392">
          <cell r="C2392">
            <v>2004</v>
          </cell>
          <cell r="D2392">
            <v>7</v>
          </cell>
          <cell r="F2392">
            <v>1.3086</v>
          </cell>
        </row>
        <row r="2393">
          <cell r="C2393">
            <v>2004</v>
          </cell>
          <cell r="D2393">
            <v>7</v>
          </cell>
          <cell r="F2393">
            <v>1.3079000000000001</v>
          </cell>
        </row>
        <row r="2394">
          <cell r="C2394">
            <v>2004</v>
          </cell>
          <cell r="D2394">
            <v>7</v>
          </cell>
          <cell r="F2394">
            <v>1.3098000000000001</v>
          </cell>
        </row>
        <row r="2395">
          <cell r="C2395">
            <v>2004</v>
          </cell>
          <cell r="D2395">
            <v>7</v>
          </cell>
          <cell r="F2395">
            <v>1.3242</v>
          </cell>
        </row>
        <row r="2396">
          <cell r="C2396">
            <v>2004</v>
          </cell>
          <cell r="D2396">
            <v>7</v>
          </cell>
          <cell r="F2396">
            <v>1.3130999999999999</v>
          </cell>
        </row>
        <row r="2397">
          <cell r="C2397">
            <v>2004</v>
          </cell>
          <cell r="D2397">
            <v>7</v>
          </cell>
          <cell r="F2397">
            <v>1.3217000000000001</v>
          </cell>
        </row>
        <row r="2398">
          <cell r="C2398">
            <v>2004</v>
          </cell>
          <cell r="D2398">
            <v>7</v>
          </cell>
          <cell r="F2398">
            <v>1.3217000000000001</v>
          </cell>
        </row>
        <row r="2399">
          <cell r="C2399">
            <v>2004</v>
          </cell>
          <cell r="D2399">
            <v>7</v>
          </cell>
          <cell r="F2399">
            <v>1.3217000000000001</v>
          </cell>
        </row>
        <row r="2400">
          <cell r="C2400">
            <v>2004</v>
          </cell>
          <cell r="D2400">
            <v>7</v>
          </cell>
          <cell r="F2400">
            <v>1.3320000000000001</v>
          </cell>
        </row>
        <row r="2401">
          <cell r="C2401">
            <v>2004</v>
          </cell>
          <cell r="D2401">
            <v>7</v>
          </cell>
          <cell r="F2401">
            <v>1.3348</v>
          </cell>
        </row>
        <row r="2402">
          <cell r="C2402">
            <v>2004</v>
          </cell>
          <cell r="D2402">
            <v>7</v>
          </cell>
          <cell r="F2402">
            <v>1.3305</v>
          </cell>
        </row>
        <row r="2403">
          <cell r="C2403">
            <v>2004</v>
          </cell>
          <cell r="D2403">
            <v>7</v>
          </cell>
          <cell r="F2403">
            <v>1.3248</v>
          </cell>
        </row>
        <row r="2404">
          <cell r="C2404">
            <v>2004</v>
          </cell>
          <cell r="D2404">
            <v>7</v>
          </cell>
          <cell r="F2404">
            <v>1.3291999999999999</v>
          </cell>
        </row>
        <row r="2405">
          <cell r="C2405">
            <v>2004</v>
          </cell>
          <cell r="D2405">
            <v>8</v>
          </cell>
          <cell r="F2405">
            <v>1.3291999999999999</v>
          </cell>
        </row>
        <row r="2406">
          <cell r="C2406">
            <v>2004</v>
          </cell>
          <cell r="D2406">
            <v>8</v>
          </cell>
          <cell r="F2406">
            <v>1.3291999999999999</v>
          </cell>
        </row>
        <row r="2407">
          <cell r="C2407">
            <v>2004</v>
          </cell>
          <cell r="D2407">
            <v>8</v>
          </cell>
          <cell r="F2407">
            <v>1.3291999999999999</v>
          </cell>
        </row>
        <row r="2408">
          <cell r="C2408">
            <v>2004</v>
          </cell>
          <cell r="D2408">
            <v>8</v>
          </cell>
          <cell r="F2408">
            <v>1.3190999999999999</v>
          </cell>
        </row>
        <row r="2409">
          <cell r="C2409">
            <v>2004</v>
          </cell>
          <cell r="D2409">
            <v>8</v>
          </cell>
          <cell r="F2409">
            <v>1.3154999999999999</v>
          </cell>
        </row>
        <row r="2410">
          <cell r="C2410">
            <v>2004</v>
          </cell>
          <cell r="D2410">
            <v>8</v>
          </cell>
          <cell r="F2410">
            <v>1.3178000000000001</v>
          </cell>
        </row>
        <row r="2411">
          <cell r="C2411">
            <v>2004</v>
          </cell>
          <cell r="D2411">
            <v>8</v>
          </cell>
          <cell r="F2411">
            <v>1.3098000000000001</v>
          </cell>
        </row>
        <row r="2412">
          <cell r="C2412">
            <v>2004</v>
          </cell>
          <cell r="D2412">
            <v>8</v>
          </cell>
          <cell r="F2412">
            <v>1.3098000000000001</v>
          </cell>
        </row>
        <row r="2413">
          <cell r="C2413">
            <v>2004</v>
          </cell>
          <cell r="D2413">
            <v>8</v>
          </cell>
          <cell r="F2413">
            <v>1.3098000000000001</v>
          </cell>
        </row>
        <row r="2414">
          <cell r="C2414">
            <v>2004</v>
          </cell>
          <cell r="D2414">
            <v>8</v>
          </cell>
          <cell r="F2414">
            <v>1.3165</v>
          </cell>
        </row>
        <row r="2415">
          <cell r="C2415">
            <v>2004</v>
          </cell>
          <cell r="D2415">
            <v>8</v>
          </cell>
          <cell r="F2415">
            <v>1.3139000000000001</v>
          </cell>
        </row>
        <row r="2416">
          <cell r="C2416">
            <v>2004</v>
          </cell>
          <cell r="D2416">
            <v>8</v>
          </cell>
          <cell r="F2416">
            <v>1.3239000000000001</v>
          </cell>
        </row>
        <row r="2417">
          <cell r="C2417">
            <v>2004</v>
          </cell>
          <cell r="D2417">
            <v>8</v>
          </cell>
          <cell r="F2417">
            <v>1.3326</v>
          </cell>
        </row>
        <row r="2418">
          <cell r="C2418">
            <v>2004</v>
          </cell>
          <cell r="D2418">
            <v>8</v>
          </cell>
          <cell r="F2418">
            <v>1.3098000000000001</v>
          </cell>
        </row>
        <row r="2419">
          <cell r="C2419">
            <v>2004</v>
          </cell>
          <cell r="D2419">
            <v>8</v>
          </cell>
          <cell r="F2419">
            <v>1.3098000000000001</v>
          </cell>
        </row>
        <row r="2420">
          <cell r="C2420">
            <v>2004</v>
          </cell>
          <cell r="D2420">
            <v>8</v>
          </cell>
          <cell r="F2420">
            <v>1.3098000000000001</v>
          </cell>
        </row>
        <row r="2421">
          <cell r="C2421">
            <v>2004</v>
          </cell>
          <cell r="D2421">
            <v>8</v>
          </cell>
          <cell r="F2421">
            <v>1.3076000000000001</v>
          </cell>
        </row>
        <row r="2422">
          <cell r="C2422">
            <v>2004</v>
          </cell>
          <cell r="D2422">
            <v>8</v>
          </cell>
          <cell r="F2422">
            <v>1.3078000000000001</v>
          </cell>
        </row>
        <row r="2423">
          <cell r="C2423">
            <v>2004</v>
          </cell>
          <cell r="D2423">
            <v>8</v>
          </cell>
          <cell r="F2423">
            <v>1.3072999999999999</v>
          </cell>
        </row>
        <row r="2424">
          <cell r="C2424">
            <v>2004</v>
          </cell>
          <cell r="D2424">
            <v>8</v>
          </cell>
          <cell r="F2424">
            <v>1.2963</v>
          </cell>
        </row>
        <row r="2425">
          <cell r="C2425">
            <v>2004</v>
          </cell>
          <cell r="D2425">
            <v>8</v>
          </cell>
          <cell r="F2425">
            <v>1.2977000000000001</v>
          </cell>
        </row>
        <row r="2426">
          <cell r="C2426">
            <v>2004</v>
          </cell>
          <cell r="D2426">
            <v>8</v>
          </cell>
          <cell r="F2426">
            <v>1.2977000000000001</v>
          </cell>
        </row>
        <row r="2427">
          <cell r="C2427">
            <v>2004</v>
          </cell>
          <cell r="D2427">
            <v>8</v>
          </cell>
          <cell r="F2427">
            <v>1.2977000000000001</v>
          </cell>
        </row>
        <row r="2428">
          <cell r="C2428">
            <v>2004</v>
          </cell>
          <cell r="D2428">
            <v>8</v>
          </cell>
          <cell r="F2428">
            <v>1.3063</v>
          </cell>
        </row>
        <row r="2429">
          <cell r="C2429">
            <v>2004</v>
          </cell>
          <cell r="D2429">
            <v>8</v>
          </cell>
          <cell r="F2429">
            <v>1.3049999999999999</v>
          </cell>
        </row>
        <row r="2430">
          <cell r="C2430">
            <v>2004</v>
          </cell>
          <cell r="D2430">
            <v>8</v>
          </cell>
          <cell r="F2430">
            <v>1.3041</v>
          </cell>
        </row>
        <row r="2431">
          <cell r="C2431">
            <v>2004</v>
          </cell>
          <cell r="D2431">
            <v>8</v>
          </cell>
          <cell r="F2431">
            <v>1.3119000000000001</v>
          </cell>
        </row>
        <row r="2432">
          <cell r="C2432">
            <v>2004</v>
          </cell>
          <cell r="D2432">
            <v>8</v>
          </cell>
          <cell r="F2432">
            <v>1.3103</v>
          </cell>
        </row>
        <row r="2433">
          <cell r="C2433">
            <v>2004</v>
          </cell>
          <cell r="D2433">
            <v>8</v>
          </cell>
          <cell r="F2433">
            <v>1.3103</v>
          </cell>
        </row>
        <row r="2434">
          <cell r="C2434">
            <v>2004</v>
          </cell>
          <cell r="D2434">
            <v>8</v>
          </cell>
          <cell r="F2434">
            <v>1.3103</v>
          </cell>
        </row>
        <row r="2435">
          <cell r="C2435">
            <v>2004</v>
          </cell>
          <cell r="D2435">
            <v>8</v>
          </cell>
          <cell r="F2435">
            <v>1.3172999999999999</v>
          </cell>
        </row>
        <row r="2436">
          <cell r="C2436">
            <v>2004</v>
          </cell>
          <cell r="D2436">
            <v>9</v>
          </cell>
          <cell r="F2436">
            <v>1.3167</v>
          </cell>
        </row>
        <row r="2437">
          <cell r="C2437">
            <v>2004</v>
          </cell>
          <cell r="D2437">
            <v>9</v>
          </cell>
          <cell r="F2437">
            <v>1.3068</v>
          </cell>
        </row>
        <row r="2438">
          <cell r="C2438">
            <v>2004</v>
          </cell>
          <cell r="D2438">
            <v>9</v>
          </cell>
          <cell r="F2438">
            <v>1.2996000000000001</v>
          </cell>
        </row>
        <row r="2439">
          <cell r="C2439">
            <v>2004</v>
          </cell>
          <cell r="D2439">
            <v>9</v>
          </cell>
          <cell r="F2439">
            <v>1.3006</v>
          </cell>
        </row>
        <row r="2440">
          <cell r="C2440">
            <v>2004</v>
          </cell>
          <cell r="D2440">
            <v>9</v>
          </cell>
          <cell r="F2440">
            <v>1.3006</v>
          </cell>
        </row>
        <row r="2441">
          <cell r="C2441">
            <v>2004</v>
          </cell>
          <cell r="D2441">
            <v>9</v>
          </cell>
          <cell r="F2441">
            <v>1.3006</v>
          </cell>
        </row>
        <row r="2442">
          <cell r="C2442">
            <v>2004</v>
          </cell>
          <cell r="D2442">
            <v>9</v>
          </cell>
          <cell r="F2442">
            <v>1.3006</v>
          </cell>
        </row>
        <row r="2443">
          <cell r="C2443">
            <v>2004</v>
          </cell>
          <cell r="D2443">
            <v>9</v>
          </cell>
          <cell r="F2443">
            <v>1.2876000000000001</v>
          </cell>
        </row>
        <row r="2444">
          <cell r="C2444">
            <v>2004</v>
          </cell>
          <cell r="D2444">
            <v>9</v>
          </cell>
          <cell r="F2444">
            <v>1.2902</v>
          </cell>
        </row>
        <row r="2445">
          <cell r="C2445">
            <v>2004</v>
          </cell>
          <cell r="D2445">
            <v>9</v>
          </cell>
          <cell r="F2445">
            <v>1.2875000000000001</v>
          </cell>
        </row>
        <row r="2446">
          <cell r="C2446">
            <v>2004</v>
          </cell>
          <cell r="D2446">
            <v>9</v>
          </cell>
          <cell r="F2446">
            <v>1.2877000000000001</v>
          </cell>
        </row>
        <row r="2447">
          <cell r="C2447">
            <v>2004</v>
          </cell>
          <cell r="D2447">
            <v>9</v>
          </cell>
          <cell r="F2447">
            <v>1.2877000000000001</v>
          </cell>
        </row>
        <row r="2448">
          <cell r="C2448">
            <v>2004</v>
          </cell>
          <cell r="D2448">
            <v>9</v>
          </cell>
          <cell r="F2448">
            <v>1.2877000000000001</v>
          </cell>
        </row>
        <row r="2449">
          <cell r="C2449">
            <v>2004</v>
          </cell>
          <cell r="D2449">
            <v>9</v>
          </cell>
          <cell r="F2449">
            <v>1.3003</v>
          </cell>
        </row>
        <row r="2450">
          <cell r="C2450">
            <v>2004</v>
          </cell>
          <cell r="D2450">
            <v>9</v>
          </cell>
          <cell r="F2450">
            <v>1.2917000000000001</v>
          </cell>
        </row>
        <row r="2451">
          <cell r="C2451">
            <v>2004</v>
          </cell>
          <cell r="D2451">
            <v>9</v>
          </cell>
          <cell r="F2451">
            <v>1.2988</v>
          </cell>
        </row>
        <row r="2452">
          <cell r="C2452">
            <v>2004</v>
          </cell>
          <cell r="D2452">
            <v>9</v>
          </cell>
          <cell r="F2452">
            <v>1.2894000000000001</v>
          </cell>
        </row>
        <row r="2453">
          <cell r="C2453">
            <v>2004</v>
          </cell>
          <cell r="D2453">
            <v>9</v>
          </cell>
          <cell r="F2453">
            <v>1.2997000000000001</v>
          </cell>
        </row>
        <row r="2454">
          <cell r="C2454">
            <v>2004</v>
          </cell>
          <cell r="D2454">
            <v>9</v>
          </cell>
          <cell r="F2454">
            <v>1.2997000000000001</v>
          </cell>
        </row>
        <row r="2455">
          <cell r="C2455">
            <v>2004</v>
          </cell>
          <cell r="D2455">
            <v>9</v>
          </cell>
          <cell r="F2455">
            <v>1.2997000000000001</v>
          </cell>
        </row>
        <row r="2456">
          <cell r="C2456">
            <v>2004</v>
          </cell>
          <cell r="D2456">
            <v>9</v>
          </cell>
          <cell r="F2456">
            <v>1.2941</v>
          </cell>
        </row>
        <row r="2457">
          <cell r="C2457">
            <v>2004</v>
          </cell>
          <cell r="D2457">
            <v>9</v>
          </cell>
          <cell r="F2457">
            <v>1.2884</v>
          </cell>
        </row>
        <row r="2458">
          <cell r="C2458">
            <v>2004</v>
          </cell>
          <cell r="D2458">
            <v>9</v>
          </cell>
          <cell r="F2458">
            <v>1.2817000000000001</v>
          </cell>
        </row>
        <row r="2459">
          <cell r="C2459">
            <v>2004</v>
          </cell>
          <cell r="D2459">
            <v>9</v>
          </cell>
          <cell r="F2459">
            <v>1.2782</v>
          </cell>
        </row>
        <row r="2460">
          <cell r="C2460">
            <v>2004</v>
          </cell>
          <cell r="D2460">
            <v>9</v>
          </cell>
          <cell r="F2460">
            <v>1.2758</v>
          </cell>
        </row>
        <row r="2461">
          <cell r="C2461">
            <v>2004</v>
          </cell>
          <cell r="D2461">
            <v>9</v>
          </cell>
          <cell r="F2461">
            <v>1.2758</v>
          </cell>
        </row>
        <row r="2462">
          <cell r="C2462">
            <v>2004</v>
          </cell>
          <cell r="D2462">
            <v>9</v>
          </cell>
          <cell r="F2462">
            <v>1.2758</v>
          </cell>
        </row>
        <row r="2463">
          <cell r="C2463">
            <v>2004</v>
          </cell>
          <cell r="D2463">
            <v>9</v>
          </cell>
          <cell r="F2463">
            <v>1.2737000000000001</v>
          </cell>
        </row>
        <row r="2464">
          <cell r="C2464">
            <v>2004</v>
          </cell>
          <cell r="D2464">
            <v>9</v>
          </cell>
          <cell r="F2464">
            <v>1.2755000000000001</v>
          </cell>
        </row>
        <row r="2465">
          <cell r="C2465">
            <v>2004</v>
          </cell>
          <cell r="D2465">
            <v>9</v>
          </cell>
          <cell r="F2465">
            <v>1.2725</v>
          </cell>
        </row>
        <row r="2466">
          <cell r="C2466">
            <v>2004</v>
          </cell>
          <cell r="D2466">
            <v>10</v>
          </cell>
          <cell r="F2466">
            <v>1.2639</v>
          </cell>
        </row>
        <row r="2467">
          <cell r="C2467">
            <v>2004</v>
          </cell>
          <cell r="D2467">
            <v>10</v>
          </cell>
          <cell r="F2467">
            <v>1.2629999999999999</v>
          </cell>
        </row>
        <row r="2468">
          <cell r="C2468">
            <v>2004</v>
          </cell>
          <cell r="D2468">
            <v>10</v>
          </cell>
          <cell r="F2468">
            <v>1.2629999999999999</v>
          </cell>
        </row>
        <row r="2469">
          <cell r="C2469">
            <v>2004</v>
          </cell>
          <cell r="D2469">
            <v>10</v>
          </cell>
          <cell r="F2469">
            <v>1.2629999999999999</v>
          </cell>
        </row>
        <row r="2470">
          <cell r="C2470">
            <v>2004</v>
          </cell>
          <cell r="D2470">
            <v>10</v>
          </cell>
          <cell r="F2470">
            <v>1.2725</v>
          </cell>
        </row>
        <row r="2471">
          <cell r="C2471">
            <v>2004</v>
          </cell>
          <cell r="D2471">
            <v>10</v>
          </cell>
          <cell r="F2471">
            <v>1.2623</v>
          </cell>
        </row>
        <row r="2472">
          <cell r="C2472">
            <v>2004</v>
          </cell>
          <cell r="D2472">
            <v>10</v>
          </cell>
          <cell r="F2472">
            <v>1.2593000000000001</v>
          </cell>
        </row>
        <row r="2473">
          <cell r="C2473">
            <v>2004</v>
          </cell>
          <cell r="D2473">
            <v>10</v>
          </cell>
          <cell r="F2473">
            <v>1.2575000000000001</v>
          </cell>
        </row>
        <row r="2474">
          <cell r="C2474">
            <v>2004</v>
          </cell>
          <cell r="D2474">
            <v>10</v>
          </cell>
          <cell r="F2474">
            <v>1.2513000000000001</v>
          </cell>
        </row>
        <row r="2475">
          <cell r="C2475">
            <v>2004</v>
          </cell>
          <cell r="D2475">
            <v>10</v>
          </cell>
          <cell r="F2475">
            <v>1.2513000000000001</v>
          </cell>
        </row>
        <row r="2476">
          <cell r="C2476">
            <v>2004</v>
          </cell>
          <cell r="D2476">
            <v>10</v>
          </cell>
          <cell r="F2476">
            <v>1.2513000000000001</v>
          </cell>
        </row>
        <row r="2477">
          <cell r="C2477">
            <v>2004</v>
          </cell>
          <cell r="D2477">
            <v>10</v>
          </cell>
          <cell r="F2477">
            <v>1.2513000000000001</v>
          </cell>
        </row>
        <row r="2478">
          <cell r="C2478">
            <v>2004</v>
          </cell>
          <cell r="D2478">
            <v>10</v>
          </cell>
          <cell r="F2478">
            <v>1.2573000000000001</v>
          </cell>
        </row>
        <row r="2479">
          <cell r="C2479">
            <v>2004</v>
          </cell>
          <cell r="D2479">
            <v>10</v>
          </cell>
          <cell r="F2479">
            <v>1.2636000000000001</v>
          </cell>
        </row>
        <row r="2480">
          <cell r="C2480">
            <v>2004</v>
          </cell>
          <cell r="D2480">
            <v>10</v>
          </cell>
          <cell r="F2480">
            <v>1.2524999999999999</v>
          </cell>
        </row>
        <row r="2481">
          <cell r="C2481">
            <v>2004</v>
          </cell>
          <cell r="D2481">
            <v>10</v>
          </cell>
          <cell r="F2481">
            <v>1.2519</v>
          </cell>
        </row>
        <row r="2482">
          <cell r="C2482">
            <v>2004</v>
          </cell>
          <cell r="D2482">
            <v>10</v>
          </cell>
          <cell r="F2482">
            <v>1.2519</v>
          </cell>
        </row>
        <row r="2483">
          <cell r="C2483">
            <v>2004</v>
          </cell>
          <cell r="D2483">
            <v>10</v>
          </cell>
          <cell r="F2483">
            <v>1.2519</v>
          </cell>
        </row>
        <row r="2484">
          <cell r="C2484">
            <v>2004</v>
          </cell>
          <cell r="D2484">
            <v>10</v>
          </cell>
          <cell r="F2484">
            <v>1.2547999999999999</v>
          </cell>
        </row>
        <row r="2485">
          <cell r="C2485">
            <v>2004</v>
          </cell>
          <cell r="D2485">
            <v>10</v>
          </cell>
          <cell r="F2485">
            <v>1.2544</v>
          </cell>
        </row>
        <row r="2486">
          <cell r="C2486">
            <v>2004</v>
          </cell>
          <cell r="D2486">
            <v>10</v>
          </cell>
          <cell r="F2486">
            <v>1.2432000000000001</v>
          </cell>
        </row>
        <row r="2487">
          <cell r="C2487">
            <v>2004</v>
          </cell>
          <cell r="D2487">
            <v>10</v>
          </cell>
          <cell r="F2487">
            <v>1.2427999999999999</v>
          </cell>
        </row>
        <row r="2488">
          <cell r="C2488">
            <v>2004</v>
          </cell>
          <cell r="D2488">
            <v>10</v>
          </cell>
          <cell r="F2488">
            <v>1.2379</v>
          </cell>
        </row>
        <row r="2489">
          <cell r="C2489">
            <v>2004</v>
          </cell>
          <cell r="D2489">
            <v>10</v>
          </cell>
          <cell r="F2489">
            <v>1.2379</v>
          </cell>
        </row>
        <row r="2490">
          <cell r="C2490">
            <v>2004</v>
          </cell>
          <cell r="D2490">
            <v>10</v>
          </cell>
          <cell r="F2490">
            <v>1.2379</v>
          </cell>
        </row>
        <row r="2491">
          <cell r="C2491">
            <v>2004</v>
          </cell>
          <cell r="D2491">
            <v>10</v>
          </cell>
          <cell r="F2491">
            <v>1.2233000000000001</v>
          </cell>
        </row>
        <row r="2492">
          <cell r="C2492">
            <v>2004</v>
          </cell>
          <cell r="D2492">
            <v>10</v>
          </cell>
          <cell r="F2492">
            <v>1.2251000000000001</v>
          </cell>
        </row>
        <row r="2493">
          <cell r="C2493">
            <v>2004</v>
          </cell>
          <cell r="D2493">
            <v>10</v>
          </cell>
          <cell r="F2493">
            <v>1.2257</v>
          </cell>
        </row>
        <row r="2494">
          <cell r="C2494">
            <v>2004</v>
          </cell>
          <cell r="D2494">
            <v>10</v>
          </cell>
          <cell r="F2494">
            <v>1.2197</v>
          </cell>
        </row>
        <row r="2495">
          <cell r="C2495">
            <v>2004</v>
          </cell>
          <cell r="D2495">
            <v>10</v>
          </cell>
          <cell r="F2495">
            <v>1.2206999999999999</v>
          </cell>
        </row>
        <row r="2496">
          <cell r="C2496">
            <v>2004</v>
          </cell>
          <cell r="D2496">
            <v>10</v>
          </cell>
          <cell r="F2496">
            <v>1.2206999999999999</v>
          </cell>
        </row>
        <row r="2497">
          <cell r="C2497">
            <v>2004</v>
          </cell>
          <cell r="D2497">
            <v>11</v>
          </cell>
          <cell r="F2497">
            <v>1.2206999999999999</v>
          </cell>
        </row>
        <row r="2498">
          <cell r="C2498">
            <v>2004</v>
          </cell>
          <cell r="D2498">
            <v>11</v>
          </cell>
          <cell r="F2498">
            <v>1.2230000000000001</v>
          </cell>
        </row>
        <row r="2499">
          <cell r="C2499">
            <v>2004</v>
          </cell>
          <cell r="D2499">
            <v>11</v>
          </cell>
          <cell r="F2499">
            <v>1.2270000000000001</v>
          </cell>
        </row>
        <row r="2500">
          <cell r="C2500">
            <v>2004</v>
          </cell>
          <cell r="D2500">
            <v>11</v>
          </cell>
          <cell r="F2500">
            <v>1.2117</v>
          </cell>
        </row>
        <row r="2501">
          <cell r="C2501">
            <v>2004</v>
          </cell>
          <cell r="D2501">
            <v>11</v>
          </cell>
          <cell r="F2501">
            <v>1.2052</v>
          </cell>
        </row>
        <row r="2502">
          <cell r="C2502">
            <v>2004</v>
          </cell>
          <cell r="D2502">
            <v>11</v>
          </cell>
          <cell r="F2502">
            <v>1.1982999999999999</v>
          </cell>
        </row>
        <row r="2503">
          <cell r="C2503">
            <v>2004</v>
          </cell>
          <cell r="D2503">
            <v>11</v>
          </cell>
          <cell r="F2503">
            <v>1.1982999999999999</v>
          </cell>
        </row>
        <row r="2504">
          <cell r="C2504">
            <v>2004</v>
          </cell>
          <cell r="D2504">
            <v>11</v>
          </cell>
          <cell r="F2504">
            <v>1.1982999999999999</v>
          </cell>
        </row>
        <row r="2505">
          <cell r="C2505">
            <v>2004</v>
          </cell>
          <cell r="D2505">
            <v>11</v>
          </cell>
          <cell r="F2505">
            <v>1.1926000000000001</v>
          </cell>
        </row>
        <row r="2506">
          <cell r="C2506">
            <v>2004</v>
          </cell>
          <cell r="D2506">
            <v>11</v>
          </cell>
          <cell r="F2506">
            <v>1.1959</v>
          </cell>
        </row>
        <row r="2507">
          <cell r="C2507">
            <v>2004</v>
          </cell>
          <cell r="D2507">
            <v>11</v>
          </cell>
          <cell r="F2507">
            <v>1.198</v>
          </cell>
        </row>
        <row r="2508">
          <cell r="C2508">
            <v>2004</v>
          </cell>
          <cell r="D2508">
            <v>11</v>
          </cell>
          <cell r="F2508">
            <v>1.198</v>
          </cell>
        </row>
        <row r="2509">
          <cell r="C2509">
            <v>2004</v>
          </cell>
          <cell r="D2509">
            <v>11</v>
          </cell>
          <cell r="F2509">
            <v>1.1924999999999999</v>
          </cell>
        </row>
        <row r="2510">
          <cell r="C2510">
            <v>2004</v>
          </cell>
          <cell r="D2510">
            <v>11</v>
          </cell>
          <cell r="F2510">
            <v>1.1924999999999999</v>
          </cell>
        </row>
        <row r="2511">
          <cell r="C2511">
            <v>2004</v>
          </cell>
          <cell r="D2511">
            <v>11</v>
          </cell>
          <cell r="F2511">
            <v>1.1924999999999999</v>
          </cell>
        </row>
        <row r="2512">
          <cell r="C2512">
            <v>2004</v>
          </cell>
          <cell r="D2512">
            <v>11</v>
          </cell>
          <cell r="F2512">
            <v>1.2031000000000001</v>
          </cell>
        </row>
        <row r="2513">
          <cell r="C2513">
            <v>2004</v>
          </cell>
          <cell r="D2513">
            <v>11</v>
          </cell>
          <cell r="F2513">
            <v>1.1934</v>
          </cell>
        </row>
        <row r="2514">
          <cell r="C2514">
            <v>2004</v>
          </cell>
          <cell r="D2514">
            <v>11</v>
          </cell>
          <cell r="F2514">
            <v>1.1923999999999999</v>
          </cell>
        </row>
        <row r="2515">
          <cell r="C2515">
            <v>2004</v>
          </cell>
          <cell r="D2515">
            <v>11</v>
          </cell>
          <cell r="F2515">
            <v>1.2074</v>
          </cell>
        </row>
        <row r="2516">
          <cell r="C2516">
            <v>2004</v>
          </cell>
          <cell r="D2516">
            <v>11</v>
          </cell>
          <cell r="F2516">
            <v>1.2074</v>
          </cell>
        </row>
        <row r="2517">
          <cell r="C2517">
            <v>2004</v>
          </cell>
          <cell r="D2517">
            <v>11</v>
          </cell>
          <cell r="F2517">
            <v>1.1916</v>
          </cell>
        </row>
        <row r="2518">
          <cell r="C2518">
            <v>2004</v>
          </cell>
          <cell r="D2518">
            <v>11</v>
          </cell>
          <cell r="F2518">
            <v>1.1916</v>
          </cell>
        </row>
        <row r="2519">
          <cell r="C2519">
            <v>2004</v>
          </cell>
          <cell r="D2519">
            <v>11</v>
          </cell>
          <cell r="F2519">
            <v>1.1843999999999999</v>
          </cell>
        </row>
        <row r="2520">
          <cell r="C2520">
            <v>2004</v>
          </cell>
          <cell r="D2520">
            <v>11</v>
          </cell>
          <cell r="F2520">
            <v>1.1865000000000001</v>
          </cell>
        </row>
        <row r="2521">
          <cell r="C2521">
            <v>2004</v>
          </cell>
          <cell r="D2521">
            <v>11</v>
          </cell>
          <cell r="F2521">
            <v>1.1814</v>
          </cell>
        </row>
        <row r="2522">
          <cell r="C2522">
            <v>2004</v>
          </cell>
          <cell r="D2522">
            <v>11</v>
          </cell>
          <cell r="F2522">
            <v>1.1814</v>
          </cell>
        </row>
        <row r="2523">
          <cell r="C2523">
            <v>2004</v>
          </cell>
          <cell r="D2523">
            <v>11</v>
          </cell>
          <cell r="F2523">
            <v>1.1814</v>
          </cell>
        </row>
        <row r="2524">
          <cell r="C2524">
            <v>2004</v>
          </cell>
          <cell r="D2524">
            <v>11</v>
          </cell>
          <cell r="F2524">
            <v>1.1814</v>
          </cell>
        </row>
        <row r="2525">
          <cell r="C2525">
            <v>2004</v>
          </cell>
          <cell r="D2525">
            <v>11</v>
          </cell>
          <cell r="F2525">
            <v>1.1814</v>
          </cell>
        </row>
        <row r="2526">
          <cell r="C2526">
            <v>2004</v>
          </cell>
          <cell r="D2526">
            <v>11</v>
          </cell>
          <cell r="F2526">
            <v>1.1850000000000001</v>
          </cell>
        </row>
        <row r="2527">
          <cell r="C2527">
            <v>2004</v>
          </cell>
          <cell r="D2527">
            <v>12</v>
          </cell>
          <cell r="F2527">
            <v>1.1903999999999999</v>
          </cell>
        </row>
        <row r="2528">
          <cell r="C2528">
            <v>2004</v>
          </cell>
          <cell r="D2528">
            <v>12</v>
          </cell>
          <cell r="F2528">
            <v>1.1858</v>
          </cell>
        </row>
        <row r="2529">
          <cell r="C2529">
            <v>2004</v>
          </cell>
          <cell r="D2529">
            <v>12</v>
          </cell>
          <cell r="F2529">
            <v>1.1899</v>
          </cell>
        </row>
        <row r="2530">
          <cell r="C2530">
            <v>2004</v>
          </cell>
          <cell r="D2530">
            <v>12</v>
          </cell>
          <cell r="F2530">
            <v>1.1983999999999999</v>
          </cell>
        </row>
        <row r="2531">
          <cell r="C2531">
            <v>2004</v>
          </cell>
          <cell r="D2531">
            <v>12</v>
          </cell>
          <cell r="F2531">
            <v>1.1983999999999999</v>
          </cell>
        </row>
        <row r="2532">
          <cell r="C2532">
            <v>2004</v>
          </cell>
          <cell r="D2532">
            <v>12</v>
          </cell>
          <cell r="F2532">
            <v>1.1983999999999999</v>
          </cell>
        </row>
        <row r="2533">
          <cell r="C2533">
            <v>2004</v>
          </cell>
          <cell r="D2533">
            <v>12</v>
          </cell>
          <cell r="F2533">
            <v>1.2014</v>
          </cell>
        </row>
        <row r="2534">
          <cell r="C2534">
            <v>2004</v>
          </cell>
          <cell r="D2534">
            <v>12</v>
          </cell>
          <cell r="F2534">
            <v>1.2084999999999999</v>
          </cell>
        </row>
        <row r="2535">
          <cell r="C2535">
            <v>2004</v>
          </cell>
          <cell r="D2535">
            <v>12</v>
          </cell>
          <cell r="F2535">
            <v>1.2251000000000001</v>
          </cell>
        </row>
        <row r="2536">
          <cell r="C2536">
            <v>2004</v>
          </cell>
          <cell r="D2536">
            <v>12</v>
          </cell>
          <cell r="F2536">
            <v>1.2256</v>
          </cell>
        </row>
        <row r="2537">
          <cell r="C2537">
            <v>2004</v>
          </cell>
          <cell r="D2537">
            <v>12</v>
          </cell>
          <cell r="F2537">
            <v>1.2262999999999999</v>
          </cell>
        </row>
        <row r="2538">
          <cell r="C2538">
            <v>2004</v>
          </cell>
          <cell r="D2538">
            <v>12</v>
          </cell>
          <cell r="F2538">
            <v>1.2262999999999999</v>
          </cell>
        </row>
        <row r="2539">
          <cell r="C2539">
            <v>2004</v>
          </cell>
          <cell r="D2539">
            <v>12</v>
          </cell>
          <cell r="F2539">
            <v>1.2262999999999999</v>
          </cell>
        </row>
        <row r="2540">
          <cell r="C2540">
            <v>2004</v>
          </cell>
          <cell r="D2540">
            <v>12</v>
          </cell>
          <cell r="F2540">
            <v>1.2262999999999999</v>
          </cell>
        </row>
        <row r="2541">
          <cell r="C2541">
            <v>2004</v>
          </cell>
          <cell r="D2541">
            <v>12</v>
          </cell>
          <cell r="F2541">
            <v>1.2376</v>
          </cell>
        </row>
        <row r="2542">
          <cell r="C2542">
            <v>2004</v>
          </cell>
          <cell r="D2542">
            <v>12</v>
          </cell>
          <cell r="F2542">
            <v>1.2230000000000001</v>
          </cell>
        </row>
        <row r="2543">
          <cell r="C2543">
            <v>2004</v>
          </cell>
          <cell r="D2543">
            <v>12</v>
          </cell>
          <cell r="F2543">
            <v>1.2355</v>
          </cell>
        </row>
        <row r="2544">
          <cell r="C2544">
            <v>2004</v>
          </cell>
          <cell r="D2544">
            <v>12</v>
          </cell>
          <cell r="F2544">
            <v>1.2262</v>
          </cell>
        </row>
        <row r="2545">
          <cell r="C2545">
            <v>2004</v>
          </cell>
          <cell r="D2545">
            <v>12</v>
          </cell>
          <cell r="F2545">
            <v>1.2262</v>
          </cell>
        </row>
        <row r="2546">
          <cell r="C2546">
            <v>2004</v>
          </cell>
          <cell r="D2546">
            <v>12</v>
          </cell>
          <cell r="F2546">
            <v>1.2262</v>
          </cell>
        </row>
        <row r="2547">
          <cell r="C2547">
            <v>2004</v>
          </cell>
          <cell r="D2547">
            <v>12</v>
          </cell>
          <cell r="F2547">
            <v>1.2294</v>
          </cell>
        </row>
        <row r="2548">
          <cell r="C2548">
            <v>2004</v>
          </cell>
          <cell r="D2548">
            <v>12</v>
          </cell>
          <cell r="F2548">
            <v>1.2271000000000001</v>
          </cell>
        </row>
        <row r="2549">
          <cell r="C2549">
            <v>2004</v>
          </cell>
          <cell r="D2549">
            <v>12</v>
          </cell>
          <cell r="F2549">
            <v>1.2413000000000001</v>
          </cell>
        </row>
        <row r="2550">
          <cell r="C2550">
            <v>2004</v>
          </cell>
          <cell r="D2550">
            <v>12</v>
          </cell>
          <cell r="F2550">
            <v>1.2357</v>
          </cell>
        </row>
        <row r="2551">
          <cell r="C2551">
            <v>2004</v>
          </cell>
          <cell r="D2551">
            <v>12</v>
          </cell>
          <cell r="F2551">
            <v>1.2357</v>
          </cell>
        </row>
        <row r="2552">
          <cell r="C2552">
            <v>2004</v>
          </cell>
          <cell r="D2552">
            <v>12</v>
          </cell>
          <cell r="F2552">
            <v>1.2357</v>
          </cell>
        </row>
        <row r="2553">
          <cell r="C2553">
            <v>2004</v>
          </cell>
          <cell r="D2553">
            <v>12</v>
          </cell>
          <cell r="F2553">
            <v>1.2357</v>
          </cell>
        </row>
        <row r="2554">
          <cell r="C2554">
            <v>2004</v>
          </cell>
          <cell r="D2554">
            <v>12</v>
          </cell>
          <cell r="F2554">
            <v>1.2295</v>
          </cell>
        </row>
        <row r="2555">
          <cell r="C2555">
            <v>2004</v>
          </cell>
          <cell r="D2555">
            <v>12</v>
          </cell>
          <cell r="F2555">
            <v>1.2295</v>
          </cell>
        </row>
        <row r="2556">
          <cell r="C2556">
            <v>2004</v>
          </cell>
          <cell r="D2556">
            <v>12</v>
          </cell>
          <cell r="F2556">
            <v>1.2295</v>
          </cell>
        </row>
        <row r="2557">
          <cell r="C2557">
            <v>2004</v>
          </cell>
          <cell r="D2557">
            <v>12</v>
          </cell>
          <cell r="F2557">
            <v>1.2061999999999999</v>
          </cell>
        </row>
        <row r="2558">
          <cell r="C2558">
            <v>2005</v>
          </cell>
          <cell r="D2558">
            <v>1</v>
          </cell>
          <cell r="F2558">
            <v>1.2036</v>
          </cell>
        </row>
        <row r="2559">
          <cell r="C2559">
            <v>2005</v>
          </cell>
          <cell r="D2559">
            <v>1</v>
          </cell>
          <cell r="F2559">
            <v>1.2036</v>
          </cell>
        </row>
        <row r="2560">
          <cell r="C2560">
            <v>2005</v>
          </cell>
          <cell r="D2560">
            <v>1</v>
          </cell>
          <cell r="F2560">
            <v>1.2036</v>
          </cell>
        </row>
        <row r="2561">
          <cell r="C2561">
            <v>2005</v>
          </cell>
          <cell r="D2561">
            <v>1</v>
          </cell>
          <cell r="F2561">
            <v>1.2036</v>
          </cell>
        </row>
        <row r="2562">
          <cell r="C2562">
            <v>2005</v>
          </cell>
          <cell r="D2562">
            <v>1</v>
          </cell>
          <cell r="F2562">
            <v>1.2252000000000001</v>
          </cell>
        </row>
        <row r="2563">
          <cell r="C2563">
            <v>2005</v>
          </cell>
          <cell r="D2563">
            <v>1</v>
          </cell>
          <cell r="F2563">
            <v>1.2238</v>
          </cell>
        </row>
        <row r="2564">
          <cell r="C2564">
            <v>2005</v>
          </cell>
          <cell r="D2564">
            <v>1</v>
          </cell>
          <cell r="F2564">
            <v>1.2373000000000001</v>
          </cell>
        </row>
        <row r="2565">
          <cell r="C2565">
            <v>2005</v>
          </cell>
          <cell r="D2565">
            <v>1</v>
          </cell>
          <cell r="F2565">
            <v>1.2341</v>
          </cell>
        </row>
        <row r="2566">
          <cell r="C2566">
            <v>2005</v>
          </cell>
          <cell r="D2566">
            <v>1</v>
          </cell>
          <cell r="F2566">
            <v>1.2341</v>
          </cell>
        </row>
        <row r="2567">
          <cell r="C2567">
            <v>2005</v>
          </cell>
          <cell r="D2567">
            <v>1</v>
          </cell>
          <cell r="F2567">
            <v>1.2341</v>
          </cell>
        </row>
        <row r="2568">
          <cell r="C2568">
            <v>2005</v>
          </cell>
          <cell r="D2568">
            <v>1</v>
          </cell>
          <cell r="F2568">
            <v>1.2198</v>
          </cell>
        </row>
        <row r="2569">
          <cell r="C2569">
            <v>2005</v>
          </cell>
          <cell r="D2569">
            <v>1</v>
          </cell>
          <cell r="F2569">
            <v>1.2150000000000001</v>
          </cell>
        </row>
        <row r="2570">
          <cell r="C2570">
            <v>2005</v>
          </cell>
          <cell r="D2570">
            <v>1</v>
          </cell>
          <cell r="F2570">
            <v>1.1987000000000001</v>
          </cell>
        </row>
        <row r="2571">
          <cell r="C2571">
            <v>2005</v>
          </cell>
          <cell r="D2571">
            <v>1</v>
          </cell>
          <cell r="F2571">
            <v>1.2002999999999999</v>
          </cell>
        </row>
        <row r="2572">
          <cell r="C2572">
            <v>2005</v>
          </cell>
          <cell r="D2572">
            <v>1</v>
          </cell>
          <cell r="F2572">
            <v>1.2205999999999999</v>
          </cell>
        </row>
        <row r="2573">
          <cell r="C2573">
            <v>2005</v>
          </cell>
          <cell r="D2573">
            <v>1</v>
          </cell>
          <cell r="F2573">
            <v>1.2205999999999999</v>
          </cell>
        </row>
        <row r="2574">
          <cell r="C2574">
            <v>2005</v>
          </cell>
          <cell r="D2574">
            <v>1</v>
          </cell>
          <cell r="F2574">
            <v>1.2205999999999999</v>
          </cell>
        </row>
        <row r="2575">
          <cell r="C2575">
            <v>2005</v>
          </cell>
          <cell r="D2575">
            <v>1</v>
          </cell>
          <cell r="F2575">
            <v>1.2205999999999999</v>
          </cell>
        </row>
        <row r="2576">
          <cell r="C2576">
            <v>2005</v>
          </cell>
          <cell r="D2576">
            <v>1</v>
          </cell>
          <cell r="F2576">
            <v>1.2223999999999999</v>
          </cell>
        </row>
        <row r="2577">
          <cell r="C2577">
            <v>2005</v>
          </cell>
          <cell r="D2577">
            <v>1</v>
          </cell>
          <cell r="F2577">
            <v>1.2273000000000001</v>
          </cell>
        </row>
        <row r="2578">
          <cell r="C2578">
            <v>2005</v>
          </cell>
          <cell r="D2578">
            <v>1</v>
          </cell>
          <cell r="F2578">
            <v>1.2326999999999999</v>
          </cell>
        </row>
        <row r="2579">
          <cell r="C2579">
            <v>2005</v>
          </cell>
          <cell r="D2579">
            <v>1</v>
          </cell>
          <cell r="F2579">
            <v>1.2212000000000001</v>
          </cell>
        </row>
        <row r="2580">
          <cell r="C2580">
            <v>2005</v>
          </cell>
          <cell r="D2580">
            <v>1</v>
          </cell>
          <cell r="F2580">
            <v>1.2212000000000001</v>
          </cell>
        </row>
        <row r="2581">
          <cell r="C2581">
            <v>2005</v>
          </cell>
          <cell r="D2581">
            <v>1</v>
          </cell>
          <cell r="F2581">
            <v>1.2212000000000001</v>
          </cell>
        </row>
        <row r="2582">
          <cell r="C2582">
            <v>2005</v>
          </cell>
          <cell r="D2582">
            <v>1</v>
          </cell>
          <cell r="F2582">
            <v>1.226</v>
          </cell>
        </row>
        <row r="2583">
          <cell r="C2583">
            <v>2005</v>
          </cell>
          <cell r="D2583">
            <v>1</v>
          </cell>
          <cell r="F2583">
            <v>1.2383</v>
          </cell>
        </row>
        <row r="2584">
          <cell r="C2584">
            <v>2005</v>
          </cell>
          <cell r="D2584">
            <v>1</v>
          </cell>
          <cell r="F2584">
            <v>1.2306999999999999</v>
          </cell>
        </row>
        <row r="2585">
          <cell r="C2585">
            <v>2005</v>
          </cell>
          <cell r="D2585">
            <v>1</v>
          </cell>
          <cell r="F2585">
            <v>1.2366999999999999</v>
          </cell>
        </row>
        <row r="2586">
          <cell r="C2586">
            <v>2005</v>
          </cell>
          <cell r="D2586">
            <v>1</v>
          </cell>
          <cell r="F2586">
            <v>1.2421</v>
          </cell>
        </row>
        <row r="2587">
          <cell r="C2587">
            <v>2005</v>
          </cell>
          <cell r="D2587">
            <v>1</v>
          </cell>
          <cell r="F2587">
            <v>1.2421</v>
          </cell>
        </row>
        <row r="2588">
          <cell r="C2588">
            <v>2005</v>
          </cell>
          <cell r="D2588">
            <v>1</v>
          </cell>
          <cell r="F2588">
            <v>1.2421</v>
          </cell>
        </row>
        <row r="2589">
          <cell r="C2589">
            <v>2005</v>
          </cell>
          <cell r="D2589">
            <v>2</v>
          </cell>
          <cell r="F2589">
            <v>1.238</v>
          </cell>
        </row>
        <row r="2590">
          <cell r="C2590">
            <v>2005</v>
          </cell>
          <cell r="D2590">
            <v>2</v>
          </cell>
          <cell r="F2590">
            <v>1.2397</v>
          </cell>
        </row>
        <row r="2591">
          <cell r="C2591">
            <v>2005</v>
          </cell>
          <cell r="D2591">
            <v>2</v>
          </cell>
          <cell r="F2591">
            <v>1.2404999999999999</v>
          </cell>
        </row>
        <row r="2592">
          <cell r="C2592">
            <v>2005</v>
          </cell>
          <cell r="D2592">
            <v>2</v>
          </cell>
          <cell r="F2592">
            <v>1.2427999999999999</v>
          </cell>
        </row>
        <row r="2593">
          <cell r="C2593">
            <v>2005</v>
          </cell>
          <cell r="D2593">
            <v>2</v>
          </cell>
          <cell r="F2593">
            <v>1.2498</v>
          </cell>
        </row>
        <row r="2594">
          <cell r="C2594">
            <v>2005</v>
          </cell>
          <cell r="D2594">
            <v>2</v>
          </cell>
          <cell r="F2594">
            <v>1.2498</v>
          </cell>
        </row>
        <row r="2595">
          <cell r="C2595">
            <v>2005</v>
          </cell>
          <cell r="D2595">
            <v>2</v>
          </cell>
          <cell r="F2595">
            <v>1.2498</v>
          </cell>
        </row>
        <row r="2596">
          <cell r="C2596">
            <v>2005</v>
          </cell>
          <cell r="D2596">
            <v>2</v>
          </cell>
          <cell r="F2596">
            <v>1.2565999999999999</v>
          </cell>
        </row>
        <row r="2597">
          <cell r="C2597">
            <v>2005</v>
          </cell>
          <cell r="D2597">
            <v>2</v>
          </cell>
          <cell r="F2597">
            <v>1.248</v>
          </cell>
        </row>
        <row r="2598">
          <cell r="C2598">
            <v>2005</v>
          </cell>
          <cell r="D2598">
            <v>2</v>
          </cell>
          <cell r="F2598">
            <v>1.2509999999999999</v>
          </cell>
        </row>
        <row r="2599">
          <cell r="C2599">
            <v>2005</v>
          </cell>
          <cell r="D2599">
            <v>2</v>
          </cell>
          <cell r="F2599">
            <v>1.2408999999999999</v>
          </cell>
        </row>
        <row r="2600">
          <cell r="C2600">
            <v>2005</v>
          </cell>
          <cell r="D2600">
            <v>2</v>
          </cell>
          <cell r="F2600">
            <v>1.2379</v>
          </cell>
        </row>
        <row r="2601">
          <cell r="C2601">
            <v>2005</v>
          </cell>
          <cell r="D2601">
            <v>2</v>
          </cell>
          <cell r="F2601">
            <v>1.2379</v>
          </cell>
        </row>
        <row r="2602">
          <cell r="C2602">
            <v>2005</v>
          </cell>
          <cell r="D2602">
            <v>2</v>
          </cell>
          <cell r="F2602">
            <v>1.2379</v>
          </cell>
        </row>
        <row r="2603">
          <cell r="C2603">
            <v>2005</v>
          </cell>
          <cell r="D2603">
            <v>2</v>
          </cell>
          <cell r="F2603">
            <v>1.2344999999999999</v>
          </cell>
        </row>
        <row r="2604">
          <cell r="C2604">
            <v>2005</v>
          </cell>
          <cell r="D2604">
            <v>2</v>
          </cell>
          <cell r="F2604">
            <v>1.2336</v>
          </cell>
        </row>
        <row r="2605">
          <cell r="C2605">
            <v>2005</v>
          </cell>
          <cell r="D2605">
            <v>2</v>
          </cell>
          <cell r="F2605">
            <v>1.2423999999999999</v>
          </cell>
        </row>
        <row r="2606">
          <cell r="C2606">
            <v>2005</v>
          </cell>
          <cell r="D2606">
            <v>2</v>
          </cell>
          <cell r="F2606">
            <v>1.23</v>
          </cell>
        </row>
        <row r="2607">
          <cell r="C2607">
            <v>2005</v>
          </cell>
          <cell r="D2607">
            <v>2</v>
          </cell>
          <cell r="F2607">
            <v>1.2299</v>
          </cell>
        </row>
        <row r="2608">
          <cell r="C2608">
            <v>2005</v>
          </cell>
          <cell r="D2608">
            <v>2</v>
          </cell>
          <cell r="F2608">
            <v>1.2299</v>
          </cell>
        </row>
        <row r="2609">
          <cell r="C2609">
            <v>2005</v>
          </cell>
          <cell r="D2609">
            <v>2</v>
          </cell>
          <cell r="F2609">
            <v>1.2299</v>
          </cell>
        </row>
        <row r="2610">
          <cell r="C2610">
            <v>2005</v>
          </cell>
          <cell r="D2610">
            <v>2</v>
          </cell>
          <cell r="F2610">
            <v>1.2299</v>
          </cell>
        </row>
        <row r="2611">
          <cell r="C2611">
            <v>2005</v>
          </cell>
          <cell r="D2611">
            <v>2</v>
          </cell>
          <cell r="F2611">
            <v>1.2299</v>
          </cell>
        </row>
        <row r="2612">
          <cell r="C2612">
            <v>2005</v>
          </cell>
          <cell r="D2612">
            <v>2</v>
          </cell>
          <cell r="F2612">
            <v>1.2383</v>
          </cell>
        </row>
        <row r="2613">
          <cell r="C2613">
            <v>2005</v>
          </cell>
          <cell r="D2613">
            <v>2</v>
          </cell>
          <cell r="F2613">
            <v>1.2416</v>
          </cell>
        </row>
        <row r="2614">
          <cell r="C2614">
            <v>2005</v>
          </cell>
          <cell r="D2614">
            <v>2</v>
          </cell>
          <cell r="F2614">
            <v>1.2407999999999999</v>
          </cell>
        </row>
        <row r="2615">
          <cell r="C2615">
            <v>2005</v>
          </cell>
          <cell r="D2615">
            <v>2</v>
          </cell>
          <cell r="F2615">
            <v>1.2407999999999999</v>
          </cell>
        </row>
        <row r="2616">
          <cell r="C2616">
            <v>2005</v>
          </cell>
          <cell r="D2616">
            <v>2</v>
          </cell>
          <cell r="F2616">
            <v>1.2407999999999999</v>
          </cell>
        </row>
        <row r="2617">
          <cell r="C2617">
            <v>2005</v>
          </cell>
          <cell r="D2617">
            <v>3</v>
          </cell>
          <cell r="F2617">
            <v>1.2314000000000001</v>
          </cell>
        </row>
        <row r="2618">
          <cell r="C2618">
            <v>2005</v>
          </cell>
          <cell r="D2618">
            <v>3</v>
          </cell>
          <cell r="F2618">
            <v>1.2428999999999999</v>
          </cell>
        </row>
        <row r="2619">
          <cell r="C2619">
            <v>2005</v>
          </cell>
          <cell r="D2619">
            <v>3</v>
          </cell>
          <cell r="F2619">
            <v>1.2401</v>
          </cell>
        </row>
        <row r="2620">
          <cell r="C2620">
            <v>2005</v>
          </cell>
          <cell r="D2620">
            <v>3</v>
          </cell>
          <cell r="F2620">
            <v>1.2462</v>
          </cell>
        </row>
        <row r="2621">
          <cell r="C2621">
            <v>2005</v>
          </cell>
          <cell r="D2621">
            <v>3</v>
          </cell>
          <cell r="F2621">
            <v>1.2325999999999999</v>
          </cell>
        </row>
        <row r="2622">
          <cell r="C2622">
            <v>2005</v>
          </cell>
          <cell r="D2622">
            <v>3</v>
          </cell>
          <cell r="F2622">
            <v>1.2325999999999999</v>
          </cell>
        </row>
        <row r="2623">
          <cell r="C2623">
            <v>2005</v>
          </cell>
          <cell r="D2623">
            <v>3</v>
          </cell>
          <cell r="F2623">
            <v>1.2325999999999999</v>
          </cell>
        </row>
        <row r="2624">
          <cell r="C2624">
            <v>2005</v>
          </cell>
          <cell r="D2624">
            <v>3</v>
          </cell>
          <cell r="F2624">
            <v>1.2293000000000001</v>
          </cell>
        </row>
        <row r="2625">
          <cell r="C2625">
            <v>2005</v>
          </cell>
          <cell r="D2625">
            <v>3</v>
          </cell>
          <cell r="F2625">
            <v>1.2169000000000001</v>
          </cell>
        </row>
        <row r="2626">
          <cell r="C2626">
            <v>2005</v>
          </cell>
          <cell r="D2626">
            <v>3</v>
          </cell>
          <cell r="F2626">
            <v>1.2064999999999999</v>
          </cell>
        </row>
        <row r="2627">
          <cell r="C2627">
            <v>2005</v>
          </cell>
          <cell r="D2627">
            <v>3</v>
          </cell>
          <cell r="F2627">
            <v>1.2048000000000001</v>
          </cell>
        </row>
        <row r="2628">
          <cell r="C2628">
            <v>2005</v>
          </cell>
          <cell r="D2628">
            <v>3</v>
          </cell>
          <cell r="F2628">
            <v>1.204</v>
          </cell>
        </row>
        <row r="2629">
          <cell r="C2629">
            <v>2005</v>
          </cell>
          <cell r="D2629">
            <v>3</v>
          </cell>
          <cell r="F2629">
            <v>1.204</v>
          </cell>
        </row>
        <row r="2630">
          <cell r="C2630">
            <v>2005</v>
          </cell>
          <cell r="D2630">
            <v>3</v>
          </cell>
          <cell r="F2630">
            <v>1.204</v>
          </cell>
        </row>
        <row r="2631">
          <cell r="C2631">
            <v>2005</v>
          </cell>
          <cell r="D2631">
            <v>3</v>
          </cell>
          <cell r="F2631">
            <v>1.2087000000000001</v>
          </cell>
        </row>
        <row r="2632">
          <cell r="C2632">
            <v>2005</v>
          </cell>
          <cell r="D2632">
            <v>3</v>
          </cell>
          <cell r="F2632">
            <v>1.2078</v>
          </cell>
        </row>
        <row r="2633">
          <cell r="C2633">
            <v>2005</v>
          </cell>
          <cell r="D2633">
            <v>3</v>
          </cell>
          <cell r="F2633">
            <v>1.2036</v>
          </cell>
        </row>
        <row r="2634">
          <cell r="C2634">
            <v>2005</v>
          </cell>
          <cell r="D2634">
            <v>3</v>
          </cell>
          <cell r="F2634">
            <v>1.2021999999999999</v>
          </cell>
        </row>
        <row r="2635">
          <cell r="C2635">
            <v>2005</v>
          </cell>
          <cell r="D2635">
            <v>3</v>
          </cell>
          <cell r="F2635">
            <v>1.2028000000000001</v>
          </cell>
        </row>
        <row r="2636">
          <cell r="C2636">
            <v>2005</v>
          </cell>
          <cell r="D2636">
            <v>3</v>
          </cell>
          <cell r="F2636">
            <v>1.2028000000000001</v>
          </cell>
        </row>
        <row r="2637">
          <cell r="C2637">
            <v>2005</v>
          </cell>
          <cell r="D2637">
            <v>3</v>
          </cell>
          <cell r="F2637">
            <v>1.2028000000000001</v>
          </cell>
        </row>
        <row r="2638">
          <cell r="C2638">
            <v>2005</v>
          </cell>
          <cell r="D2638">
            <v>3</v>
          </cell>
          <cell r="F2638">
            <v>1.2117</v>
          </cell>
        </row>
        <row r="2639">
          <cell r="C2639">
            <v>2005</v>
          </cell>
          <cell r="D2639">
            <v>3</v>
          </cell>
          <cell r="F2639">
            <v>1.2019</v>
          </cell>
        </row>
        <row r="2640">
          <cell r="C2640">
            <v>2005</v>
          </cell>
          <cell r="D2640">
            <v>3</v>
          </cell>
          <cell r="F2640">
            <v>1.2136</v>
          </cell>
        </row>
        <row r="2641">
          <cell r="C2641">
            <v>2005</v>
          </cell>
          <cell r="D2641">
            <v>3</v>
          </cell>
          <cell r="F2641">
            <v>1.2153</v>
          </cell>
        </row>
        <row r="2642">
          <cell r="C2642">
            <v>2005</v>
          </cell>
          <cell r="D2642">
            <v>3</v>
          </cell>
          <cell r="F2642">
            <v>1.2153</v>
          </cell>
        </row>
        <row r="2643">
          <cell r="C2643">
            <v>2005</v>
          </cell>
          <cell r="D2643">
            <v>3</v>
          </cell>
          <cell r="F2643">
            <v>1.2153</v>
          </cell>
        </row>
        <row r="2644">
          <cell r="C2644">
            <v>2005</v>
          </cell>
          <cell r="D2644">
            <v>3</v>
          </cell>
          <cell r="F2644">
            <v>1.2153</v>
          </cell>
        </row>
        <row r="2645">
          <cell r="C2645">
            <v>2005</v>
          </cell>
          <cell r="D2645">
            <v>3</v>
          </cell>
          <cell r="F2645">
            <v>1.2236</v>
          </cell>
        </row>
        <row r="2646">
          <cell r="C2646">
            <v>2005</v>
          </cell>
          <cell r="D2646">
            <v>3</v>
          </cell>
          <cell r="F2646">
            <v>1.2136</v>
          </cell>
        </row>
        <row r="2647">
          <cell r="C2647">
            <v>2005</v>
          </cell>
          <cell r="D2647">
            <v>3</v>
          </cell>
          <cell r="F2647">
            <v>1.2164999999999999</v>
          </cell>
        </row>
        <row r="2648">
          <cell r="C2648">
            <v>2005</v>
          </cell>
          <cell r="D2648">
            <v>4</v>
          </cell>
          <cell r="F2648">
            <v>1.2096</v>
          </cell>
        </row>
        <row r="2649">
          <cell r="C2649">
            <v>2005</v>
          </cell>
          <cell r="D2649">
            <v>4</v>
          </cell>
          <cell r="F2649">
            <v>1.2146999999999999</v>
          </cell>
        </row>
        <row r="2650">
          <cell r="C2650">
            <v>2005</v>
          </cell>
          <cell r="D2650">
            <v>4</v>
          </cell>
          <cell r="F2650">
            <v>1.2146999999999999</v>
          </cell>
        </row>
        <row r="2651">
          <cell r="C2651">
            <v>2005</v>
          </cell>
          <cell r="D2651">
            <v>4</v>
          </cell>
          <cell r="F2651">
            <v>1.2146999999999999</v>
          </cell>
        </row>
        <row r="2652">
          <cell r="C2652">
            <v>2005</v>
          </cell>
          <cell r="D2652">
            <v>4</v>
          </cell>
          <cell r="F2652">
            <v>1.2202999999999999</v>
          </cell>
        </row>
        <row r="2653">
          <cell r="C2653">
            <v>2005</v>
          </cell>
          <cell r="D2653">
            <v>4</v>
          </cell>
          <cell r="F2653">
            <v>1.2201</v>
          </cell>
        </row>
        <row r="2654">
          <cell r="C2654">
            <v>2005</v>
          </cell>
          <cell r="D2654">
            <v>4</v>
          </cell>
          <cell r="F2654">
            <v>1.2219</v>
          </cell>
        </row>
        <row r="2655">
          <cell r="C2655">
            <v>2005</v>
          </cell>
          <cell r="D2655">
            <v>4</v>
          </cell>
          <cell r="F2655">
            <v>1.2208000000000001</v>
          </cell>
        </row>
        <row r="2656">
          <cell r="C2656">
            <v>2005</v>
          </cell>
          <cell r="D2656">
            <v>4</v>
          </cell>
          <cell r="F2656">
            <v>1.2245999999999999</v>
          </cell>
        </row>
        <row r="2657">
          <cell r="C2657">
            <v>2005</v>
          </cell>
          <cell r="D2657">
            <v>4</v>
          </cell>
          <cell r="F2657">
            <v>1.2245999999999999</v>
          </cell>
        </row>
        <row r="2658">
          <cell r="C2658">
            <v>2005</v>
          </cell>
          <cell r="D2658">
            <v>4</v>
          </cell>
          <cell r="F2658">
            <v>1.2245999999999999</v>
          </cell>
        </row>
        <row r="2659">
          <cell r="C2659">
            <v>2005</v>
          </cell>
          <cell r="D2659">
            <v>4</v>
          </cell>
          <cell r="F2659">
            <v>1.2331000000000001</v>
          </cell>
        </row>
        <row r="2660">
          <cell r="C2660">
            <v>2005</v>
          </cell>
          <cell r="D2660">
            <v>4</v>
          </cell>
          <cell r="F2660">
            <v>1.2405999999999999</v>
          </cell>
        </row>
        <row r="2661">
          <cell r="C2661">
            <v>2005</v>
          </cell>
          <cell r="D2661">
            <v>4</v>
          </cell>
          <cell r="F2661">
            <v>1.2367999999999999</v>
          </cell>
        </row>
        <row r="2662">
          <cell r="C2662">
            <v>2005</v>
          </cell>
          <cell r="D2662">
            <v>4</v>
          </cell>
          <cell r="F2662">
            <v>1.2417</v>
          </cell>
        </row>
        <row r="2663">
          <cell r="C2663">
            <v>2005</v>
          </cell>
          <cell r="D2663">
            <v>4</v>
          </cell>
          <cell r="F2663">
            <v>1.2419</v>
          </cell>
        </row>
        <row r="2664">
          <cell r="C2664">
            <v>2005</v>
          </cell>
          <cell r="D2664">
            <v>4</v>
          </cell>
          <cell r="F2664">
            <v>1.2419</v>
          </cell>
        </row>
        <row r="2665">
          <cell r="C2665">
            <v>2005</v>
          </cell>
          <cell r="D2665">
            <v>4</v>
          </cell>
          <cell r="F2665">
            <v>1.2419</v>
          </cell>
        </row>
        <row r="2666">
          <cell r="C2666">
            <v>2005</v>
          </cell>
          <cell r="D2666">
            <v>4</v>
          </cell>
          <cell r="F2666">
            <v>1.2481</v>
          </cell>
        </row>
        <row r="2667">
          <cell r="C2667">
            <v>2005</v>
          </cell>
          <cell r="D2667">
            <v>4</v>
          </cell>
          <cell r="F2667">
            <v>1.2410000000000001</v>
          </cell>
        </row>
        <row r="2668">
          <cell r="C2668">
            <v>2005</v>
          </cell>
          <cell r="D2668">
            <v>4</v>
          </cell>
          <cell r="F2668">
            <v>1.2393000000000001</v>
          </cell>
        </row>
        <row r="2669">
          <cell r="C2669">
            <v>2005</v>
          </cell>
          <cell r="D2669">
            <v>4</v>
          </cell>
          <cell r="F2669">
            <v>1.2391000000000001</v>
          </cell>
        </row>
        <row r="2670">
          <cell r="C2670">
            <v>2005</v>
          </cell>
          <cell r="D2670">
            <v>4</v>
          </cell>
          <cell r="F2670">
            <v>1.2342</v>
          </cell>
        </row>
        <row r="2671">
          <cell r="C2671">
            <v>2005</v>
          </cell>
          <cell r="D2671">
            <v>4</v>
          </cell>
          <cell r="F2671">
            <v>1.2342</v>
          </cell>
        </row>
        <row r="2672">
          <cell r="C2672">
            <v>2005</v>
          </cell>
          <cell r="D2672">
            <v>4</v>
          </cell>
          <cell r="F2672">
            <v>1.2342</v>
          </cell>
        </row>
        <row r="2673">
          <cell r="C2673">
            <v>2005</v>
          </cell>
          <cell r="D2673">
            <v>4</v>
          </cell>
          <cell r="F2673">
            <v>1.2375</v>
          </cell>
        </row>
        <row r="2674">
          <cell r="C2674">
            <v>2005</v>
          </cell>
          <cell r="D2674">
            <v>4</v>
          </cell>
          <cell r="F2674">
            <v>1.2464</v>
          </cell>
        </row>
        <row r="2675">
          <cell r="C2675">
            <v>2005</v>
          </cell>
          <cell r="D2675">
            <v>4</v>
          </cell>
          <cell r="F2675">
            <v>1.2465999999999999</v>
          </cell>
        </row>
        <row r="2676">
          <cell r="C2676">
            <v>2005</v>
          </cell>
          <cell r="D2676">
            <v>4</v>
          </cell>
          <cell r="F2676">
            <v>1.2507999999999999</v>
          </cell>
        </row>
        <row r="2677">
          <cell r="C2677">
            <v>2005</v>
          </cell>
          <cell r="D2677">
            <v>4</v>
          </cell>
          <cell r="F2677">
            <v>1.2568999999999999</v>
          </cell>
        </row>
        <row r="2678">
          <cell r="C2678">
            <v>2005</v>
          </cell>
          <cell r="D2678">
            <v>5</v>
          </cell>
          <cell r="F2678">
            <v>1.2568999999999999</v>
          </cell>
        </row>
        <row r="2679">
          <cell r="C2679">
            <v>2005</v>
          </cell>
          <cell r="D2679">
            <v>5</v>
          </cell>
          <cell r="F2679">
            <v>1.2568999999999999</v>
          </cell>
        </row>
        <row r="2680">
          <cell r="C2680">
            <v>2005</v>
          </cell>
          <cell r="D2680">
            <v>5</v>
          </cell>
          <cell r="F2680">
            <v>1.2555000000000001</v>
          </cell>
        </row>
        <row r="2681">
          <cell r="C2681">
            <v>2005</v>
          </cell>
          <cell r="D2681">
            <v>5</v>
          </cell>
          <cell r="F2681">
            <v>1.2546999999999999</v>
          </cell>
        </row>
        <row r="2682">
          <cell r="C2682">
            <v>2005</v>
          </cell>
          <cell r="D2682">
            <v>5</v>
          </cell>
          <cell r="F2682">
            <v>1.2505999999999999</v>
          </cell>
        </row>
        <row r="2683">
          <cell r="C2683">
            <v>2005</v>
          </cell>
          <cell r="D2683">
            <v>5</v>
          </cell>
          <cell r="F2683">
            <v>1.2448999999999999</v>
          </cell>
        </row>
        <row r="2684">
          <cell r="C2684">
            <v>2005</v>
          </cell>
          <cell r="D2684">
            <v>5</v>
          </cell>
          <cell r="F2684">
            <v>1.2432000000000001</v>
          </cell>
        </row>
        <row r="2685">
          <cell r="C2685">
            <v>2005</v>
          </cell>
          <cell r="D2685">
            <v>5</v>
          </cell>
          <cell r="F2685">
            <v>1.2432000000000001</v>
          </cell>
        </row>
        <row r="2686">
          <cell r="C2686">
            <v>2005</v>
          </cell>
          <cell r="D2686">
            <v>5</v>
          </cell>
          <cell r="F2686">
            <v>1.2432000000000001</v>
          </cell>
        </row>
        <row r="2687">
          <cell r="C2687">
            <v>2005</v>
          </cell>
          <cell r="D2687">
            <v>5</v>
          </cell>
          <cell r="F2687">
            <v>1.2378</v>
          </cell>
        </row>
        <row r="2688">
          <cell r="C2688">
            <v>2005</v>
          </cell>
          <cell r="D2688">
            <v>5</v>
          </cell>
          <cell r="F2688">
            <v>1.2372000000000001</v>
          </cell>
        </row>
        <row r="2689">
          <cell r="C2689">
            <v>2005</v>
          </cell>
          <cell r="D2689">
            <v>5</v>
          </cell>
          <cell r="F2689">
            <v>1.2475000000000001</v>
          </cell>
        </row>
        <row r="2690">
          <cell r="C2690">
            <v>2005</v>
          </cell>
          <cell r="D2690">
            <v>5</v>
          </cell>
          <cell r="F2690">
            <v>1.2494000000000001</v>
          </cell>
        </row>
        <row r="2691">
          <cell r="C2691">
            <v>2005</v>
          </cell>
          <cell r="D2691">
            <v>5</v>
          </cell>
          <cell r="F2691">
            <v>1.2624</v>
          </cell>
        </row>
        <row r="2692">
          <cell r="C2692">
            <v>2005</v>
          </cell>
          <cell r="D2692">
            <v>5</v>
          </cell>
          <cell r="F2692">
            <v>1.2624</v>
          </cell>
        </row>
        <row r="2693">
          <cell r="C2693">
            <v>2005</v>
          </cell>
          <cell r="D2693">
            <v>5</v>
          </cell>
          <cell r="F2693">
            <v>1.2624</v>
          </cell>
        </row>
        <row r="2694">
          <cell r="C2694">
            <v>2005</v>
          </cell>
          <cell r="D2694">
            <v>5</v>
          </cell>
          <cell r="F2694">
            <v>1.2704</v>
          </cell>
        </row>
        <row r="2695">
          <cell r="C2695">
            <v>2005</v>
          </cell>
          <cell r="D2695">
            <v>5</v>
          </cell>
          <cell r="F2695">
            <v>1.2665</v>
          </cell>
        </row>
        <row r="2696">
          <cell r="C2696">
            <v>2005</v>
          </cell>
          <cell r="D2696">
            <v>5</v>
          </cell>
          <cell r="F2696">
            <v>1.2618</v>
          </cell>
        </row>
        <row r="2697">
          <cell r="C2697">
            <v>2005</v>
          </cell>
          <cell r="D2697">
            <v>5</v>
          </cell>
          <cell r="F2697">
            <v>1.2623</v>
          </cell>
        </row>
        <row r="2698">
          <cell r="C2698">
            <v>2005</v>
          </cell>
          <cell r="D2698">
            <v>5</v>
          </cell>
          <cell r="F2698">
            <v>1.2630999999999999</v>
          </cell>
        </row>
        <row r="2699">
          <cell r="C2699">
            <v>2005</v>
          </cell>
          <cell r="D2699">
            <v>5</v>
          </cell>
          <cell r="F2699">
            <v>1.2630999999999999</v>
          </cell>
        </row>
        <row r="2700">
          <cell r="C2700">
            <v>2005</v>
          </cell>
          <cell r="D2700">
            <v>5</v>
          </cell>
          <cell r="F2700">
            <v>1.2630999999999999</v>
          </cell>
        </row>
        <row r="2701">
          <cell r="C2701">
            <v>2005</v>
          </cell>
          <cell r="D2701">
            <v>5</v>
          </cell>
          <cell r="F2701">
            <v>1.2630999999999999</v>
          </cell>
        </row>
        <row r="2702">
          <cell r="C2702">
            <v>2005</v>
          </cell>
          <cell r="D2702">
            <v>5</v>
          </cell>
          <cell r="F2702">
            <v>1.2611000000000001</v>
          </cell>
        </row>
        <row r="2703">
          <cell r="C2703">
            <v>2005</v>
          </cell>
          <cell r="D2703">
            <v>5</v>
          </cell>
          <cell r="F2703">
            <v>1.264</v>
          </cell>
        </row>
        <row r="2704">
          <cell r="C2704">
            <v>2005</v>
          </cell>
          <cell r="D2704">
            <v>5</v>
          </cell>
          <cell r="F2704">
            <v>1.2681</v>
          </cell>
        </row>
        <row r="2705">
          <cell r="C2705">
            <v>2005</v>
          </cell>
          <cell r="D2705">
            <v>5</v>
          </cell>
          <cell r="F2705">
            <v>1.2584</v>
          </cell>
        </row>
        <row r="2706">
          <cell r="C2706">
            <v>2005</v>
          </cell>
          <cell r="D2706">
            <v>5</v>
          </cell>
          <cell r="F2706">
            <v>1.2584</v>
          </cell>
        </row>
        <row r="2707">
          <cell r="C2707">
            <v>2005</v>
          </cell>
          <cell r="D2707">
            <v>5</v>
          </cell>
          <cell r="F2707">
            <v>1.2584</v>
          </cell>
        </row>
        <row r="2708">
          <cell r="C2708">
            <v>2005</v>
          </cell>
          <cell r="D2708">
            <v>5</v>
          </cell>
          <cell r="F2708">
            <v>1.2584</v>
          </cell>
        </row>
        <row r="2709">
          <cell r="C2709">
            <v>2005</v>
          </cell>
          <cell r="D2709">
            <v>6</v>
          </cell>
          <cell r="F2709">
            <v>1.2509999999999999</v>
          </cell>
        </row>
        <row r="2710">
          <cell r="C2710">
            <v>2005</v>
          </cell>
          <cell r="D2710">
            <v>6</v>
          </cell>
          <cell r="F2710">
            <v>1.2471000000000001</v>
          </cell>
        </row>
        <row r="2711">
          <cell r="C2711">
            <v>2005</v>
          </cell>
          <cell r="D2711">
            <v>6</v>
          </cell>
          <cell r="F2711">
            <v>1.2476</v>
          </cell>
        </row>
        <row r="2712">
          <cell r="C2712">
            <v>2005</v>
          </cell>
          <cell r="D2712">
            <v>6</v>
          </cell>
          <cell r="F2712">
            <v>1.2485999999999999</v>
          </cell>
        </row>
        <row r="2713">
          <cell r="C2713">
            <v>2005</v>
          </cell>
          <cell r="D2713">
            <v>6</v>
          </cell>
          <cell r="F2713">
            <v>1.2485999999999999</v>
          </cell>
        </row>
        <row r="2714">
          <cell r="C2714">
            <v>2005</v>
          </cell>
          <cell r="D2714">
            <v>6</v>
          </cell>
          <cell r="F2714">
            <v>1.2485999999999999</v>
          </cell>
        </row>
        <row r="2715">
          <cell r="C2715">
            <v>2005</v>
          </cell>
          <cell r="D2715">
            <v>6</v>
          </cell>
          <cell r="F2715">
            <v>1.2447999999999999</v>
          </cell>
        </row>
        <row r="2716">
          <cell r="C2716">
            <v>2005</v>
          </cell>
          <cell r="D2716">
            <v>6</v>
          </cell>
          <cell r="F2716">
            <v>1.2472000000000001</v>
          </cell>
        </row>
        <row r="2717">
          <cell r="C2717">
            <v>2005</v>
          </cell>
          <cell r="D2717">
            <v>6</v>
          </cell>
          <cell r="F2717">
            <v>1.244</v>
          </cell>
        </row>
        <row r="2718">
          <cell r="C2718">
            <v>2005</v>
          </cell>
          <cell r="D2718">
            <v>6</v>
          </cell>
          <cell r="F2718">
            <v>1.2549999999999999</v>
          </cell>
        </row>
        <row r="2719">
          <cell r="C2719">
            <v>2005</v>
          </cell>
          <cell r="D2719">
            <v>6</v>
          </cell>
          <cell r="F2719">
            <v>1.2493000000000001</v>
          </cell>
        </row>
        <row r="2720">
          <cell r="C2720">
            <v>2005</v>
          </cell>
          <cell r="D2720">
            <v>6</v>
          </cell>
          <cell r="F2720">
            <v>1.2493000000000001</v>
          </cell>
        </row>
        <row r="2721">
          <cell r="C2721">
            <v>2005</v>
          </cell>
          <cell r="D2721">
            <v>6</v>
          </cell>
          <cell r="F2721">
            <v>1.2493000000000001</v>
          </cell>
        </row>
        <row r="2722">
          <cell r="C2722">
            <v>2005</v>
          </cell>
          <cell r="D2722">
            <v>6</v>
          </cell>
          <cell r="F2722">
            <v>1.2577</v>
          </cell>
        </row>
        <row r="2723">
          <cell r="C2723">
            <v>2005</v>
          </cell>
          <cell r="D2723">
            <v>6</v>
          </cell>
          <cell r="F2723">
            <v>1.2554000000000001</v>
          </cell>
        </row>
        <row r="2724">
          <cell r="C2724">
            <v>2005</v>
          </cell>
          <cell r="D2724">
            <v>6</v>
          </cell>
          <cell r="F2724">
            <v>1.24</v>
          </cell>
        </row>
        <row r="2725">
          <cell r="C2725">
            <v>2005</v>
          </cell>
          <cell r="D2725">
            <v>6</v>
          </cell>
          <cell r="F2725">
            <v>1.2376</v>
          </cell>
        </row>
        <row r="2726">
          <cell r="C2726">
            <v>2005</v>
          </cell>
          <cell r="D2726">
            <v>6</v>
          </cell>
          <cell r="F2726">
            <v>1.2344999999999999</v>
          </cell>
        </row>
        <row r="2727">
          <cell r="C2727">
            <v>2005</v>
          </cell>
          <cell r="D2727">
            <v>6</v>
          </cell>
          <cell r="F2727">
            <v>1.2344999999999999</v>
          </cell>
        </row>
        <row r="2728">
          <cell r="C2728">
            <v>2005</v>
          </cell>
          <cell r="D2728">
            <v>6</v>
          </cell>
          <cell r="F2728">
            <v>1.2344999999999999</v>
          </cell>
        </row>
        <row r="2729">
          <cell r="C2729">
            <v>2005</v>
          </cell>
          <cell r="D2729">
            <v>6</v>
          </cell>
          <cell r="F2729">
            <v>1.232</v>
          </cell>
        </row>
        <row r="2730">
          <cell r="C2730">
            <v>2005</v>
          </cell>
          <cell r="D2730">
            <v>6</v>
          </cell>
          <cell r="F2730">
            <v>1.2307999999999999</v>
          </cell>
        </row>
        <row r="2731">
          <cell r="C2731">
            <v>2005</v>
          </cell>
          <cell r="D2731">
            <v>6</v>
          </cell>
          <cell r="F2731">
            <v>1.2355</v>
          </cell>
        </row>
        <row r="2732">
          <cell r="C2732">
            <v>2005</v>
          </cell>
          <cell r="D2732">
            <v>6</v>
          </cell>
          <cell r="F2732">
            <v>1.2311000000000001</v>
          </cell>
        </row>
        <row r="2733">
          <cell r="C2733">
            <v>2005</v>
          </cell>
          <cell r="D2733">
            <v>6</v>
          </cell>
          <cell r="F2733">
            <v>1.2325999999999999</v>
          </cell>
        </row>
        <row r="2734">
          <cell r="C2734">
            <v>2005</v>
          </cell>
          <cell r="D2734">
            <v>6</v>
          </cell>
          <cell r="F2734">
            <v>1.2325999999999999</v>
          </cell>
        </row>
        <row r="2735">
          <cell r="C2735">
            <v>2005</v>
          </cell>
          <cell r="D2735">
            <v>6</v>
          </cell>
          <cell r="F2735">
            <v>1.2325999999999999</v>
          </cell>
        </row>
        <row r="2736">
          <cell r="C2736">
            <v>2005</v>
          </cell>
          <cell r="D2736">
            <v>6</v>
          </cell>
          <cell r="F2736">
            <v>1.2307999999999999</v>
          </cell>
        </row>
        <row r="2737">
          <cell r="C2737">
            <v>2005</v>
          </cell>
          <cell r="D2737">
            <v>6</v>
          </cell>
          <cell r="F2737">
            <v>1.2312000000000001</v>
          </cell>
        </row>
        <row r="2738">
          <cell r="C2738">
            <v>2005</v>
          </cell>
          <cell r="D2738">
            <v>6</v>
          </cell>
          <cell r="F2738">
            <v>1.2262999999999999</v>
          </cell>
        </row>
        <row r="2739">
          <cell r="C2739">
            <v>2005</v>
          </cell>
          <cell r="D2739">
            <v>7</v>
          </cell>
          <cell r="F2739">
            <v>1.2256</v>
          </cell>
        </row>
        <row r="2740">
          <cell r="C2740">
            <v>2005</v>
          </cell>
          <cell r="D2740">
            <v>7</v>
          </cell>
          <cell r="F2740">
            <v>1.2256</v>
          </cell>
        </row>
        <row r="2741">
          <cell r="C2741">
            <v>2005</v>
          </cell>
          <cell r="D2741">
            <v>7</v>
          </cell>
          <cell r="F2741">
            <v>1.2256</v>
          </cell>
        </row>
        <row r="2742">
          <cell r="C2742">
            <v>2005</v>
          </cell>
          <cell r="D2742">
            <v>7</v>
          </cell>
          <cell r="F2742">
            <v>1.2256</v>
          </cell>
        </row>
        <row r="2743">
          <cell r="C2743">
            <v>2005</v>
          </cell>
          <cell r="D2743">
            <v>7</v>
          </cell>
          <cell r="F2743">
            <v>1.2256</v>
          </cell>
        </row>
        <row r="2744">
          <cell r="C2744">
            <v>2005</v>
          </cell>
          <cell r="D2744">
            <v>7</v>
          </cell>
          <cell r="F2744">
            <v>1.2432000000000001</v>
          </cell>
        </row>
        <row r="2745">
          <cell r="C2745">
            <v>2005</v>
          </cell>
          <cell r="D2745">
            <v>7</v>
          </cell>
          <cell r="F2745">
            <v>1.2362</v>
          </cell>
        </row>
        <row r="2746">
          <cell r="C2746">
            <v>2005</v>
          </cell>
          <cell r="D2746">
            <v>7</v>
          </cell>
          <cell r="F2746">
            <v>1.2286999999999999</v>
          </cell>
        </row>
        <row r="2747">
          <cell r="C2747">
            <v>2005</v>
          </cell>
          <cell r="D2747">
            <v>7</v>
          </cell>
          <cell r="F2747">
            <v>1.2208000000000001</v>
          </cell>
        </row>
        <row r="2748">
          <cell r="C2748">
            <v>2005</v>
          </cell>
          <cell r="D2748">
            <v>7</v>
          </cell>
          <cell r="F2748">
            <v>1.2208000000000001</v>
          </cell>
        </row>
        <row r="2749">
          <cell r="C2749">
            <v>2005</v>
          </cell>
          <cell r="D2749">
            <v>7</v>
          </cell>
          <cell r="F2749">
            <v>1.2208000000000001</v>
          </cell>
        </row>
        <row r="2750">
          <cell r="C2750">
            <v>2005</v>
          </cell>
          <cell r="D2750">
            <v>7</v>
          </cell>
          <cell r="F2750">
            <v>1.2114</v>
          </cell>
        </row>
        <row r="2751">
          <cell r="C2751">
            <v>2005</v>
          </cell>
          <cell r="D2751">
            <v>7</v>
          </cell>
          <cell r="F2751">
            <v>1.2051000000000001</v>
          </cell>
        </row>
        <row r="2752">
          <cell r="C2752">
            <v>2005</v>
          </cell>
          <cell r="D2752">
            <v>7</v>
          </cell>
          <cell r="F2752">
            <v>1.2072000000000001</v>
          </cell>
        </row>
        <row r="2753">
          <cell r="C2753">
            <v>2005</v>
          </cell>
          <cell r="D2753">
            <v>7</v>
          </cell>
          <cell r="F2753">
            <v>1.2073</v>
          </cell>
        </row>
        <row r="2754">
          <cell r="C2754">
            <v>2005</v>
          </cell>
          <cell r="D2754">
            <v>7</v>
          </cell>
          <cell r="F2754">
            <v>1.2205999999999999</v>
          </cell>
        </row>
        <row r="2755">
          <cell r="C2755">
            <v>2005</v>
          </cell>
          <cell r="D2755">
            <v>7</v>
          </cell>
          <cell r="F2755">
            <v>1.2205999999999999</v>
          </cell>
        </row>
        <row r="2756">
          <cell r="C2756">
            <v>2005</v>
          </cell>
          <cell r="D2756">
            <v>7</v>
          </cell>
          <cell r="F2756">
            <v>1.2205999999999999</v>
          </cell>
        </row>
        <row r="2757">
          <cell r="C2757">
            <v>2005</v>
          </cell>
          <cell r="D2757">
            <v>7</v>
          </cell>
          <cell r="F2757">
            <v>1.2150000000000001</v>
          </cell>
        </row>
        <row r="2758">
          <cell r="C2758">
            <v>2005</v>
          </cell>
          <cell r="D2758">
            <v>7</v>
          </cell>
          <cell r="F2758">
            <v>1.2189000000000001</v>
          </cell>
        </row>
        <row r="2759">
          <cell r="C2759">
            <v>2005</v>
          </cell>
          <cell r="D2759">
            <v>7</v>
          </cell>
          <cell r="F2759">
            <v>1.2219</v>
          </cell>
        </row>
        <row r="2760">
          <cell r="C2760">
            <v>2005</v>
          </cell>
          <cell r="D2760">
            <v>7</v>
          </cell>
          <cell r="F2760">
            <v>1.2178</v>
          </cell>
        </row>
        <row r="2761">
          <cell r="C2761">
            <v>2005</v>
          </cell>
          <cell r="D2761">
            <v>7</v>
          </cell>
          <cell r="F2761">
            <v>1.2179</v>
          </cell>
        </row>
        <row r="2762">
          <cell r="C2762">
            <v>2005</v>
          </cell>
          <cell r="D2762">
            <v>7</v>
          </cell>
          <cell r="F2762">
            <v>1.2179</v>
          </cell>
        </row>
        <row r="2763">
          <cell r="C2763">
            <v>2005</v>
          </cell>
          <cell r="D2763">
            <v>7</v>
          </cell>
          <cell r="F2763">
            <v>1.2179</v>
          </cell>
        </row>
        <row r="2764">
          <cell r="C2764">
            <v>2005</v>
          </cell>
          <cell r="D2764">
            <v>7</v>
          </cell>
          <cell r="F2764">
            <v>1.2191000000000001</v>
          </cell>
        </row>
        <row r="2765">
          <cell r="C2765">
            <v>2005</v>
          </cell>
          <cell r="D2765">
            <v>7</v>
          </cell>
          <cell r="F2765">
            <v>1.2296</v>
          </cell>
        </row>
        <row r="2766">
          <cell r="C2766">
            <v>2005</v>
          </cell>
          <cell r="D2766">
            <v>7</v>
          </cell>
          <cell r="F2766">
            <v>1.2342</v>
          </cell>
        </row>
        <row r="2767">
          <cell r="C2767">
            <v>2005</v>
          </cell>
          <cell r="D2767">
            <v>7</v>
          </cell>
          <cell r="F2767">
            <v>1.234</v>
          </cell>
        </row>
        <row r="2768">
          <cell r="C2768">
            <v>2005</v>
          </cell>
          <cell r="D2768">
            <v>7</v>
          </cell>
          <cell r="F2768">
            <v>1.2259</v>
          </cell>
        </row>
        <row r="2769">
          <cell r="C2769">
            <v>2005</v>
          </cell>
          <cell r="D2769">
            <v>7</v>
          </cell>
          <cell r="F2769">
            <v>1.2259</v>
          </cell>
        </row>
        <row r="2770">
          <cell r="C2770">
            <v>2005</v>
          </cell>
          <cell r="D2770">
            <v>8</v>
          </cell>
          <cell r="F2770">
            <v>1.2259</v>
          </cell>
        </row>
        <row r="2771">
          <cell r="C2771">
            <v>2005</v>
          </cell>
          <cell r="D2771">
            <v>8</v>
          </cell>
          <cell r="F2771">
            <v>1.2259</v>
          </cell>
        </row>
        <row r="2772">
          <cell r="C2772">
            <v>2005</v>
          </cell>
          <cell r="D2772">
            <v>8</v>
          </cell>
          <cell r="F2772">
            <v>1.2124999999999999</v>
          </cell>
        </row>
        <row r="2773">
          <cell r="C2773">
            <v>2005</v>
          </cell>
          <cell r="D2773">
            <v>8</v>
          </cell>
          <cell r="F2773">
            <v>1.2129000000000001</v>
          </cell>
        </row>
        <row r="2774">
          <cell r="C2774">
            <v>2005</v>
          </cell>
          <cell r="D2774">
            <v>8</v>
          </cell>
          <cell r="F2774">
            <v>1.212</v>
          </cell>
        </row>
        <row r="2775">
          <cell r="C2775">
            <v>2005</v>
          </cell>
          <cell r="D2775">
            <v>8</v>
          </cell>
          <cell r="F2775">
            <v>1.2186999999999999</v>
          </cell>
        </row>
        <row r="2776">
          <cell r="C2776">
            <v>2005</v>
          </cell>
          <cell r="D2776">
            <v>8</v>
          </cell>
          <cell r="F2776">
            <v>1.2186999999999999</v>
          </cell>
        </row>
        <row r="2777">
          <cell r="C2777">
            <v>2005</v>
          </cell>
          <cell r="D2777">
            <v>8</v>
          </cell>
          <cell r="F2777">
            <v>1.2186999999999999</v>
          </cell>
        </row>
        <row r="2778">
          <cell r="C2778">
            <v>2005</v>
          </cell>
          <cell r="D2778">
            <v>8</v>
          </cell>
          <cell r="F2778">
            <v>1.2132000000000001</v>
          </cell>
        </row>
        <row r="2779">
          <cell r="C2779">
            <v>2005</v>
          </cell>
          <cell r="D2779">
            <v>8</v>
          </cell>
          <cell r="F2779">
            <v>1.2141999999999999</v>
          </cell>
        </row>
        <row r="2780">
          <cell r="C2780">
            <v>2005</v>
          </cell>
          <cell r="D2780">
            <v>8</v>
          </cell>
          <cell r="F2780">
            <v>1.2115</v>
          </cell>
        </row>
        <row r="2781">
          <cell r="C2781">
            <v>2005</v>
          </cell>
          <cell r="D2781">
            <v>8</v>
          </cell>
          <cell r="F2781">
            <v>1.2025999999999999</v>
          </cell>
        </row>
        <row r="2782">
          <cell r="C2782">
            <v>2005</v>
          </cell>
          <cell r="D2782">
            <v>8</v>
          </cell>
          <cell r="F2782">
            <v>1.1947000000000001</v>
          </cell>
        </row>
        <row r="2783">
          <cell r="C2783">
            <v>2005</v>
          </cell>
          <cell r="D2783">
            <v>8</v>
          </cell>
          <cell r="F2783">
            <v>1.1947000000000001</v>
          </cell>
        </row>
        <row r="2784">
          <cell r="C2784">
            <v>2005</v>
          </cell>
          <cell r="D2784">
            <v>8</v>
          </cell>
          <cell r="F2784">
            <v>1.1947000000000001</v>
          </cell>
        </row>
        <row r="2785">
          <cell r="C2785">
            <v>2005</v>
          </cell>
          <cell r="D2785">
            <v>8</v>
          </cell>
          <cell r="F2785">
            <v>1.1970000000000001</v>
          </cell>
        </row>
        <row r="2786">
          <cell r="C2786">
            <v>2005</v>
          </cell>
          <cell r="D2786">
            <v>8</v>
          </cell>
          <cell r="F2786">
            <v>1.198</v>
          </cell>
        </row>
        <row r="2787">
          <cell r="C2787">
            <v>2005</v>
          </cell>
          <cell r="D2787">
            <v>8</v>
          </cell>
          <cell r="F2787">
            <v>1.2076</v>
          </cell>
        </row>
        <row r="2788">
          <cell r="C2788">
            <v>2005</v>
          </cell>
          <cell r="D2788">
            <v>8</v>
          </cell>
          <cell r="F2788">
            <v>1.2181999999999999</v>
          </cell>
        </row>
        <row r="2789">
          <cell r="C2789">
            <v>2005</v>
          </cell>
          <cell r="D2789">
            <v>8</v>
          </cell>
          <cell r="F2789">
            <v>1.2139</v>
          </cell>
        </row>
        <row r="2790">
          <cell r="C2790">
            <v>2005</v>
          </cell>
          <cell r="D2790">
            <v>8</v>
          </cell>
          <cell r="F2790">
            <v>1.2139</v>
          </cell>
        </row>
        <row r="2791">
          <cell r="C2791">
            <v>2005</v>
          </cell>
          <cell r="D2791">
            <v>8</v>
          </cell>
          <cell r="F2791">
            <v>1.2139</v>
          </cell>
        </row>
        <row r="2792">
          <cell r="C2792">
            <v>2005</v>
          </cell>
          <cell r="D2792">
            <v>8</v>
          </cell>
          <cell r="F2792">
            <v>1.2040999999999999</v>
          </cell>
        </row>
        <row r="2793">
          <cell r="C2793">
            <v>2005</v>
          </cell>
          <cell r="D2793">
            <v>8</v>
          </cell>
          <cell r="F2793">
            <v>1.1983999999999999</v>
          </cell>
        </row>
        <row r="2794">
          <cell r="C2794">
            <v>2005</v>
          </cell>
          <cell r="D2794">
            <v>8</v>
          </cell>
          <cell r="F2794">
            <v>1.1958</v>
          </cell>
        </row>
        <row r="2795">
          <cell r="C2795">
            <v>2005</v>
          </cell>
          <cell r="D2795">
            <v>8</v>
          </cell>
          <cell r="F2795">
            <v>1.1892</v>
          </cell>
        </row>
        <row r="2796">
          <cell r="C2796">
            <v>2005</v>
          </cell>
          <cell r="D2796">
            <v>8</v>
          </cell>
          <cell r="F2796">
            <v>1.1957</v>
          </cell>
        </row>
        <row r="2797">
          <cell r="C2797">
            <v>2005</v>
          </cell>
          <cell r="D2797">
            <v>8</v>
          </cell>
          <cell r="F2797">
            <v>1.1957</v>
          </cell>
        </row>
        <row r="2798">
          <cell r="C2798">
            <v>2005</v>
          </cell>
          <cell r="D2798">
            <v>8</v>
          </cell>
          <cell r="F2798">
            <v>1.1957</v>
          </cell>
        </row>
        <row r="2799">
          <cell r="C2799">
            <v>2005</v>
          </cell>
          <cell r="D2799">
            <v>8</v>
          </cell>
          <cell r="F2799">
            <v>1.1970000000000001</v>
          </cell>
        </row>
        <row r="2800">
          <cell r="C2800">
            <v>2005</v>
          </cell>
          <cell r="D2800">
            <v>8</v>
          </cell>
          <cell r="F2800">
            <v>1.1923999999999999</v>
          </cell>
        </row>
        <row r="2801">
          <cell r="C2801">
            <v>2005</v>
          </cell>
          <cell r="D2801">
            <v>9</v>
          </cell>
          <cell r="F2801">
            <v>1.1889000000000001</v>
          </cell>
        </row>
        <row r="2802">
          <cell r="C2802">
            <v>2005</v>
          </cell>
          <cell r="D2802">
            <v>9</v>
          </cell>
          <cell r="F2802">
            <v>1.1849000000000001</v>
          </cell>
        </row>
        <row r="2803">
          <cell r="C2803">
            <v>2005</v>
          </cell>
          <cell r="D2803">
            <v>9</v>
          </cell>
          <cell r="F2803">
            <v>1.1881999999999999</v>
          </cell>
        </row>
        <row r="2804">
          <cell r="C2804">
            <v>2005</v>
          </cell>
          <cell r="D2804">
            <v>9</v>
          </cell>
          <cell r="F2804">
            <v>1.1881999999999999</v>
          </cell>
        </row>
        <row r="2805">
          <cell r="C2805">
            <v>2005</v>
          </cell>
          <cell r="D2805">
            <v>9</v>
          </cell>
          <cell r="F2805">
            <v>1.1881999999999999</v>
          </cell>
        </row>
        <row r="2806">
          <cell r="C2806">
            <v>2005</v>
          </cell>
          <cell r="D2806">
            <v>9</v>
          </cell>
          <cell r="F2806">
            <v>1.1881999999999999</v>
          </cell>
        </row>
        <row r="2807">
          <cell r="C2807">
            <v>2005</v>
          </cell>
          <cell r="D2807">
            <v>9</v>
          </cell>
          <cell r="F2807">
            <v>1.1870000000000001</v>
          </cell>
        </row>
        <row r="2808">
          <cell r="C2808">
            <v>2005</v>
          </cell>
          <cell r="D2808">
            <v>9</v>
          </cell>
          <cell r="F2808">
            <v>1.1862999999999999</v>
          </cell>
        </row>
        <row r="2809">
          <cell r="C2809">
            <v>2005</v>
          </cell>
          <cell r="D2809">
            <v>9</v>
          </cell>
          <cell r="F2809">
            <v>1.1823999999999999</v>
          </cell>
        </row>
        <row r="2810">
          <cell r="C2810">
            <v>2005</v>
          </cell>
          <cell r="D2810">
            <v>9</v>
          </cell>
          <cell r="F2810">
            <v>1.1760999999999999</v>
          </cell>
        </row>
        <row r="2811">
          <cell r="C2811">
            <v>2005</v>
          </cell>
          <cell r="D2811">
            <v>9</v>
          </cell>
          <cell r="F2811">
            <v>1.1760999999999999</v>
          </cell>
        </row>
        <row r="2812">
          <cell r="C2812">
            <v>2005</v>
          </cell>
          <cell r="D2812">
            <v>9</v>
          </cell>
          <cell r="F2812">
            <v>1.1760999999999999</v>
          </cell>
        </row>
        <row r="2813">
          <cell r="C2813">
            <v>2005</v>
          </cell>
          <cell r="D2813">
            <v>9</v>
          </cell>
          <cell r="F2813">
            <v>1.1853</v>
          </cell>
        </row>
        <row r="2814">
          <cell r="C2814">
            <v>2005</v>
          </cell>
          <cell r="D2814">
            <v>9</v>
          </cell>
          <cell r="F2814">
            <v>1.1801999999999999</v>
          </cell>
        </row>
        <row r="2815">
          <cell r="C2815">
            <v>2005</v>
          </cell>
          <cell r="D2815">
            <v>9</v>
          </cell>
          <cell r="F2815">
            <v>1.1821999999999999</v>
          </cell>
        </row>
        <row r="2816">
          <cell r="C2816">
            <v>2005</v>
          </cell>
          <cell r="D2816">
            <v>9</v>
          </cell>
          <cell r="F2816">
            <v>1.1857</v>
          </cell>
        </row>
        <row r="2817">
          <cell r="C2817">
            <v>2005</v>
          </cell>
          <cell r="D2817">
            <v>9</v>
          </cell>
          <cell r="F2817">
            <v>1.1830000000000001</v>
          </cell>
        </row>
        <row r="2818">
          <cell r="C2818">
            <v>2005</v>
          </cell>
          <cell r="D2818">
            <v>9</v>
          </cell>
          <cell r="F2818">
            <v>1.1830000000000001</v>
          </cell>
        </row>
        <row r="2819">
          <cell r="C2819">
            <v>2005</v>
          </cell>
          <cell r="D2819">
            <v>9</v>
          </cell>
          <cell r="F2819">
            <v>1.1830000000000001</v>
          </cell>
        </row>
        <row r="2820">
          <cell r="C2820">
            <v>2005</v>
          </cell>
          <cell r="D2820">
            <v>9</v>
          </cell>
          <cell r="F2820">
            <v>1.1694</v>
          </cell>
        </row>
        <row r="2821">
          <cell r="C2821">
            <v>2005</v>
          </cell>
          <cell r="D2821">
            <v>9</v>
          </cell>
          <cell r="F2821">
            <v>1.1702999999999999</v>
          </cell>
        </row>
        <row r="2822">
          <cell r="C2822">
            <v>2005</v>
          </cell>
          <cell r="D2822">
            <v>9</v>
          </cell>
          <cell r="F2822">
            <v>1.1693</v>
          </cell>
        </row>
        <row r="2823">
          <cell r="C2823">
            <v>2005</v>
          </cell>
          <cell r="D2823">
            <v>9</v>
          </cell>
          <cell r="F2823">
            <v>1.1672</v>
          </cell>
        </row>
        <row r="2824">
          <cell r="C2824">
            <v>2005</v>
          </cell>
          <cell r="D2824">
            <v>9</v>
          </cell>
          <cell r="F2824">
            <v>1.171</v>
          </cell>
        </row>
        <row r="2825">
          <cell r="C2825">
            <v>2005</v>
          </cell>
          <cell r="D2825">
            <v>9</v>
          </cell>
          <cell r="F2825">
            <v>1.171</v>
          </cell>
        </row>
        <row r="2826">
          <cell r="C2826">
            <v>2005</v>
          </cell>
          <cell r="D2826">
            <v>9</v>
          </cell>
          <cell r="F2826">
            <v>1.171</v>
          </cell>
        </row>
        <row r="2827">
          <cell r="C2827">
            <v>2005</v>
          </cell>
          <cell r="D2827">
            <v>9</v>
          </cell>
          <cell r="F2827">
            <v>1.1707000000000001</v>
          </cell>
        </row>
        <row r="2828">
          <cell r="C2828">
            <v>2005</v>
          </cell>
          <cell r="D2828">
            <v>9</v>
          </cell>
          <cell r="F2828">
            <v>1.1780999999999999</v>
          </cell>
        </row>
        <row r="2829">
          <cell r="C2829">
            <v>2005</v>
          </cell>
          <cell r="D2829">
            <v>9</v>
          </cell>
          <cell r="F2829">
            <v>1.1785000000000001</v>
          </cell>
        </row>
        <row r="2830">
          <cell r="C2830">
            <v>2005</v>
          </cell>
          <cell r="D2830">
            <v>9</v>
          </cell>
          <cell r="F2830">
            <v>1.1725000000000001</v>
          </cell>
        </row>
        <row r="2831">
          <cell r="C2831">
            <v>2005</v>
          </cell>
          <cell r="D2831">
            <v>10</v>
          </cell>
          <cell r="F2831">
            <v>1.1611</v>
          </cell>
        </row>
        <row r="2832">
          <cell r="C2832">
            <v>2005</v>
          </cell>
          <cell r="D2832">
            <v>10</v>
          </cell>
          <cell r="F2832">
            <v>1.1611</v>
          </cell>
        </row>
        <row r="2833">
          <cell r="C2833">
            <v>2005</v>
          </cell>
          <cell r="D2833">
            <v>10</v>
          </cell>
          <cell r="F2833">
            <v>1.1611</v>
          </cell>
        </row>
        <row r="2834">
          <cell r="C2834">
            <v>2005</v>
          </cell>
          <cell r="D2834">
            <v>10</v>
          </cell>
          <cell r="F2834">
            <v>1.1658999999999999</v>
          </cell>
        </row>
        <row r="2835">
          <cell r="C2835">
            <v>2005</v>
          </cell>
          <cell r="D2835">
            <v>10</v>
          </cell>
          <cell r="F2835">
            <v>1.1720999999999999</v>
          </cell>
        </row>
        <row r="2836">
          <cell r="C2836">
            <v>2005</v>
          </cell>
          <cell r="D2836">
            <v>10</v>
          </cell>
          <cell r="F2836">
            <v>1.1795</v>
          </cell>
        </row>
        <row r="2837">
          <cell r="C2837">
            <v>2005</v>
          </cell>
          <cell r="D2837">
            <v>10</v>
          </cell>
          <cell r="F2837">
            <v>1.1821999999999999</v>
          </cell>
        </row>
        <row r="2838">
          <cell r="C2838">
            <v>2005</v>
          </cell>
          <cell r="D2838">
            <v>10</v>
          </cell>
          <cell r="F2838">
            <v>1.1748000000000001</v>
          </cell>
        </row>
        <row r="2839">
          <cell r="C2839">
            <v>2005</v>
          </cell>
          <cell r="D2839">
            <v>10</v>
          </cell>
          <cell r="F2839">
            <v>1.1748000000000001</v>
          </cell>
        </row>
        <row r="2840">
          <cell r="C2840">
            <v>2005</v>
          </cell>
          <cell r="D2840">
            <v>10</v>
          </cell>
          <cell r="F2840">
            <v>1.1748000000000001</v>
          </cell>
        </row>
        <row r="2841">
          <cell r="C2841">
            <v>2005</v>
          </cell>
          <cell r="D2841">
            <v>10</v>
          </cell>
          <cell r="F2841">
            <v>1.1748000000000001</v>
          </cell>
        </row>
        <row r="2842">
          <cell r="C2842">
            <v>2005</v>
          </cell>
          <cell r="D2842">
            <v>10</v>
          </cell>
          <cell r="F2842">
            <v>1.1755</v>
          </cell>
        </row>
        <row r="2843">
          <cell r="C2843">
            <v>2005</v>
          </cell>
          <cell r="D2843">
            <v>10</v>
          </cell>
          <cell r="F2843">
            <v>1.1707000000000001</v>
          </cell>
        </row>
        <row r="2844">
          <cell r="C2844">
            <v>2005</v>
          </cell>
          <cell r="D2844">
            <v>10</v>
          </cell>
          <cell r="F2844">
            <v>1.1837</v>
          </cell>
        </row>
        <row r="2845">
          <cell r="C2845">
            <v>2005</v>
          </cell>
          <cell r="D2845">
            <v>10</v>
          </cell>
          <cell r="F2845">
            <v>1.1856</v>
          </cell>
        </row>
        <row r="2846">
          <cell r="C2846">
            <v>2005</v>
          </cell>
          <cell r="D2846">
            <v>10</v>
          </cell>
          <cell r="F2846">
            <v>1.1856</v>
          </cell>
        </row>
        <row r="2847">
          <cell r="C2847">
            <v>2005</v>
          </cell>
          <cell r="D2847">
            <v>10</v>
          </cell>
          <cell r="F2847">
            <v>1.1856</v>
          </cell>
        </row>
        <row r="2848">
          <cell r="C2848">
            <v>2005</v>
          </cell>
          <cell r="D2848">
            <v>10</v>
          </cell>
          <cell r="F2848">
            <v>1.1798999999999999</v>
          </cell>
        </row>
        <row r="2849">
          <cell r="C2849">
            <v>2005</v>
          </cell>
          <cell r="D2849">
            <v>10</v>
          </cell>
          <cell r="F2849">
            <v>1.1796</v>
          </cell>
        </row>
        <row r="2850">
          <cell r="C2850">
            <v>2005</v>
          </cell>
          <cell r="D2850">
            <v>10</v>
          </cell>
          <cell r="F2850">
            <v>1.1777</v>
          </cell>
        </row>
        <row r="2851">
          <cell r="C2851">
            <v>2005</v>
          </cell>
          <cell r="D2851">
            <v>10</v>
          </cell>
          <cell r="F2851">
            <v>1.1767000000000001</v>
          </cell>
        </row>
        <row r="2852">
          <cell r="C2852">
            <v>2005</v>
          </cell>
          <cell r="D2852">
            <v>10</v>
          </cell>
          <cell r="F2852">
            <v>1.1847000000000001</v>
          </cell>
        </row>
        <row r="2853">
          <cell r="C2853">
            <v>2005</v>
          </cell>
          <cell r="D2853">
            <v>10</v>
          </cell>
          <cell r="F2853">
            <v>1.1847000000000001</v>
          </cell>
        </row>
        <row r="2854">
          <cell r="C2854">
            <v>2005</v>
          </cell>
          <cell r="D2854">
            <v>10</v>
          </cell>
          <cell r="F2854">
            <v>1.1847000000000001</v>
          </cell>
        </row>
        <row r="2855">
          <cell r="C2855">
            <v>2005</v>
          </cell>
          <cell r="D2855">
            <v>10</v>
          </cell>
          <cell r="F2855">
            <v>1.1887000000000001</v>
          </cell>
        </row>
        <row r="2856">
          <cell r="C2856">
            <v>2005</v>
          </cell>
          <cell r="D2856">
            <v>10</v>
          </cell>
          <cell r="F2856">
            <v>1.177</v>
          </cell>
        </row>
        <row r="2857">
          <cell r="C2857">
            <v>2005</v>
          </cell>
          <cell r="D2857">
            <v>10</v>
          </cell>
          <cell r="F2857">
            <v>1.1702999999999999</v>
          </cell>
        </row>
        <row r="2858">
          <cell r="C2858">
            <v>2005</v>
          </cell>
          <cell r="D2858">
            <v>10</v>
          </cell>
          <cell r="F2858">
            <v>1.1697</v>
          </cell>
        </row>
        <row r="2859">
          <cell r="C2859">
            <v>2005</v>
          </cell>
          <cell r="D2859">
            <v>10</v>
          </cell>
          <cell r="F2859">
            <v>1.1771</v>
          </cell>
        </row>
        <row r="2860">
          <cell r="C2860">
            <v>2005</v>
          </cell>
          <cell r="D2860">
            <v>10</v>
          </cell>
          <cell r="F2860">
            <v>1.1771</v>
          </cell>
        </row>
        <row r="2861">
          <cell r="C2861">
            <v>2005</v>
          </cell>
          <cell r="D2861">
            <v>10</v>
          </cell>
          <cell r="F2861">
            <v>1.1771</v>
          </cell>
        </row>
        <row r="2862">
          <cell r="C2862">
            <v>2005</v>
          </cell>
          <cell r="D2862">
            <v>11</v>
          </cell>
          <cell r="F2862">
            <v>1.1800999999999999</v>
          </cell>
        </row>
        <row r="2863">
          <cell r="C2863">
            <v>2005</v>
          </cell>
          <cell r="D2863">
            <v>11</v>
          </cell>
          <cell r="F2863">
            <v>1.1767000000000001</v>
          </cell>
        </row>
        <row r="2864">
          <cell r="C2864">
            <v>2005</v>
          </cell>
          <cell r="D2864">
            <v>11</v>
          </cell>
          <cell r="F2864">
            <v>1.1801999999999999</v>
          </cell>
        </row>
        <row r="2865">
          <cell r="C2865">
            <v>2005</v>
          </cell>
          <cell r="D2865">
            <v>11</v>
          </cell>
          <cell r="F2865">
            <v>1.1818</v>
          </cell>
        </row>
        <row r="2866">
          <cell r="C2866">
            <v>2005</v>
          </cell>
          <cell r="D2866">
            <v>11</v>
          </cell>
          <cell r="F2866">
            <v>1.1811</v>
          </cell>
        </row>
        <row r="2867">
          <cell r="C2867">
            <v>2005</v>
          </cell>
          <cell r="D2867">
            <v>11</v>
          </cell>
          <cell r="F2867">
            <v>1.1811</v>
          </cell>
        </row>
        <row r="2868">
          <cell r="C2868">
            <v>2005</v>
          </cell>
          <cell r="D2868">
            <v>11</v>
          </cell>
          <cell r="F2868">
            <v>1.1811</v>
          </cell>
        </row>
        <row r="2869">
          <cell r="C2869">
            <v>2005</v>
          </cell>
          <cell r="D2869">
            <v>11</v>
          </cell>
          <cell r="F2869">
            <v>1.1900999999999999</v>
          </cell>
        </row>
        <row r="2870">
          <cell r="C2870">
            <v>2005</v>
          </cell>
          <cell r="D2870">
            <v>11</v>
          </cell>
          <cell r="F2870">
            <v>1.1886000000000001</v>
          </cell>
        </row>
        <row r="2871">
          <cell r="C2871">
            <v>2005</v>
          </cell>
          <cell r="D2871">
            <v>11</v>
          </cell>
          <cell r="F2871">
            <v>1.1859999999999999</v>
          </cell>
        </row>
        <row r="2872">
          <cell r="C2872">
            <v>2005</v>
          </cell>
          <cell r="D2872">
            <v>11</v>
          </cell>
          <cell r="F2872">
            <v>1.1877</v>
          </cell>
        </row>
        <row r="2873">
          <cell r="C2873">
            <v>2005</v>
          </cell>
          <cell r="D2873">
            <v>11</v>
          </cell>
          <cell r="F2873">
            <v>1.1877</v>
          </cell>
        </row>
        <row r="2874">
          <cell r="C2874">
            <v>2005</v>
          </cell>
          <cell r="D2874">
            <v>11</v>
          </cell>
          <cell r="F2874">
            <v>1.1877</v>
          </cell>
        </row>
        <row r="2875">
          <cell r="C2875">
            <v>2005</v>
          </cell>
          <cell r="D2875">
            <v>11</v>
          </cell>
          <cell r="F2875">
            <v>1.1877</v>
          </cell>
        </row>
        <row r="2876">
          <cell r="C2876">
            <v>2005</v>
          </cell>
          <cell r="D2876">
            <v>11</v>
          </cell>
          <cell r="F2876">
            <v>1.1960999999999999</v>
          </cell>
        </row>
        <row r="2877">
          <cell r="C2877">
            <v>2005</v>
          </cell>
          <cell r="D2877">
            <v>11</v>
          </cell>
          <cell r="F2877">
            <v>1.194</v>
          </cell>
        </row>
        <row r="2878">
          <cell r="C2878">
            <v>2005</v>
          </cell>
          <cell r="D2878">
            <v>11</v>
          </cell>
          <cell r="F2878">
            <v>1.1918</v>
          </cell>
        </row>
        <row r="2879">
          <cell r="C2879">
            <v>2005</v>
          </cell>
          <cell r="D2879">
            <v>11</v>
          </cell>
          <cell r="F2879">
            <v>1.1862999999999999</v>
          </cell>
        </row>
        <row r="2880">
          <cell r="C2880">
            <v>2005</v>
          </cell>
          <cell r="D2880">
            <v>11</v>
          </cell>
          <cell r="F2880">
            <v>1.1901999999999999</v>
          </cell>
        </row>
        <row r="2881">
          <cell r="C2881">
            <v>2005</v>
          </cell>
          <cell r="D2881">
            <v>11</v>
          </cell>
          <cell r="F2881">
            <v>1.1901999999999999</v>
          </cell>
        </row>
        <row r="2882">
          <cell r="C2882">
            <v>2005</v>
          </cell>
          <cell r="D2882">
            <v>11</v>
          </cell>
          <cell r="F2882">
            <v>1.1901999999999999</v>
          </cell>
        </row>
        <row r="2883">
          <cell r="C2883">
            <v>2005</v>
          </cell>
          <cell r="D2883">
            <v>11</v>
          </cell>
          <cell r="F2883">
            <v>1.1819999999999999</v>
          </cell>
        </row>
        <row r="2884">
          <cell r="C2884">
            <v>2005</v>
          </cell>
          <cell r="D2884">
            <v>11</v>
          </cell>
          <cell r="F2884">
            <v>1.1771</v>
          </cell>
        </row>
        <row r="2885">
          <cell r="C2885">
            <v>2005</v>
          </cell>
          <cell r="D2885">
            <v>11</v>
          </cell>
          <cell r="F2885">
            <v>1.1718999999999999</v>
          </cell>
        </row>
        <row r="2886">
          <cell r="C2886">
            <v>2005</v>
          </cell>
          <cell r="D2886">
            <v>11</v>
          </cell>
          <cell r="F2886">
            <v>1.1718999999999999</v>
          </cell>
        </row>
        <row r="2887">
          <cell r="C2887">
            <v>2005</v>
          </cell>
          <cell r="D2887">
            <v>11</v>
          </cell>
          <cell r="F2887">
            <v>1.1718999999999999</v>
          </cell>
        </row>
        <row r="2888">
          <cell r="C2888">
            <v>2005</v>
          </cell>
          <cell r="D2888">
            <v>11</v>
          </cell>
          <cell r="F2888">
            <v>1.1718999999999999</v>
          </cell>
        </row>
        <row r="2889">
          <cell r="C2889">
            <v>2005</v>
          </cell>
          <cell r="D2889">
            <v>11</v>
          </cell>
          <cell r="F2889">
            <v>1.1718999999999999</v>
          </cell>
        </row>
        <row r="2890">
          <cell r="C2890">
            <v>2005</v>
          </cell>
          <cell r="D2890">
            <v>11</v>
          </cell>
          <cell r="F2890">
            <v>1.1657</v>
          </cell>
        </row>
        <row r="2891">
          <cell r="C2891">
            <v>2005</v>
          </cell>
          <cell r="D2891">
            <v>11</v>
          </cell>
          <cell r="F2891">
            <v>1.1673</v>
          </cell>
        </row>
        <row r="2892">
          <cell r="C2892">
            <v>2005</v>
          </cell>
          <cell r="D2892">
            <v>12</v>
          </cell>
          <cell r="F2892">
            <v>1.1674</v>
          </cell>
        </row>
        <row r="2893">
          <cell r="C2893">
            <v>2005</v>
          </cell>
          <cell r="D2893">
            <v>12</v>
          </cell>
          <cell r="F2893">
            <v>1.1687000000000001</v>
          </cell>
        </row>
        <row r="2894">
          <cell r="C2894">
            <v>2005</v>
          </cell>
          <cell r="D2894">
            <v>12</v>
          </cell>
          <cell r="F2894">
            <v>1.1627000000000001</v>
          </cell>
        </row>
        <row r="2895">
          <cell r="C2895">
            <v>2005</v>
          </cell>
          <cell r="D2895">
            <v>12</v>
          </cell>
          <cell r="F2895">
            <v>1.1627000000000001</v>
          </cell>
        </row>
        <row r="2896">
          <cell r="C2896">
            <v>2005</v>
          </cell>
          <cell r="D2896">
            <v>12</v>
          </cell>
          <cell r="F2896">
            <v>1.1627000000000001</v>
          </cell>
        </row>
        <row r="2897">
          <cell r="C2897">
            <v>2005</v>
          </cell>
          <cell r="D2897">
            <v>12</v>
          </cell>
          <cell r="F2897">
            <v>1.1567000000000001</v>
          </cell>
        </row>
        <row r="2898">
          <cell r="C2898">
            <v>2005</v>
          </cell>
          <cell r="D2898">
            <v>12</v>
          </cell>
          <cell r="F2898">
            <v>1.1561999999999999</v>
          </cell>
        </row>
        <row r="2899">
          <cell r="C2899">
            <v>2005</v>
          </cell>
          <cell r="D2899">
            <v>12</v>
          </cell>
          <cell r="F2899">
            <v>1.1581999999999999</v>
          </cell>
        </row>
        <row r="2900">
          <cell r="C2900">
            <v>2005</v>
          </cell>
          <cell r="D2900">
            <v>12</v>
          </cell>
          <cell r="F2900">
            <v>1.1574</v>
          </cell>
        </row>
        <row r="2901">
          <cell r="C2901">
            <v>2005</v>
          </cell>
          <cell r="D2901">
            <v>12</v>
          </cell>
          <cell r="F2901">
            <v>1.1568000000000001</v>
          </cell>
        </row>
        <row r="2902">
          <cell r="C2902">
            <v>2005</v>
          </cell>
          <cell r="D2902">
            <v>12</v>
          </cell>
          <cell r="F2902">
            <v>1.1568000000000001</v>
          </cell>
        </row>
        <row r="2903">
          <cell r="C2903">
            <v>2005</v>
          </cell>
          <cell r="D2903">
            <v>12</v>
          </cell>
          <cell r="F2903">
            <v>1.1568000000000001</v>
          </cell>
        </row>
        <row r="2904">
          <cell r="C2904">
            <v>2005</v>
          </cell>
          <cell r="D2904">
            <v>12</v>
          </cell>
          <cell r="F2904">
            <v>1.1507000000000001</v>
          </cell>
        </row>
        <row r="2905">
          <cell r="C2905">
            <v>2005</v>
          </cell>
          <cell r="D2905">
            <v>12</v>
          </cell>
          <cell r="F2905">
            <v>1.1519999999999999</v>
          </cell>
        </row>
        <row r="2906">
          <cell r="C2906">
            <v>2005</v>
          </cell>
          <cell r="D2906">
            <v>12</v>
          </cell>
          <cell r="F2906">
            <v>1.1531</v>
          </cell>
        </row>
        <row r="2907">
          <cell r="C2907">
            <v>2005</v>
          </cell>
          <cell r="D2907">
            <v>12</v>
          </cell>
          <cell r="F2907">
            <v>1.1577</v>
          </cell>
        </row>
        <row r="2908">
          <cell r="C2908">
            <v>2005</v>
          </cell>
          <cell r="D2908">
            <v>12</v>
          </cell>
          <cell r="F2908">
            <v>1.1564000000000001</v>
          </cell>
        </row>
        <row r="2909">
          <cell r="C2909">
            <v>2005</v>
          </cell>
          <cell r="D2909">
            <v>12</v>
          </cell>
          <cell r="F2909">
            <v>1.1564000000000001</v>
          </cell>
        </row>
        <row r="2910">
          <cell r="C2910">
            <v>2005</v>
          </cell>
          <cell r="D2910">
            <v>12</v>
          </cell>
          <cell r="F2910">
            <v>1.1564000000000001</v>
          </cell>
        </row>
        <row r="2911">
          <cell r="C2911">
            <v>2005</v>
          </cell>
          <cell r="D2911">
            <v>12</v>
          </cell>
          <cell r="F2911">
            <v>1.1634</v>
          </cell>
        </row>
        <row r="2912">
          <cell r="C2912">
            <v>2005</v>
          </cell>
          <cell r="D2912">
            <v>12</v>
          </cell>
          <cell r="F2912">
            <v>1.1734</v>
          </cell>
        </row>
        <row r="2913">
          <cell r="C2913">
            <v>2005</v>
          </cell>
          <cell r="D2913">
            <v>12</v>
          </cell>
          <cell r="F2913">
            <v>1.1695</v>
          </cell>
        </row>
        <row r="2914">
          <cell r="C2914">
            <v>2005</v>
          </cell>
          <cell r="D2914">
            <v>12</v>
          </cell>
          <cell r="F2914">
            <v>1.1649</v>
          </cell>
        </row>
        <row r="2915">
          <cell r="C2915">
            <v>2005</v>
          </cell>
          <cell r="D2915">
            <v>12</v>
          </cell>
          <cell r="F2915">
            <v>1.1649</v>
          </cell>
        </row>
        <row r="2916">
          <cell r="C2916">
            <v>2005</v>
          </cell>
          <cell r="D2916">
            <v>12</v>
          </cell>
          <cell r="F2916">
            <v>1.1649</v>
          </cell>
        </row>
        <row r="2917">
          <cell r="C2917">
            <v>2005</v>
          </cell>
          <cell r="D2917">
            <v>12</v>
          </cell>
          <cell r="F2917">
            <v>1.1649</v>
          </cell>
        </row>
        <row r="2918">
          <cell r="C2918">
            <v>2005</v>
          </cell>
          <cell r="D2918">
            <v>12</v>
          </cell>
          <cell r="F2918">
            <v>1.1649</v>
          </cell>
        </row>
        <row r="2919">
          <cell r="C2919">
            <v>2005</v>
          </cell>
          <cell r="D2919">
            <v>12</v>
          </cell>
          <cell r="F2919">
            <v>1.1638999999999999</v>
          </cell>
        </row>
        <row r="2920">
          <cell r="C2920">
            <v>2005</v>
          </cell>
          <cell r="D2920">
            <v>12</v>
          </cell>
          <cell r="F2920">
            <v>1.1645000000000001</v>
          </cell>
        </row>
        <row r="2921">
          <cell r="C2921">
            <v>2005</v>
          </cell>
          <cell r="D2921">
            <v>12</v>
          </cell>
          <cell r="F2921">
            <v>1.1658999999999999</v>
          </cell>
        </row>
        <row r="2922">
          <cell r="C2922">
            <v>2005</v>
          </cell>
          <cell r="D2922">
            <v>12</v>
          </cell>
          <cell r="F2922">
            <v>1.1658999999999999</v>
          </cell>
        </row>
        <row r="2923">
          <cell r="C2923">
            <v>2006</v>
          </cell>
          <cell r="D2923">
            <v>1</v>
          </cell>
          <cell r="F2923">
            <v>1.1658999999999999</v>
          </cell>
        </row>
        <row r="2924">
          <cell r="C2924">
            <v>2006</v>
          </cell>
          <cell r="D2924">
            <v>1</v>
          </cell>
          <cell r="F2924">
            <v>1.1658999999999999</v>
          </cell>
        </row>
        <row r="2925">
          <cell r="C2925">
            <v>2006</v>
          </cell>
          <cell r="D2925">
            <v>1</v>
          </cell>
          <cell r="F2925">
            <v>1.1658999999999999</v>
          </cell>
        </row>
        <row r="2926">
          <cell r="C2926">
            <v>2006</v>
          </cell>
          <cell r="D2926">
            <v>1</v>
          </cell>
          <cell r="F2926">
            <v>1.1571</v>
          </cell>
        </row>
        <row r="2927">
          <cell r="C2927">
            <v>2006</v>
          </cell>
          <cell r="D2927">
            <v>1</v>
          </cell>
          <cell r="F2927">
            <v>1.1515</v>
          </cell>
        </row>
        <row r="2928">
          <cell r="C2928">
            <v>2006</v>
          </cell>
          <cell r="D2928">
            <v>1</v>
          </cell>
          <cell r="F2928">
            <v>1.1617</v>
          </cell>
        </row>
        <row r="2929">
          <cell r="C2929">
            <v>2006</v>
          </cell>
          <cell r="D2929">
            <v>1</v>
          </cell>
          <cell r="F2929">
            <v>1.1648000000000001</v>
          </cell>
        </row>
        <row r="2930">
          <cell r="C2930">
            <v>2006</v>
          </cell>
          <cell r="D2930">
            <v>1</v>
          </cell>
          <cell r="F2930">
            <v>1.1648000000000001</v>
          </cell>
        </row>
        <row r="2931">
          <cell r="C2931">
            <v>2006</v>
          </cell>
          <cell r="D2931">
            <v>1</v>
          </cell>
          <cell r="F2931">
            <v>1.1648000000000001</v>
          </cell>
        </row>
        <row r="2932">
          <cell r="C2932">
            <v>2006</v>
          </cell>
          <cell r="D2932">
            <v>1</v>
          </cell>
          <cell r="F2932">
            <v>1.1692</v>
          </cell>
        </row>
        <row r="2933">
          <cell r="C2933">
            <v>2006</v>
          </cell>
          <cell r="D2933">
            <v>1</v>
          </cell>
          <cell r="F2933">
            <v>1.1628000000000001</v>
          </cell>
        </row>
        <row r="2934">
          <cell r="C2934">
            <v>2006</v>
          </cell>
          <cell r="D2934">
            <v>1</v>
          </cell>
          <cell r="F2934">
            <v>1.1579999999999999</v>
          </cell>
        </row>
        <row r="2935">
          <cell r="C2935">
            <v>2006</v>
          </cell>
          <cell r="D2935">
            <v>1</v>
          </cell>
          <cell r="F2935">
            <v>1.1625000000000001</v>
          </cell>
        </row>
        <row r="2936">
          <cell r="C2936">
            <v>2006</v>
          </cell>
          <cell r="D2936">
            <v>1</v>
          </cell>
          <cell r="F2936">
            <v>1.1613</v>
          </cell>
        </row>
        <row r="2937">
          <cell r="C2937">
            <v>2006</v>
          </cell>
          <cell r="D2937">
            <v>1</v>
          </cell>
          <cell r="F2937">
            <v>1.1613</v>
          </cell>
        </row>
        <row r="2938">
          <cell r="C2938">
            <v>2006</v>
          </cell>
          <cell r="D2938">
            <v>1</v>
          </cell>
          <cell r="F2938">
            <v>1.1613</v>
          </cell>
        </row>
        <row r="2939">
          <cell r="C2939">
            <v>2006</v>
          </cell>
          <cell r="D2939">
            <v>1</v>
          </cell>
          <cell r="F2939">
            <v>1.1613</v>
          </cell>
        </row>
        <row r="2940">
          <cell r="C2940">
            <v>2006</v>
          </cell>
          <cell r="D2940">
            <v>1</v>
          </cell>
          <cell r="F2940">
            <v>1.1642999999999999</v>
          </cell>
        </row>
        <row r="2941">
          <cell r="C2941">
            <v>2006</v>
          </cell>
          <cell r="D2941">
            <v>1</v>
          </cell>
          <cell r="F2941">
            <v>1.1726000000000001</v>
          </cell>
        </row>
        <row r="2942">
          <cell r="C2942">
            <v>2006</v>
          </cell>
          <cell r="D2942">
            <v>1</v>
          </cell>
          <cell r="F2942">
            <v>1.1657</v>
          </cell>
        </row>
        <row r="2943">
          <cell r="C2943">
            <v>2006</v>
          </cell>
          <cell r="D2943">
            <v>1</v>
          </cell>
          <cell r="F2943">
            <v>1.1534</v>
          </cell>
        </row>
        <row r="2944">
          <cell r="C2944">
            <v>2006</v>
          </cell>
          <cell r="D2944">
            <v>1</v>
          </cell>
          <cell r="F2944">
            <v>1.1534</v>
          </cell>
        </row>
        <row r="2945">
          <cell r="C2945">
            <v>2006</v>
          </cell>
          <cell r="D2945">
            <v>1</v>
          </cell>
          <cell r="F2945">
            <v>1.1534</v>
          </cell>
        </row>
        <row r="2946">
          <cell r="C2946">
            <v>2006</v>
          </cell>
          <cell r="D2946">
            <v>1</v>
          </cell>
          <cell r="F2946">
            <v>1.1512</v>
          </cell>
        </row>
        <row r="2947">
          <cell r="C2947">
            <v>2006</v>
          </cell>
          <cell r="D2947">
            <v>1</v>
          </cell>
          <cell r="F2947">
            <v>1.1549</v>
          </cell>
        </row>
        <row r="2948">
          <cell r="C2948">
            <v>2006</v>
          </cell>
          <cell r="D2948">
            <v>1</v>
          </cell>
          <cell r="F2948">
            <v>1.1483000000000001</v>
          </cell>
        </row>
        <row r="2949">
          <cell r="C2949">
            <v>2006</v>
          </cell>
          <cell r="D2949">
            <v>1</v>
          </cell>
          <cell r="F2949">
            <v>1.1503000000000001</v>
          </cell>
        </row>
        <row r="2950">
          <cell r="C2950">
            <v>2006</v>
          </cell>
          <cell r="D2950">
            <v>1</v>
          </cell>
          <cell r="F2950">
            <v>1.1474</v>
          </cell>
        </row>
        <row r="2951">
          <cell r="C2951">
            <v>2006</v>
          </cell>
          <cell r="D2951">
            <v>1</v>
          </cell>
          <cell r="F2951">
            <v>1.1474</v>
          </cell>
        </row>
        <row r="2952">
          <cell r="C2952">
            <v>2006</v>
          </cell>
          <cell r="D2952">
            <v>1</v>
          </cell>
          <cell r="F2952">
            <v>1.1474</v>
          </cell>
        </row>
        <row r="2953">
          <cell r="C2953">
            <v>2006</v>
          </cell>
          <cell r="D2953">
            <v>1</v>
          </cell>
          <cell r="F2953">
            <v>1.1443000000000001</v>
          </cell>
        </row>
        <row r="2954">
          <cell r="C2954">
            <v>2006</v>
          </cell>
          <cell r="D2954">
            <v>2</v>
          </cell>
          <cell r="F2954">
            <v>1.1438999999999999</v>
          </cell>
        </row>
        <row r="2955">
          <cell r="C2955">
            <v>2006</v>
          </cell>
          <cell r="D2955">
            <v>2</v>
          </cell>
          <cell r="F2955">
            <v>1.1402000000000001</v>
          </cell>
        </row>
        <row r="2956">
          <cell r="C2956">
            <v>2006</v>
          </cell>
          <cell r="D2956">
            <v>2</v>
          </cell>
          <cell r="F2956">
            <v>1.1432</v>
          </cell>
        </row>
        <row r="2957">
          <cell r="C2957">
            <v>2006</v>
          </cell>
          <cell r="D2957">
            <v>2</v>
          </cell>
          <cell r="F2957">
            <v>1.1471</v>
          </cell>
        </row>
        <row r="2958">
          <cell r="C2958">
            <v>2006</v>
          </cell>
          <cell r="D2958">
            <v>2</v>
          </cell>
          <cell r="F2958">
            <v>1.1471</v>
          </cell>
        </row>
        <row r="2959">
          <cell r="C2959">
            <v>2006</v>
          </cell>
          <cell r="D2959">
            <v>2</v>
          </cell>
          <cell r="F2959">
            <v>1.1471</v>
          </cell>
        </row>
        <row r="2960">
          <cell r="C2960">
            <v>2006</v>
          </cell>
          <cell r="D2960">
            <v>2</v>
          </cell>
          <cell r="F2960">
            <v>1.1456999999999999</v>
          </cell>
        </row>
        <row r="2961">
          <cell r="C2961">
            <v>2006</v>
          </cell>
          <cell r="D2961">
            <v>2</v>
          </cell>
          <cell r="F2961">
            <v>1.1491</v>
          </cell>
        </row>
        <row r="2962">
          <cell r="C2962">
            <v>2006</v>
          </cell>
          <cell r="D2962">
            <v>2</v>
          </cell>
          <cell r="F2962">
            <v>1.1536</v>
          </cell>
        </row>
        <row r="2963">
          <cell r="C2963">
            <v>2006</v>
          </cell>
          <cell r="D2963">
            <v>2</v>
          </cell>
          <cell r="F2963">
            <v>1.1453</v>
          </cell>
        </row>
        <row r="2964">
          <cell r="C2964">
            <v>2006</v>
          </cell>
          <cell r="D2964">
            <v>2</v>
          </cell>
          <cell r="F2964">
            <v>1.1541999999999999</v>
          </cell>
        </row>
        <row r="2965">
          <cell r="C2965">
            <v>2006</v>
          </cell>
          <cell r="D2965">
            <v>2</v>
          </cell>
          <cell r="F2965">
            <v>1.1541999999999999</v>
          </cell>
        </row>
        <row r="2966">
          <cell r="C2966">
            <v>2006</v>
          </cell>
          <cell r="D2966">
            <v>2</v>
          </cell>
          <cell r="F2966">
            <v>1.1541999999999999</v>
          </cell>
        </row>
        <row r="2967">
          <cell r="C2967">
            <v>2006</v>
          </cell>
          <cell r="D2967">
            <v>2</v>
          </cell>
          <cell r="F2967">
            <v>1.1548</v>
          </cell>
        </row>
        <row r="2968">
          <cell r="C2968">
            <v>2006</v>
          </cell>
          <cell r="D2968">
            <v>2</v>
          </cell>
          <cell r="F2968">
            <v>1.1548</v>
          </cell>
        </row>
        <row r="2969">
          <cell r="C2969">
            <v>2006</v>
          </cell>
          <cell r="D2969">
            <v>2</v>
          </cell>
          <cell r="F2969">
            <v>1.1540999999999999</v>
          </cell>
        </row>
        <row r="2970">
          <cell r="C2970">
            <v>2006</v>
          </cell>
          <cell r="D2970">
            <v>2</v>
          </cell>
          <cell r="F2970">
            <v>1.1577999999999999</v>
          </cell>
        </row>
        <row r="2971">
          <cell r="C2971">
            <v>2006</v>
          </cell>
          <cell r="D2971">
            <v>2</v>
          </cell>
          <cell r="F2971">
            <v>1.1521999999999999</v>
          </cell>
        </row>
        <row r="2972">
          <cell r="C2972">
            <v>2006</v>
          </cell>
          <cell r="D2972">
            <v>2</v>
          </cell>
          <cell r="F2972">
            <v>1.1521999999999999</v>
          </cell>
        </row>
        <row r="2973">
          <cell r="C2973">
            <v>2006</v>
          </cell>
          <cell r="D2973">
            <v>2</v>
          </cell>
          <cell r="F2973">
            <v>1.1521999999999999</v>
          </cell>
        </row>
        <row r="2974">
          <cell r="C2974">
            <v>2006</v>
          </cell>
          <cell r="D2974">
            <v>2</v>
          </cell>
          <cell r="F2974">
            <v>1.1521999999999999</v>
          </cell>
        </row>
        <row r="2975">
          <cell r="C2975">
            <v>2006</v>
          </cell>
          <cell r="D2975">
            <v>2</v>
          </cell>
          <cell r="F2975">
            <v>1.1464000000000001</v>
          </cell>
        </row>
        <row r="2976">
          <cell r="C2976">
            <v>2006</v>
          </cell>
          <cell r="D2976">
            <v>2</v>
          </cell>
          <cell r="F2976">
            <v>1.1482000000000001</v>
          </cell>
        </row>
        <row r="2977">
          <cell r="C2977">
            <v>2006</v>
          </cell>
          <cell r="D2977">
            <v>2</v>
          </cell>
          <cell r="F2977">
            <v>1.1513</v>
          </cell>
        </row>
        <row r="2978">
          <cell r="C2978">
            <v>2006</v>
          </cell>
          <cell r="D2978">
            <v>2</v>
          </cell>
          <cell r="F2978">
            <v>1.1517999999999999</v>
          </cell>
        </row>
        <row r="2979">
          <cell r="C2979">
            <v>2006</v>
          </cell>
          <cell r="D2979">
            <v>2</v>
          </cell>
          <cell r="F2979">
            <v>1.1517999999999999</v>
          </cell>
        </row>
        <row r="2980">
          <cell r="C2980">
            <v>2006</v>
          </cell>
          <cell r="D2980">
            <v>2</v>
          </cell>
          <cell r="F2980">
            <v>1.1517999999999999</v>
          </cell>
        </row>
        <row r="2981">
          <cell r="C2981">
            <v>2006</v>
          </cell>
          <cell r="D2981">
            <v>2</v>
          </cell>
          <cell r="F2981">
            <v>1.1419999999999999</v>
          </cell>
        </row>
        <row r="2982">
          <cell r="C2982">
            <v>2006</v>
          </cell>
          <cell r="D2982">
            <v>3</v>
          </cell>
          <cell r="F2982">
            <v>1.1379999999999999</v>
          </cell>
        </row>
        <row r="2983">
          <cell r="C2983">
            <v>2006</v>
          </cell>
          <cell r="D2983">
            <v>3</v>
          </cell>
          <cell r="F2983">
            <v>1.1369</v>
          </cell>
        </row>
        <row r="2984">
          <cell r="C2984">
            <v>2006</v>
          </cell>
          <cell r="D2984">
            <v>3</v>
          </cell>
          <cell r="F2984">
            <v>1.1322000000000001</v>
          </cell>
        </row>
        <row r="2985">
          <cell r="C2985">
            <v>2006</v>
          </cell>
          <cell r="D2985">
            <v>3</v>
          </cell>
          <cell r="F2985">
            <v>1.1352</v>
          </cell>
        </row>
        <row r="2986">
          <cell r="C2986">
            <v>2006</v>
          </cell>
          <cell r="D2986">
            <v>3</v>
          </cell>
          <cell r="F2986">
            <v>1.1352</v>
          </cell>
        </row>
        <row r="2987">
          <cell r="C2987">
            <v>2006</v>
          </cell>
          <cell r="D2987">
            <v>3</v>
          </cell>
          <cell r="F2987">
            <v>1.1352</v>
          </cell>
        </row>
        <row r="2988">
          <cell r="C2988">
            <v>2006</v>
          </cell>
          <cell r="D2988">
            <v>3</v>
          </cell>
          <cell r="F2988">
            <v>1.1402000000000001</v>
          </cell>
        </row>
        <row r="2989">
          <cell r="C2989">
            <v>2006</v>
          </cell>
          <cell r="D2989">
            <v>3</v>
          </cell>
          <cell r="F2989">
            <v>1.147</v>
          </cell>
        </row>
        <row r="2990">
          <cell r="C2990">
            <v>2006</v>
          </cell>
          <cell r="D2990">
            <v>3</v>
          </cell>
          <cell r="F2990">
            <v>1.1574</v>
          </cell>
        </row>
        <row r="2991">
          <cell r="C2991">
            <v>2006</v>
          </cell>
          <cell r="D2991">
            <v>3</v>
          </cell>
          <cell r="F2991">
            <v>1.1595</v>
          </cell>
        </row>
        <row r="2992">
          <cell r="C2992">
            <v>2006</v>
          </cell>
          <cell r="D2992">
            <v>3</v>
          </cell>
          <cell r="F2992">
            <v>1.1605000000000001</v>
          </cell>
        </row>
        <row r="2993">
          <cell r="C2993">
            <v>2006</v>
          </cell>
          <cell r="D2993">
            <v>3</v>
          </cell>
          <cell r="F2993">
            <v>1.1605000000000001</v>
          </cell>
        </row>
        <row r="2994">
          <cell r="C2994">
            <v>2006</v>
          </cell>
          <cell r="D2994">
            <v>3</v>
          </cell>
          <cell r="F2994">
            <v>1.1605000000000001</v>
          </cell>
        </row>
        <row r="2995">
          <cell r="C2995">
            <v>2006</v>
          </cell>
          <cell r="D2995">
            <v>3</v>
          </cell>
          <cell r="F2995">
            <v>1.1617999999999999</v>
          </cell>
        </row>
        <row r="2996">
          <cell r="C2996">
            <v>2006</v>
          </cell>
          <cell r="D2996">
            <v>3</v>
          </cell>
          <cell r="F2996">
            <v>1.155</v>
          </cell>
        </row>
        <row r="2997">
          <cell r="C2997">
            <v>2006</v>
          </cell>
          <cell r="D2997">
            <v>3</v>
          </cell>
          <cell r="F2997">
            <v>1.1553</v>
          </cell>
        </row>
        <row r="2998">
          <cell r="C2998">
            <v>2006</v>
          </cell>
          <cell r="D2998">
            <v>3</v>
          </cell>
          <cell r="F2998">
            <v>1.1536999999999999</v>
          </cell>
        </row>
        <row r="2999">
          <cell r="C2999">
            <v>2006</v>
          </cell>
          <cell r="D2999">
            <v>3</v>
          </cell>
          <cell r="F2999">
            <v>1.1588000000000001</v>
          </cell>
        </row>
        <row r="3000">
          <cell r="C3000">
            <v>2006</v>
          </cell>
          <cell r="D3000">
            <v>3</v>
          </cell>
          <cell r="F3000">
            <v>1.1588000000000001</v>
          </cell>
        </row>
        <row r="3001">
          <cell r="C3001">
            <v>2006</v>
          </cell>
          <cell r="D3001">
            <v>3</v>
          </cell>
          <cell r="F3001">
            <v>1.1588000000000001</v>
          </cell>
        </row>
        <row r="3002">
          <cell r="C3002">
            <v>2006</v>
          </cell>
          <cell r="D3002">
            <v>3</v>
          </cell>
          <cell r="F3002">
            <v>1.1628000000000001</v>
          </cell>
        </row>
        <row r="3003">
          <cell r="C3003">
            <v>2006</v>
          </cell>
          <cell r="D3003">
            <v>3</v>
          </cell>
          <cell r="F3003">
            <v>1.1647000000000001</v>
          </cell>
        </row>
        <row r="3004">
          <cell r="C3004">
            <v>2006</v>
          </cell>
          <cell r="D3004">
            <v>3</v>
          </cell>
          <cell r="F3004">
            <v>1.1653</v>
          </cell>
        </row>
        <row r="3005">
          <cell r="C3005">
            <v>2006</v>
          </cell>
          <cell r="D3005">
            <v>3</v>
          </cell>
          <cell r="F3005">
            <v>1.1658999999999999</v>
          </cell>
        </row>
        <row r="3006">
          <cell r="C3006">
            <v>2006</v>
          </cell>
          <cell r="D3006">
            <v>3</v>
          </cell>
          <cell r="F3006">
            <v>1.1674</v>
          </cell>
        </row>
        <row r="3007">
          <cell r="C3007">
            <v>2006</v>
          </cell>
          <cell r="D3007">
            <v>3</v>
          </cell>
          <cell r="F3007">
            <v>1.1674</v>
          </cell>
        </row>
        <row r="3008">
          <cell r="C3008">
            <v>2006</v>
          </cell>
          <cell r="D3008">
            <v>3</v>
          </cell>
          <cell r="F3008">
            <v>1.1674</v>
          </cell>
        </row>
        <row r="3009">
          <cell r="C3009">
            <v>2006</v>
          </cell>
          <cell r="D3009">
            <v>3</v>
          </cell>
          <cell r="F3009">
            <v>1.1687000000000001</v>
          </cell>
        </row>
        <row r="3010">
          <cell r="C3010">
            <v>2006</v>
          </cell>
          <cell r="D3010">
            <v>3</v>
          </cell>
          <cell r="F3010">
            <v>1.1698</v>
          </cell>
        </row>
        <row r="3011">
          <cell r="C3011">
            <v>2006</v>
          </cell>
          <cell r="D3011">
            <v>3</v>
          </cell>
          <cell r="F3011">
            <v>1.1724000000000001</v>
          </cell>
        </row>
        <row r="3012">
          <cell r="C3012">
            <v>2006</v>
          </cell>
          <cell r="D3012">
            <v>3</v>
          </cell>
          <cell r="F3012">
            <v>1.1627000000000001</v>
          </cell>
        </row>
        <row r="3013">
          <cell r="C3013">
            <v>2006</v>
          </cell>
          <cell r="D3013">
            <v>4</v>
          </cell>
          <cell r="F3013">
            <v>1.1671</v>
          </cell>
        </row>
        <row r="3014">
          <cell r="C3014">
            <v>2006</v>
          </cell>
          <cell r="D3014">
            <v>4</v>
          </cell>
          <cell r="F3014">
            <v>1.1671</v>
          </cell>
        </row>
        <row r="3015">
          <cell r="C3015">
            <v>2006</v>
          </cell>
          <cell r="D3015">
            <v>4</v>
          </cell>
          <cell r="F3015">
            <v>1.1671</v>
          </cell>
        </row>
        <row r="3016">
          <cell r="C3016">
            <v>2006</v>
          </cell>
          <cell r="D3016">
            <v>4</v>
          </cell>
          <cell r="F3016">
            <v>1.1718999999999999</v>
          </cell>
        </row>
        <row r="3017">
          <cell r="C3017">
            <v>2006</v>
          </cell>
          <cell r="D3017">
            <v>4</v>
          </cell>
          <cell r="F3017">
            <v>1.1661999999999999</v>
          </cell>
        </row>
        <row r="3018">
          <cell r="C3018">
            <v>2006</v>
          </cell>
          <cell r="D3018">
            <v>4</v>
          </cell>
          <cell r="F3018">
            <v>1.1618999999999999</v>
          </cell>
        </row>
        <row r="3019">
          <cell r="C3019">
            <v>2006</v>
          </cell>
          <cell r="D3019">
            <v>4</v>
          </cell>
          <cell r="F3019">
            <v>1.1534</v>
          </cell>
        </row>
        <row r="3020">
          <cell r="C3020">
            <v>2006</v>
          </cell>
          <cell r="D3020">
            <v>4</v>
          </cell>
          <cell r="F3020">
            <v>1.1467000000000001</v>
          </cell>
        </row>
        <row r="3021">
          <cell r="C3021">
            <v>2006</v>
          </cell>
          <cell r="D3021">
            <v>4</v>
          </cell>
          <cell r="F3021">
            <v>1.1467000000000001</v>
          </cell>
        </row>
        <row r="3022">
          <cell r="C3022">
            <v>2006</v>
          </cell>
          <cell r="D3022">
            <v>4</v>
          </cell>
          <cell r="F3022">
            <v>1.1467000000000001</v>
          </cell>
        </row>
        <row r="3023">
          <cell r="C3023">
            <v>2006</v>
          </cell>
          <cell r="D3023">
            <v>4</v>
          </cell>
          <cell r="F3023">
            <v>1.1466000000000001</v>
          </cell>
        </row>
        <row r="3024">
          <cell r="C3024">
            <v>2006</v>
          </cell>
          <cell r="D3024">
            <v>4</v>
          </cell>
          <cell r="F3024">
            <v>1.1457999999999999</v>
          </cell>
        </row>
        <row r="3025">
          <cell r="C3025">
            <v>2006</v>
          </cell>
          <cell r="D3025">
            <v>4</v>
          </cell>
          <cell r="F3025">
            <v>1.1477999999999999</v>
          </cell>
        </row>
        <row r="3026">
          <cell r="C3026">
            <v>2006</v>
          </cell>
          <cell r="D3026">
            <v>4</v>
          </cell>
          <cell r="F3026">
            <v>1.1519999999999999</v>
          </cell>
        </row>
        <row r="3027">
          <cell r="C3027">
            <v>2006</v>
          </cell>
          <cell r="D3027">
            <v>4</v>
          </cell>
          <cell r="F3027">
            <v>1.1519999999999999</v>
          </cell>
        </row>
        <row r="3028">
          <cell r="C3028">
            <v>2006</v>
          </cell>
          <cell r="D3028">
            <v>4</v>
          </cell>
          <cell r="F3028">
            <v>1.1519999999999999</v>
          </cell>
        </row>
        <row r="3029">
          <cell r="C3029">
            <v>2006</v>
          </cell>
          <cell r="D3029">
            <v>4</v>
          </cell>
          <cell r="F3029">
            <v>1.1519999999999999</v>
          </cell>
        </row>
        <row r="3030">
          <cell r="C3030">
            <v>2006</v>
          </cell>
          <cell r="D3030">
            <v>4</v>
          </cell>
          <cell r="F3030">
            <v>1.1453</v>
          </cell>
        </row>
        <row r="3031">
          <cell r="C3031">
            <v>2006</v>
          </cell>
          <cell r="D3031">
            <v>4</v>
          </cell>
          <cell r="F3031">
            <v>1.1418999999999999</v>
          </cell>
        </row>
        <row r="3032">
          <cell r="C3032">
            <v>2006</v>
          </cell>
          <cell r="D3032">
            <v>4</v>
          </cell>
          <cell r="F3032">
            <v>1.1364000000000001</v>
          </cell>
        </row>
        <row r="3033">
          <cell r="C3033">
            <v>2006</v>
          </cell>
          <cell r="D3033">
            <v>4</v>
          </cell>
          <cell r="F3033">
            <v>1.1388</v>
          </cell>
        </row>
        <row r="3034">
          <cell r="C3034">
            <v>2006</v>
          </cell>
          <cell r="D3034">
            <v>4</v>
          </cell>
          <cell r="F3034">
            <v>1.1373</v>
          </cell>
        </row>
        <row r="3035">
          <cell r="C3035">
            <v>2006</v>
          </cell>
          <cell r="D3035">
            <v>4</v>
          </cell>
          <cell r="F3035">
            <v>1.1373</v>
          </cell>
        </row>
        <row r="3036">
          <cell r="C3036">
            <v>2006</v>
          </cell>
          <cell r="D3036">
            <v>4</v>
          </cell>
          <cell r="F3036">
            <v>1.1373</v>
          </cell>
        </row>
        <row r="3037">
          <cell r="C3037">
            <v>2006</v>
          </cell>
          <cell r="D3037">
            <v>4</v>
          </cell>
          <cell r="F3037">
            <v>1.1373</v>
          </cell>
        </row>
        <row r="3038">
          <cell r="C3038">
            <v>2006</v>
          </cell>
          <cell r="D3038">
            <v>4</v>
          </cell>
          <cell r="F3038">
            <v>1.1315999999999999</v>
          </cell>
        </row>
        <row r="3039">
          <cell r="C3039">
            <v>2006</v>
          </cell>
          <cell r="D3039">
            <v>4</v>
          </cell>
          <cell r="F3039">
            <v>1.127</v>
          </cell>
        </row>
        <row r="3040">
          <cell r="C3040">
            <v>2006</v>
          </cell>
          <cell r="D3040">
            <v>4</v>
          </cell>
          <cell r="F3040">
            <v>1.1234999999999999</v>
          </cell>
        </row>
        <row r="3041">
          <cell r="C3041">
            <v>2006</v>
          </cell>
          <cell r="D3041">
            <v>4</v>
          </cell>
          <cell r="F3041">
            <v>1.1203000000000001</v>
          </cell>
        </row>
        <row r="3042">
          <cell r="C3042">
            <v>2006</v>
          </cell>
          <cell r="D3042">
            <v>4</v>
          </cell>
          <cell r="F3042">
            <v>1.1203000000000001</v>
          </cell>
        </row>
        <row r="3043">
          <cell r="C3043">
            <v>2006</v>
          </cell>
          <cell r="D3043">
            <v>5</v>
          </cell>
          <cell r="F3043">
            <v>1.1203000000000001</v>
          </cell>
        </row>
        <row r="3044">
          <cell r="C3044">
            <v>2006</v>
          </cell>
          <cell r="D3044">
            <v>5</v>
          </cell>
          <cell r="F3044">
            <v>1.1133</v>
          </cell>
        </row>
        <row r="3045">
          <cell r="C3045">
            <v>2006</v>
          </cell>
          <cell r="D3045">
            <v>5</v>
          </cell>
          <cell r="F3045">
            <v>1.1069</v>
          </cell>
        </row>
        <row r="3046">
          <cell r="C3046">
            <v>2006</v>
          </cell>
          <cell r="D3046">
            <v>5</v>
          </cell>
          <cell r="F3046">
            <v>1.1072</v>
          </cell>
        </row>
        <row r="3047">
          <cell r="C3047">
            <v>2006</v>
          </cell>
          <cell r="D3047">
            <v>5</v>
          </cell>
          <cell r="F3047">
            <v>1.1068</v>
          </cell>
        </row>
        <row r="3048">
          <cell r="C3048">
            <v>2006</v>
          </cell>
          <cell r="D3048">
            <v>5</v>
          </cell>
          <cell r="F3048">
            <v>1.1072</v>
          </cell>
        </row>
        <row r="3049">
          <cell r="C3049">
            <v>2006</v>
          </cell>
          <cell r="D3049">
            <v>5</v>
          </cell>
          <cell r="F3049">
            <v>1.1072</v>
          </cell>
        </row>
        <row r="3050">
          <cell r="C3050">
            <v>2006</v>
          </cell>
          <cell r="D3050">
            <v>5</v>
          </cell>
          <cell r="F3050">
            <v>1.1072</v>
          </cell>
        </row>
        <row r="3051">
          <cell r="C3051">
            <v>2006</v>
          </cell>
          <cell r="D3051">
            <v>5</v>
          </cell>
          <cell r="F3051">
            <v>1.1116999999999999</v>
          </cell>
        </row>
        <row r="3052">
          <cell r="C3052">
            <v>2006</v>
          </cell>
          <cell r="D3052">
            <v>5</v>
          </cell>
          <cell r="F3052">
            <v>1.1021000000000001</v>
          </cell>
        </row>
        <row r="3053">
          <cell r="C3053">
            <v>2006</v>
          </cell>
          <cell r="D3053">
            <v>5</v>
          </cell>
          <cell r="F3053">
            <v>1.1007</v>
          </cell>
        </row>
        <row r="3054">
          <cell r="C3054">
            <v>2006</v>
          </cell>
          <cell r="D3054">
            <v>5</v>
          </cell>
          <cell r="F3054">
            <v>1.099</v>
          </cell>
        </row>
        <row r="3055">
          <cell r="C3055">
            <v>2006</v>
          </cell>
          <cell r="D3055">
            <v>5</v>
          </cell>
          <cell r="F3055">
            <v>1.1085</v>
          </cell>
        </row>
        <row r="3056">
          <cell r="C3056">
            <v>2006</v>
          </cell>
          <cell r="D3056">
            <v>5</v>
          </cell>
          <cell r="F3056">
            <v>1.1085</v>
          </cell>
        </row>
        <row r="3057">
          <cell r="C3057">
            <v>2006</v>
          </cell>
          <cell r="D3057">
            <v>5</v>
          </cell>
          <cell r="F3057">
            <v>1.1085</v>
          </cell>
        </row>
        <row r="3058">
          <cell r="C3058">
            <v>2006</v>
          </cell>
          <cell r="D3058">
            <v>5</v>
          </cell>
          <cell r="F3058">
            <v>1.1140000000000001</v>
          </cell>
        </row>
        <row r="3059">
          <cell r="C3059">
            <v>2006</v>
          </cell>
          <cell r="D3059">
            <v>5</v>
          </cell>
          <cell r="F3059">
            <v>1.1112</v>
          </cell>
        </row>
        <row r="3060">
          <cell r="C3060">
            <v>2006</v>
          </cell>
          <cell r="D3060">
            <v>5</v>
          </cell>
          <cell r="F3060">
            <v>1.1125</v>
          </cell>
        </row>
        <row r="3061">
          <cell r="C3061">
            <v>2006</v>
          </cell>
          <cell r="D3061">
            <v>5</v>
          </cell>
          <cell r="F3061">
            <v>1.1213</v>
          </cell>
        </row>
        <row r="3062">
          <cell r="C3062">
            <v>2006</v>
          </cell>
          <cell r="D3062">
            <v>5</v>
          </cell>
          <cell r="F3062">
            <v>1.1233</v>
          </cell>
        </row>
        <row r="3063">
          <cell r="C3063">
            <v>2006</v>
          </cell>
          <cell r="D3063">
            <v>5</v>
          </cell>
          <cell r="F3063">
            <v>1.1233</v>
          </cell>
        </row>
        <row r="3064">
          <cell r="C3064">
            <v>2006</v>
          </cell>
          <cell r="D3064">
            <v>5</v>
          </cell>
          <cell r="F3064">
            <v>1.1233</v>
          </cell>
        </row>
        <row r="3065">
          <cell r="C3065">
            <v>2006</v>
          </cell>
          <cell r="D3065">
            <v>5</v>
          </cell>
          <cell r="F3065">
            <v>1.1233</v>
          </cell>
        </row>
        <row r="3066">
          <cell r="C3066">
            <v>2006</v>
          </cell>
          <cell r="D3066">
            <v>5</v>
          </cell>
          <cell r="F3066">
            <v>1.1175999999999999</v>
          </cell>
        </row>
        <row r="3067">
          <cell r="C3067">
            <v>2006</v>
          </cell>
          <cell r="D3067">
            <v>5</v>
          </cell>
          <cell r="F3067">
            <v>1.1229</v>
          </cell>
        </row>
        <row r="3068">
          <cell r="C3068">
            <v>2006</v>
          </cell>
          <cell r="D3068">
            <v>5</v>
          </cell>
          <cell r="F3068">
            <v>1.1073</v>
          </cell>
        </row>
        <row r="3069">
          <cell r="C3069">
            <v>2006</v>
          </cell>
          <cell r="D3069">
            <v>5</v>
          </cell>
          <cell r="F3069">
            <v>1.1073</v>
          </cell>
        </row>
        <row r="3070">
          <cell r="C3070">
            <v>2006</v>
          </cell>
          <cell r="D3070">
            <v>5</v>
          </cell>
          <cell r="F3070">
            <v>1.1073</v>
          </cell>
        </row>
        <row r="3071">
          <cell r="C3071">
            <v>2006</v>
          </cell>
          <cell r="D3071">
            <v>5</v>
          </cell>
          <cell r="F3071">
            <v>1.1073</v>
          </cell>
        </row>
        <row r="3072">
          <cell r="C3072">
            <v>2006</v>
          </cell>
          <cell r="D3072">
            <v>5</v>
          </cell>
          <cell r="F3072">
            <v>1.1073</v>
          </cell>
        </row>
        <row r="3073">
          <cell r="C3073">
            <v>2006</v>
          </cell>
          <cell r="D3073">
            <v>5</v>
          </cell>
          <cell r="F3073">
            <v>1.0995999999999999</v>
          </cell>
        </row>
        <row r="3074">
          <cell r="C3074">
            <v>2006</v>
          </cell>
          <cell r="D3074">
            <v>6</v>
          </cell>
          <cell r="F3074">
            <v>1.1028</v>
          </cell>
        </row>
        <row r="3075">
          <cell r="C3075">
            <v>2006</v>
          </cell>
          <cell r="D3075">
            <v>6</v>
          </cell>
          <cell r="F3075">
            <v>1.1008</v>
          </cell>
        </row>
        <row r="3076">
          <cell r="C3076">
            <v>2006</v>
          </cell>
          <cell r="D3076">
            <v>6</v>
          </cell>
          <cell r="F3076">
            <v>1.1004</v>
          </cell>
        </row>
        <row r="3077">
          <cell r="C3077">
            <v>2006</v>
          </cell>
          <cell r="D3077">
            <v>6</v>
          </cell>
          <cell r="F3077">
            <v>1.1004</v>
          </cell>
        </row>
        <row r="3078">
          <cell r="C3078">
            <v>2006</v>
          </cell>
          <cell r="D3078">
            <v>6</v>
          </cell>
          <cell r="F3078">
            <v>1.1004</v>
          </cell>
        </row>
        <row r="3079">
          <cell r="C3079">
            <v>2006</v>
          </cell>
          <cell r="D3079">
            <v>6</v>
          </cell>
          <cell r="F3079">
            <v>1.1012</v>
          </cell>
        </row>
        <row r="3080">
          <cell r="C3080">
            <v>2006</v>
          </cell>
          <cell r="D3080">
            <v>6</v>
          </cell>
          <cell r="F3080">
            <v>1.1152</v>
          </cell>
        </row>
        <row r="3081">
          <cell r="C3081">
            <v>2006</v>
          </cell>
          <cell r="D3081">
            <v>6</v>
          </cell>
          <cell r="F3081">
            <v>1.1115999999999999</v>
          </cell>
        </row>
        <row r="3082">
          <cell r="C3082">
            <v>2006</v>
          </cell>
          <cell r="D3082">
            <v>6</v>
          </cell>
          <cell r="F3082">
            <v>1.1232</v>
          </cell>
        </row>
        <row r="3083">
          <cell r="C3083">
            <v>2006</v>
          </cell>
          <cell r="D3083">
            <v>6</v>
          </cell>
          <cell r="F3083">
            <v>1.1072</v>
          </cell>
        </row>
        <row r="3084">
          <cell r="C3084">
            <v>2006</v>
          </cell>
          <cell r="D3084">
            <v>6</v>
          </cell>
          <cell r="F3084">
            <v>1.1072</v>
          </cell>
        </row>
        <row r="3085">
          <cell r="C3085">
            <v>2006</v>
          </cell>
          <cell r="D3085">
            <v>6</v>
          </cell>
          <cell r="F3085">
            <v>1.1072</v>
          </cell>
        </row>
        <row r="3086">
          <cell r="C3086">
            <v>2006</v>
          </cell>
          <cell r="D3086">
            <v>6</v>
          </cell>
          <cell r="F3086">
            <v>1.099</v>
          </cell>
        </row>
        <row r="3087">
          <cell r="C3087">
            <v>2006</v>
          </cell>
          <cell r="D3087">
            <v>6</v>
          </cell>
          <cell r="F3087">
            <v>1.1079000000000001</v>
          </cell>
        </row>
        <row r="3088">
          <cell r="C3088">
            <v>2006</v>
          </cell>
          <cell r="D3088">
            <v>6</v>
          </cell>
          <cell r="F3088">
            <v>1.1122000000000001</v>
          </cell>
        </row>
        <row r="3089">
          <cell r="C3089">
            <v>2006</v>
          </cell>
          <cell r="D3089">
            <v>6</v>
          </cell>
          <cell r="F3089">
            <v>1.1176999999999999</v>
          </cell>
        </row>
        <row r="3090">
          <cell r="C3090">
            <v>2006</v>
          </cell>
          <cell r="D3090">
            <v>6</v>
          </cell>
          <cell r="F3090">
            <v>1.1226</v>
          </cell>
        </row>
        <row r="3091">
          <cell r="C3091">
            <v>2006</v>
          </cell>
          <cell r="D3091">
            <v>6</v>
          </cell>
          <cell r="F3091">
            <v>1.1226</v>
          </cell>
        </row>
        <row r="3092">
          <cell r="C3092">
            <v>2006</v>
          </cell>
          <cell r="D3092">
            <v>6</v>
          </cell>
          <cell r="F3092">
            <v>1.1226</v>
          </cell>
        </row>
        <row r="3093">
          <cell r="C3093">
            <v>2006</v>
          </cell>
          <cell r="D3093">
            <v>6</v>
          </cell>
          <cell r="F3093">
            <v>1.1229</v>
          </cell>
        </row>
        <row r="3094">
          <cell r="C3094">
            <v>2006</v>
          </cell>
          <cell r="D3094">
            <v>6</v>
          </cell>
          <cell r="F3094">
            <v>1.1163000000000001</v>
          </cell>
        </row>
        <row r="3095">
          <cell r="C3095">
            <v>2006</v>
          </cell>
          <cell r="D3095">
            <v>6</v>
          </cell>
          <cell r="F3095">
            <v>1.1042000000000001</v>
          </cell>
        </row>
        <row r="3096">
          <cell r="C3096">
            <v>2006</v>
          </cell>
          <cell r="D3096">
            <v>6</v>
          </cell>
          <cell r="F3096">
            <v>1.1174999999999999</v>
          </cell>
        </row>
        <row r="3097">
          <cell r="C3097">
            <v>2006</v>
          </cell>
          <cell r="D3097">
            <v>6</v>
          </cell>
          <cell r="F3097">
            <v>1.1241000000000001</v>
          </cell>
        </row>
        <row r="3098">
          <cell r="C3098">
            <v>2006</v>
          </cell>
          <cell r="D3098">
            <v>6</v>
          </cell>
          <cell r="F3098">
            <v>1.1241000000000001</v>
          </cell>
        </row>
        <row r="3099">
          <cell r="C3099">
            <v>2006</v>
          </cell>
          <cell r="D3099">
            <v>6</v>
          </cell>
          <cell r="F3099">
            <v>1.1241000000000001</v>
          </cell>
        </row>
        <row r="3100">
          <cell r="C3100">
            <v>2006</v>
          </cell>
          <cell r="D3100">
            <v>6</v>
          </cell>
          <cell r="F3100">
            <v>1.1238999999999999</v>
          </cell>
        </row>
        <row r="3101">
          <cell r="C3101">
            <v>2006</v>
          </cell>
          <cell r="D3101">
            <v>6</v>
          </cell>
          <cell r="F3101">
            <v>1.1213</v>
          </cell>
        </row>
        <row r="3102">
          <cell r="C3102">
            <v>2006</v>
          </cell>
          <cell r="D3102">
            <v>6</v>
          </cell>
          <cell r="F3102">
            <v>1.1245000000000001</v>
          </cell>
        </row>
        <row r="3103">
          <cell r="C3103">
            <v>2006</v>
          </cell>
          <cell r="D3103">
            <v>6</v>
          </cell>
          <cell r="F3103">
            <v>1.1158999999999999</v>
          </cell>
        </row>
        <row r="3104">
          <cell r="C3104">
            <v>2006</v>
          </cell>
          <cell r="D3104">
            <v>7</v>
          </cell>
          <cell r="F3104">
            <v>1.115</v>
          </cell>
        </row>
        <row r="3105">
          <cell r="C3105">
            <v>2006</v>
          </cell>
          <cell r="D3105">
            <v>7</v>
          </cell>
          <cell r="F3105">
            <v>1.115</v>
          </cell>
        </row>
        <row r="3106">
          <cell r="C3106">
            <v>2006</v>
          </cell>
          <cell r="D3106">
            <v>7</v>
          </cell>
          <cell r="F3106">
            <v>1.115</v>
          </cell>
        </row>
        <row r="3107">
          <cell r="C3107">
            <v>2006</v>
          </cell>
          <cell r="D3107">
            <v>7</v>
          </cell>
          <cell r="F3107">
            <v>1.115</v>
          </cell>
        </row>
        <row r="3108">
          <cell r="C3108">
            <v>2006</v>
          </cell>
          <cell r="D3108">
            <v>7</v>
          </cell>
          <cell r="F3108">
            <v>1.115</v>
          </cell>
        </row>
        <row r="3109">
          <cell r="C3109">
            <v>2006</v>
          </cell>
          <cell r="D3109">
            <v>7</v>
          </cell>
          <cell r="F3109">
            <v>1.1116999999999999</v>
          </cell>
        </row>
        <row r="3110">
          <cell r="C3110">
            <v>2006</v>
          </cell>
          <cell r="D3110">
            <v>7</v>
          </cell>
          <cell r="F3110">
            <v>1.1116999999999999</v>
          </cell>
        </row>
        <row r="3111">
          <cell r="C3111">
            <v>2006</v>
          </cell>
          <cell r="D3111">
            <v>7</v>
          </cell>
          <cell r="F3111">
            <v>1.1133999999999999</v>
          </cell>
        </row>
        <row r="3112">
          <cell r="C3112">
            <v>2006</v>
          </cell>
          <cell r="D3112">
            <v>7</v>
          </cell>
          <cell r="F3112">
            <v>1.1133999999999999</v>
          </cell>
        </row>
        <row r="3113">
          <cell r="C3113">
            <v>2006</v>
          </cell>
          <cell r="D3113">
            <v>7</v>
          </cell>
          <cell r="F3113">
            <v>1.1133999999999999</v>
          </cell>
        </row>
        <row r="3114">
          <cell r="C3114">
            <v>2006</v>
          </cell>
          <cell r="D3114">
            <v>7</v>
          </cell>
          <cell r="F3114">
            <v>1.1246</v>
          </cell>
        </row>
        <row r="3115">
          <cell r="C3115">
            <v>2006</v>
          </cell>
          <cell r="D3115">
            <v>7</v>
          </cell>
          <cell r="F3115">
            <v>1.1337999999999999</v>
          </cell>
        </row>
        <row r="3116">
          <cell r="C3116">
            <v>2006</v>
          </cell>
          <cell r="D3116">
            <v>7</v>
          </cell>
          <cell r="F3116">
            <v>1.1355</v>
          </cell>
        </row>
        <row r="3117">
          <cell r="C3117">
            <v>2006</v>
          </cell>
          <cell r="D3117">
            <v>7</v>
          </cell>
          <cell r="F3117">
            <v>1.1318999999999999</v>
          </cell>
        </row>
        <row r="3118">
          <cell r="C3118">
            <v>2006</v>
          </cell>
          <cell r="D3118">
            <v>7</v>
          </cell>
          <cell r="F3118">
            <v>1.1274</v>
          </cell>
        </row>
        <row r="3119">
          <cell r="C3119">
            <v>2006</v>
          </cell>
          <cell r="D3119">
            <v>7</v>
          </cell>
          <cell r="F3119">
            <v>1.1274</v>
          </cell>
        </row>
        <row r="3120">
          <cell r="C3120">
            <v>2006</v>
          </cell>
          <cell r="D3120">
            <v>7</v>
          </cell>
          <cell r="F3120">
            <v>1.1274</v>
          </cell>
        </row>
        <row r="3121">
          <cell r="C3121">
            <v>2006</v>
          </cell>
          <cell r="D3121">
            <v>7</v>
          </cell>
          <cell r="F3121">
            <v>1.1322000000000001</v>
          </cell>
        </row>
        <row r="3122">
          <cell r="C3122">
            <v>2006</v>
          </cell>
          <cell r="D3122">
            <v>7</v>
          </cell>
          <cell r="F3122">
            <v>1.1335999999999999</v>
          </cell>
        </row>
        <row r="3123">
          <cell r="C3123">
            <v>2006</v>
          </cell>
          <cell r="D3123">
            <v>7</v>
          </cell>
          <cell r="F3123">
            <v>1.1353</v>
          </cell>
        </row>
        <row r="3124">
          <cell r="C3124">
            <v>2006</v>
          </cell>
          <cell r="D3124">
            <v>7</v>
          </cell>
          <cell r="F3124">
            <v>1.1341000000000001</v>
          </cell>
        </row>
        <row r="3125">
          <cell r="C3125">
            <v>2006</v>
          </cell>
          <cell r="D3125">
            <v>7</v>
          </cell>
          <cell r="F3125">
            <v>1.1375</v>
          </cell>
        </row>
        <row r="3126">
          <cell r="C3126">
            <v>2006</v>
          </cell>
          <cell r="D3126">
            <v>7</v>
          </cell>
          <cell r="F3126">
            <v>1.1375</v>
          </cell>
        </row>
        <row r="3127">
          <cell r="C3127">
            <v>2006</v>
          </cell>
          <cell r="D3127">
            <v>7</v>
          </cell>
          <cell r="F3127">
            <v>1.1375</v>
          </cell>
        </row>
        <row r="3128">
          <cell r="C3128">
            <v>2006</v>
          </cell>
          <cell r="D3128">
            <v>7</v>
          </cell>
          <cell r="F3128">
            <v>1.1415999999999999</v>
          </cell>
        </row>
        <row r="3129">
          <cell r="C3129">
            <v>2006</v>
          </cell>
          <cell r="D3129">
            <v>7</v>
          </cell>
          <cell r="F3129">
            <v>1.1414</v>
          </cell>
        </row>
        <row r="3130">
          <cell r="C3130">
            <v>2006</v>
          </cell>
          <cell r="D3130">
            <v>7</v>
          </cell>
          <cell r="F3130">
            <v>1.1377999999999999</v>
          </cell>
        </row>
        <row r="3131">
          <cell r="C3131">
            <v>2006</v>
          </cell>
          <cell r="D3131">
            <v>7</v>
          </cell>
          <cell r="F3131">
            <v>1.1345000000000001</v>
          </cell>
        </row>
        <row r="3132">
          <cell r="C3132">
            <v>2006</v>
          </cell>
          <cell r="D3132">
            <v>7</v>
          </cell>
          <cell r="F3132">
            <v>1.1297999999999999</v>
          </cell>
        </row>
        <row r="3133">
          <cell r="C3133">
            <v>2006</v>
          </cell>
          <cell r="D3133">
            <v>7</v>
          </cell>
          <cell r="F3133">
            <v>1.1297999999999999</v>
          </cell>
        </row>
        <row r="3134">
          <cell r="C3134">
            <v>2006</v>
          </cell>
          <cell r="D3134">
            <v>7</v>
          </cell>
          <cell r="F3134">
            <v>1.1297999999999999</v>
          </cell>
        </row>
        <row r="3135">
          <cell r="C3135">
            <v>2006</v>
          </cell>
          <cell r="D3135">
            <v>8</v>
          </cell>
          <cell r="F3135">
            <v>1.1309</v>
          </cell>
        </row>
        <row r="3136">
          <cell r="C3136">
            <v>2006</v>
          </cell>
          <cell r="D3136">
            <v>8</v>
          </cell>
          <cell r="F3136">
            <v>1.1315</v>
          </cell>
        </row>
        <row r="3137">
          <cell r="C3137">
            <v>2006</v>
          </cell>
          <cell r="D3137">
            <v>8</v>
          </cell>
          <cell r="F3137">
            <v>1.1258999999999999</v>
          </cell>
        </row>
        <row r="3138">
          <cell r="C3138">
            <v>2006</v>
          </cell>
          <cell r="D3138">
            <v>8</v>
          </cell>
          <cell r="F3138">
            <v>1.1263000000000001</v>
          </cell>
        </row>
        <row r="3139">
          <cell r="C3139">
            <v>2006</v>
          </cell>
          <cell r="D3139">
            <v>8</v>
          </cell>
          <cell r="F3139">
            <v>1.127</v>
          </cell>
        </row>
        <row r="3140">
          <cell r="C3140">
            <v>2006</v>
          </cell>
          <cell r="D3140">
            <v>8</v>
          </cell>
          <cell r="F3140">
            <v>1.127</v>
          </cell>
        </row>
        <row r="3141">
          <cell r="C3141">
            <v>2006</v>
          </cell>
          <cell r="D3141">
            <v>8</v>
          </cell>
          <cell r="F3141">
            <v>1.127</v>
          </cell>
        </row>
        <row r="3142">
          <cell r="C3142">
            <v>2006</v>
          </cell>
          <cell r="D3142">
            <v>8</v>
          </cell>
          <cell r="F3142">
            <v>1.127</v>
          </cell>
        </row>
        <row r="3143">
          <cell r="C3143">
            <v>2006</v>
          </cell>
          <cell r="D3143">
            <v>8</v>
          </cell>
          <cell r="F3143">
            <v>1.1204000000000001</v>
          </cell>
        </row>
        <row r="3144">
          <cell r="C3144">
            <v>2006</v>
          </cell>
          <cell r="D3144">
            <v>8</v>
          </cell>
          <cell r="F3144">
            <v>1.1198999999999999</v>
          </cell>
        </row>
        <row r="3145">
          <cell r="C3145">
            <v>2006</v>
          </cell>
          <cell r="D3145">
            <v>8</v>
          </cell>
          <cell r="F3145">
            <v>1.1263000000000001</v>
          </cell>
        </row>
        <row r="3146">
          <cell r="C3146">
            <v>2006</v>
          </cell>
          <cell r="D3146">
            <v>8</v>
          </cell>
          <cell r="F3146">
            <v>1.1204000000000001</v>
          </cell>
        </row>
        <row r="3147">
          <cell r="C3147">
            <v>2006</v>
          </cell>
          <cell r="D3147">
            <v>8</v>
          </cell>
          <cell r="F3147">
            <v>1.1204000000000001</v>
          </cell>
        </row>
        <row r="3148">
          <cell r="C3148">
            <v>2006</v>
          </cell>
          <cell r="D3148">
            <v>8</v>
          </cell>
          <cell r="F3148">
            <v>1.1204000000000001</v>
          </cell>
        </row>
        <row r="3149">
          <cell r="C3149">
            <v>2006</v>
          </cell>
          <cell r="D3149">
            <v>8</v>
          </cell>
          <cell r="F3149">
            <v>1.1240000000000001</v>
          </cell>
        </row>
        <row r="3150">
          <cell r="C3150">
            <v>2006</v>
          </cell>
          <cell r="D3150">
            <v>8</v>
          </cell>
          <cell r="F3150">
            <v>1.1221000000000001</v>
          </cell>
        </row>
        <row r="3151">
          <cell r="C3151">
            <v>2006</v>
          </cell>
          <cell r="D3151">
            <v>8</v>
          </cell>
          <cell r="F3151">
            <v>1.1161000000000001</v>
          </cell>
        </row>
        <row r="3152">
          <cell r="C3152">
            <v>2006</v>
          </cell>
          <cell r="D3152">
            <v>8</v>
          </cell>
          <cell r="F3152">
            <v>1.1165</v>
          </cell>
        </row>
        <row r="3153">
          <cell r="C3153">
            <v>2006</v>
          </cell>
          <cell r="D3153">
            <v>8</v>
          </cell>
          <cell r="F3153">
            <v>1.1233</v>
          </cell>
        </row>
        <row r="3154">
          <cell r="C3154">
            <v>2006</v>
          </cell>
          <cell r="D3154">
            <v>8</v>
          </cell>
          <cell r="F3154">
            <v>1.1233</v>
          </cell>
        </row>
        <row r="3155">
          <cell r="C3155">
            <v>2006</v>
          </cell>
          <cell r="D3155">
            <v>8</v>
          </cell>
          <cell r="F3155">
            <v>1.1233</v>
          </cell>
        </row>
        <row r="3156">
          <cell r="C3156">
            <v>2006</v>
          </cell>
          <cell r="D3156">
            <v>8</v>
          </cell>
          <cell r="F3156">
            <v>1.1184000000000001</v>
          </cell>
        </row>
        <row r="3157">
          <cell r="C3157">
            <v>2006</v>
          </cell>
          <cell r="D3157">
            <v>8</v>
          </cell>
          <cell r="F3157">
            <v>1.1153999999999999</v>
          </cell>
        </row>
        <row r="3158">
          <cell r="C3158">
            <v>2006</v>
          </cell>
          <cell r="D3158">
            <v>8</v>
          </cell>
          <cell r="F3158">
            <v>1.1101000000000001</v>
          </cell>
        </row>
        <row r="3159">
          <cell r="C3159">
            <v>2006</v>
          </cell>
          <cell r="D3159">
            <v>8</v>
          </cell>
          <cell r="F3159">
            <v>1.1111</v>
          </cell>
        </row>
        <row r="3160">
          <cell r="C3160">
            <v>2006</v>
          </cell>
          <cell r="D3160">
            <v>8</v>
          </cell>
          <cell r="F3160">
            <v>1.1080000000000001</v>
          </cell>
        </row>
        <row r="3161">
          <cell r="C3161">
            <v>2006</v>
          </cell>
          <cell r="D3161">
            <v>8</v>
          </cell>
          <cell r="F3161">
            <v>1.1080000000000001</v>
          </cell>
        </row>
        <row r="3162">
          <cell r="C3162">
            <v>2006</v>
          </cell>
          <cell r="D3162">
            <v>8</v>
          </cell>
          <cell r="F3162">
            <v>1.1080000000000001</v>
          </cell>
        </row>
        <row r="3163">
          <cell r="C3163">
            <v>2006</v>
          </cell>
          <cell r="D3163">
            <v>8</v>
          </cell>
          <cell r="F3163">
            <v>1.1120000000000001</v>
          </cell>
        </row>
        <row r="3164">
          <cell r="C3164">
            <v>2006</v>
          </cell>
          <cell r="D3164">
            <v>8</v>
          </cell>
          <cell r="F3164">
            <v>1.1105</v>
          </cell>
        </row>
        <row r="3165">
          <cell r="C3165">
            <v>2006</v>
          </cell>
          <cell r="D3165">
            <v>8</v>
          </cell>
          <cell r="F3165">
            <v>1.1100000000000001</v>
          </cell>
        </row>
        <row r="3166">
          <cell r="C3166">
            <v>2006</v>
          </cell>
          <cell r="D3166">
            <v>9</v>
          </cell>
          <cell r="F3166">
            <v>1.1066</v>
          </cell>
        </row>
        <row r="3167">
          <cell r="C3167">
            <v>2006</v>
          </cell>
          <cell r="D3167">
            <v>9</v>
          </cell>
          <cell r="F3167">
            <v>1.1055999999999999</v>
          </cell>
        </row>
        <row r="3168">
          <cell r="C3168">
            <v>2006</v>
          </cell>
          <cell r="D3168">
            <v>9</v>
          </cell>
          <cell r="F3168">
            <v>1.1055999999999999</v>
          </cell>
        </row>
        <row r="3169">
          <cell r="C3169">
            <v>2006</v>
          </cell>
          <cell r="D3169">
            <v>9</v>
          </cell>
          <cell r="F3169">
            <v>1.1055999999999999</v>
          </cell>
        </row>
        <row r="3170">
          <cell r="C3170">
            <v>2006</v>
          </cell>
          <cell r="D3170">
            <v>9</v>
          </cell>
          <cell r="F3170">
            <v>1.1055999999999999</v>
          </cell>
        </row>
        <row r="3171">
          <cell r="C3171">
            <v>2006</v>
          </cell>
          <cell r="D3171">
            <v>9</v>
          </cell>
          <cell r="F3171">
            <v>1.111</v>
          </cell>
        </row>
        <row r="3172">
          <cell r="C3172">
            <v>2006</v>
          </cell>
          <cell r="D3172">
            <v>9</v>
          </cell>
          <cell r="F3172">
            <v>1.1052999999999999</v>
          </cell>
        </row>
        <row r="3173">
          <cell r="C3173">
            <v>2006</v>
          </cell>
          <cell r="D3173">
            <v>9</v>
          </cell>
          <cell r="F3173">
            <v>1.1099000000000001</v>
          </cell>
        </row>
        <row r="3174">
          <cell r="C3174">
            <v>2006</v>
          </cell>
          <cell r="D3174">
            <v>9</v>
          </cell>
          <cell r="F3174">
            <v>1.119</v>
          </cell>
        </row>
        <row r="3175">
          <cell r="C3175">
            <v>2006</v>
          </cell>
          <cell r="D3175">
            <v>9</v>
          </cell>
          <cell r="F3175">
            <v>1.119</v>
          </cell>
        </row>
        <row r="3176">
          <cell r="C3176">
            <v>2006</v>
          </cell>
          <cell r="D3176">
            <v>9</v>
          </cell>
          <cell r="F3176">
            <v>1.119</v>
          </cell>
        </row>
        <row r="3177">
          <cell r="C3177">
            <v>2006</v>
          </cell>
          <cell r="D3177">
            <v>9</v>
          </cell>
          <cell r="F3177">
            <v>1.1217999999999999</v>
          </cell>
        </row>
        <row r="3178">
          <cell r="C3178">
            <v>2006</v>
          </cell>
          <cell r="D3178">
            <v>9</v>
          </cell>
          <cell r="F3178">
            <v>1.1186</v>
          </cell>
        </row>
        <row r="3179">
          <cell r="C3179">
            <v>2006</v>
          </cell>
          <cell r="D3179">
            <v>9</v>
          </cell>
          <cell r="F3179">
            <v>1.1191</v>
          </cell>
        </row>
        <row r="3180">
          <cell r="C3180">
            <v>2006</v>
          </cell>
          <cell r="D3180">
            <v>9</v>
          </cell>
          <cell r="F3180">
            <v>1.1158999999999999</v>
          </cell>
        </row>
        <row r="3181">
          <cell r="C3181">
            <v>2006</v>
          </cell>
          <cell r="D3181">
            <v>9</v>
          </cell>
          <cell r="F3181">
            <v>1.1194999999999999</v>
          </cell>
        </row>
        <row r="3182">
          <cell r="C3182">
            <v>2006</v>
          </cell>
          <cell r="D3182">
            <v>9</v>
          </cell>
          <cell r="F3182">
            <v>1.1194999999999999</v>
          </cell>
        </row>
        <row r="3183">
          <cell r="C3183">
            <v>2006</v>
          </cell>
          <cell r="D3183">
            <v>9</v>
          </cell>
          <cell r="F3183">
            <v>1.1194999999999999</v>
          </cell>
        </row>
        <row r="3184">
          <cell r="C3184">
            <v>2006</v>
          </cell>
          <cell r="D3184">
            <v>9</v>
          </cell>
          <cell r="F3184">
            <v>1.1171</v>
          </cell>
        </row>
        <row r="3185">
          <cell r="C3185">
            <v>2006</v>
          </cell>
          <cell r="D3185">
            <v>9</v>
          </cell>
          <cell r="F3185">
            <v>1.1232</v>
          </cell>
        </row>
        <row r="3186">
          <cell r="C3186">
            <v>2006</v>
          </cell>
          <cell r="D3186">
            <v>9</v>
          </cell>
          <cell r="F3186">
            <v>1.1273</v>
          </cell>
        </row>
        <row r="3187">
          <cell r="C3187">
            <v>2006</v>
          </cell>
          <cell r="D3187">
            <v>9</v>
          </cell>
          <cell r="F3187">
            <v>1.1194999999999999</v>
          </cell>
        </row>
        <row r="3188">
          <cell r="C3188">
            <v>2006</v>
          </cell>
          <cell r="D3188">
            <v>9</v>
          </cell>
          <cell r="F3188">
            <v>1.1172</v>
          </cell>
        </row>
        <row r="3189">
          <cell r="C3189">
            <v>2006</v>
          </cell>
          <cell r="D3189">
            <v>9</v>
          </cell>
          <cell r="F3189">
            <v>1.1172</v>
          </cell>
        </row>
        <row r="3190">
          <cell r="C3190">
            <v>2006</v>
          </cell>
          <cell r="D3190">
            <v>9</v>
          </cell>
          <cell r="F3190">
            <v>1.1172</v>
          </cell>
        </row>
        <row r="3191">
          <cell r="C3191">
            <v>2006</v>
          </cell>
          <cell r="D3191">
            <v>9</v>
          </cell>
          <cell r="F3191">
            <v>1.1162000000000001</v>
          </cell>
        </row>
        <row r="3192">
          <cell r="C3192">
            <v>2006</v>
          </cell>
          <cell r="D3192">
            <v>9</v>
          </cell>
          <cell r="F3192">
            <v>1.1160000000000001</v>
          </cell>
        </row>
        <row r="3193">
          <cell r="C3193">
            <v>2006</v>
          </cell>
          <cell r="D3193">
            <v>9</v>
          </cell>
          <cell r="F3193">
            <v>1.1151</v>
          </cell>
        </row>
        <row r="3194">
          <cell r="C3194">
            <v>2006</v>
          </cell>
          <cell r="D3194">
            <v>9</v>
          </cell>
          <cell r="F3194">
            <v>1.1109</v>
          </cell>
        </row>
        <row r="3195">
          <cell r="C3195">
            <v>2006</v>
          </cell>
          <cell r="D3195">
            <v>9</v>
          </cell>
          <cell r="F3195">
            <v>1.1153</v>
          </cell>
        </row>
        <row r="3196">
          <cell r="C3196">
            <v>2006</v>
          </cell>
          <cell r="D3196">
            <v>10</v>
          </cell>
          <cell r="F3196">
            <v>1.1153</v>
          </cell>
        </row>
        <row r="3197">
          <cell r="C3197">
            <v>2006</v>
          </cell>
          <cell r="D3197">
            <v>10</v>
          </cell>
          <cell r="F3197">
            <v>1.1153</v>
          </cell>
        </row>
        <row r="3198">
          <cell r="C3198">
            <v>2006</v>
          </cell>
          <cell r="D3198">
            <v>10</v>
          </cell>
          <cell r="F3198">
            <v>1.1154999999999999</v>
          </cell>
        </row>
        <row r="3199">
          <cell r="C3199">
            <v>2006</v>
          </cell>
          <cell r="D3199">
            <v>10</v>
          </cell>
          <cell r="F3199">
            <v>1.1211</v>
          </cell>
        </row>
        <row r="3200">
          <cell r="C3200">
            <v>2006</v>
          </cell>
          <cell r="D3200">
            <v>10</v>
          </cell>
          <cell r="F3200">
            <v>1.1287</v>
          </cell>
        </row>
        <row r="3201">
          <cell r="C3201">
            <v>2006</v>
          </cell>
          <cell r="D3201">
            <v>10</v>
          </cell>
          <cell r="F3201">
            <v>1.1269</v>
          </cell>
        </row>
        <row r="3202">
          <cell r="C3202">
            <v>2006</v>
          </cell>
          <cell r="D3202">
            <v>10</v>
          </cell>
          <cell r="F3202">
            <v>1.1264000000000001</v>
          </cell>
        </row>
        <row r="3203">
          <cell r="C3203">
            <v>2006</v>
          </cell>
          <cell r="D3203">
            <v>10</v>
          </cell>
          <cell r="F3203">
            <v>1.1264000000000001</v>
          </cell>
        </row>
        <row r="3204">
          <cell r="C3204">
            <v>2006</v>
          </cell>
          <cell r="D3204">
            <v>10</v>
          </cell>
          <cell r="F3204">
            <v>1.1264000000000001</v>
          </cell>
        </row>
        <row r="3205">
          <cell r="C3205">
            <v>2006</v>
          </cell>
          <cell r="D3205">
            <v>10</v>
          </cell>
          <cell r="F3205">
            <v>1.1264000000000001</v>
          </cell>
        </row>
        <row r="3206">
          <cell r="C3206">
            <v>2006</v>
          </cell>
          <cell r="D3206">
            <v>10</v>
          </cell>
          <cell r="F3206">
            <v>1.1318999999999999</v>
          </cell>
        </row>
        <row r="3207">
          <cell r="C3207">
            <v>2006</v>
          </cell>
          <cell r="D3207">
            <v>10</v>
          </cell>
          <cell r="F3207">
            <v>1.1357999999999999</v>
          </cell>
        </row>
        <row r="3208">
          <cell r="C3208">
            <v>2006</v>
          </cell>
          <cell r="D3208">
            <v>10</v>
          </cell>
          <cell r="F3208">
            <v>1.1356999999999999</v>
          </cell>
        </row>
        <row r="3209">
          <cell r="C3209">
            <v>2006</v>
          </cell>
          <cell r="D3209">
            <v>10</v>
          </cell>
          <cell r="F3209">
            <v>1.1367</v>
          </cell>
        </row>
        <row r="3210">
          <cell r="C3210">
            <v>2006</v>
          </cell>
          <cell r="D3210">
            <v>10</v>
          </cell>
          <cell r="F3210">
            <v>1.1367</v>
          </cell>
        </row>
        <row r="3211">
          <cell r="C3211">
            <v>2006</v>
          </cell>
          <cell r="D3211">
            <v>10</v>
          </cell>
          <cell r="F3211">
            <v>1.1367</v>
          </cell>
        </row>
        <row r="3212">
          <cell r="C3212">
            <v>2006</v>
          </cell>
          <cell r="D3212">
            <v>10</v>
          </cell>
          <cell r="F3212">
            <v>1.1385000000000001</v>
          </cell>
        </row>
        <row r="3213">
          <cell r="C3213">
            <v>2006</v>
          </cell>
          <cell r="D3213">
            <v>10</v>
          </cell>
          <cell r="F3213">
            <v>1.1379999999999999</v>
          </cell>
        </row>
        <row r="3214">
          <cell r="C3214">
            <v>2006</v>
          </cell>
          <cell r="D3214">
            <v>10</v>
          </cell>
          <cell r="F3214">
            <v>1.1378999999999999</v>
          </cell>
        </row>
        <row r="3215">
          <cell r="C3215">
            <v>2006</v>
          </cell>
          <cell r="D3215">
            <v>10</v>
          </cell>
          <cell r="F3215">
            <v>1.1317999999999999</v>
          </cell>
        </row>
        <row r="3216">
          <cell r="C3216">
            <v>2006</v>
          </cell>
          <cell r="D3216">
            <v>10</v>
          </cell>
          <cell r="F3216">
            <v>1.1251</v>
          </cell>
        </row>
        <row r="3217">
          <cell r="C3217">
            <v>2006</v>
          </cell>
          <cell r="D3217">
            <v>10</v>
          </cell>
          <cell r="F3217">
            <v>1.1251</v>
          </cell>
        </row>
        <row r="3218">
          <cell r="C3218">
            <v>2006</v>
          </cell>
          <cell r="D3218">
            <v>10</v>
          </cell>
          <cell r="F3218">
            <v>1.1251</v>
          </cell>
        </row>
        <row r="3219">
          <cell r="C3219">
            <v>2006</v>
          </cell>
          <cell r="D3219">
            <v>10</v>
          </cell>
          <cell r="F3219">
            <v>1.1282000000000001</v>
          </cell>
        </row>
        <row r="3220">
          <cell r="C3220">
            <v>2006</v>
          </cell>
          <cell r="D3220">
            <v>10</v>
          </cell>
          <cell r="F3220">
            <v>1.1272</v>
          </cell>
        </row>
        <row r="3221">
          <cell r="C3221">
            <v>2006</v>
          </cell>
          <cell r="D3221">
            <v>10</v>
          </cell>
          <cell r="F3221">
            <v>1.1248</v>
          </cell>
        </row>
        <row r="3222">
          <cell r="C3222">
            <v>2006</v>
          </cell>
          <cell r="D3222">
            <v>10</v>
          </cell>
          <cell r="F3222">
            <v>1.1254</v>
          </cell>
        </row>
        <row r="3223">
          <cell r="C3223">
            <v>2006</v>
          </cell>
          <cell r="D3223">
            <v>10</v>
          </cell>
          <cell r="F3223">
            <v>1.1188</v>
          </cell>
        </row>
        <row r="3224">
          <cell r="C3224">
            <v>2006</v>
          </cell>
          <cell r="D3224">
            <v>10</v>
          </cell>
          <cell r="F3224">
            <v>1.1188</v>
          </cell>
        </row>
        <row r="3225">
          <cell r="C3225">
            <v>2006</v>
          </cell>
          <cell r="D3225">
            <v>10</v>
          </cell>
          <cell r="F3225">
            <v>1.1188</v>
          </cell>
        </row>
        <row r="3226">
          <cell r="C3226">
            <v>2006</v>
          </cell>
          <cell r="D3226">
            <v>10</v>
          </cell>
          <cell r="F3226">
            <v>1.1234999999999999</v>
          </cell>
        </row>
        <row r="3227">
          <cell r="C3227">
            <v>2006</v>
          </cell>
          <cell r="D3227">
            <v>11</v>
          </cell>
          <cell r="F3227">
            <v>1.1227</v>
          </cell>
        </row>
        <row r="3228">
          <cell r="C3228">
            <v>2006</v>
          </cell>
          <cell r="D3228">
            <v>11</v>
          </cell>
          <cell r="F3228">
            <v>1.1315</v>
          </cell>
        </row>
        <row r="3229">
          <cell r="C3229">
            <v>2006</v>
          </cell>
          <cell r="D3229">
            <v>11</v>
          </cell>
          <cell r="F3229">
            <v>1.1362000000000001</v>
          </cell>
        </row>
        <row r="3230">
          <cell r="C3230">
            <v>2006</v>
          </cell>
          <cell r="D3230">
            <v>11</v>
          </cell>
          <cell r="F3230">
            <v>1.129</v>
          </cell>
        </row>
        <row r="3231">
          <cell r="C3231">
            <v>2006</v>
          </cell>
          <cell r="D3231">
            <v>11</v>
          </cell>
          <cell r="F3231">
            <v>1.129</v>
          </cell>
        </row>
        <row r="3232">
          <cell r="C3232">
            <v>2006</v>
          </cell>
          <cell r="D3232">
            <v>11</v>
          </cell>
          <cell r="F3232">
            <v>1.129</v>
          </cell>
        </row>
        <row r="3233">
          <cell r="C3233">
            <v>2006</v>
          </cell>
          <cell r="D3233">
            <v>11</v>
          </cell>
          <cell r="F3233">
            <v>1.1293</v>
          </cell>
        </row>
        <row r="3234">
          <cell r="C3234">
            <v>2006</v>
          </cell>
          <cell r="D3234">
            <v>11</v>
          </cell>
          <cell r="F3234">
            <v>1.1276999999999999</v>
          </cell>
        </row>
        <row r="3235">
          <cell r="C3235">
            <v>2006</v>
          </cell>
          <cell r="D3235">
            <v>11</v>
          </cell>
          <cell r="F3235">
            <v>1.1276999999999999</v>
          </cell>
        </row>
        <row r="3236">
          <cell r="C3236">
            <v>2006</v>
          </cell>
          <cell r="D3236">
            <v>11</v>
          </cell>
          <cell r="F3236">
            <v>1.1292</v>
          </cell>
        </row>
        <row r="3237">
          <cell r="C3237">
            <v>2006</v>
          </cell>
          <cell r="D3237">
            <v>11</v>
          </cell>
          <cell r="F3237">
            <v>1.1307</v>
          </cell>
        </row>
        <row r="3238">
          <cell r="C3238">
            <v>2006</v>
          </cell>
          <cell r="D3238">
            <v>11</v>
          </cell>
          <cell r="F3238">
            <v>1.1307</v>
          </cell>
        </row>
        <row r="3239">
          <cell r="C3239">
            <v>2006</v>
          </cell>
          <cell r="D3239">
            <v>11</v>
          </cell>
          <cell r="F3239">
            <v>1.1307</v>
          </cell>
        </row>
        <row r="3240">
          <cell r="C3240">
            <v>2006</v>
          </cell>
          <cell r="D3240">
            <v>11</v>
          </cell>
          <cell r="F3240">
            <v>1.1307</v>
          </cell>
        </row>
        <row r="3241">
          <cell r="C3241">
            <v>2006</v>
          </cell>
          <cell r="D3241">
            <v>11</v>
          </cell>
          <cell r="F3241">
            <v>1.1395</v>
          </cell>
        </row>
        <row r="3242">
          <cell r="C3242">
            <v>2006</v>
          </cell>
          <cell r="D3242">
            <v>11</v>
          </cell>
          <cell r="F3242">
            <v>1.139</v>
          </cell>
        </row>
        <row r="3243">
          <cell r="C3243">
            <v>2006</v>
          </cell>
          <cell r="D3243">
            <v>11</v>
          </cell>
          <cell r="F3243">
            <v>1.1404000000000001</v>
          </cell>
        </row>
        <row r="3244">
          <cell r="C3244">
            <v>2006</v>
          </cell>
          <cell r="D3244">
            <v>11</v>
          </cell>
          <cell r="F3244">
            <v>1.1458999999999999</v>
          </cell>
        </row>
        <row r="3245">
          <cell r="C3245">
            <v>2006</v>
          </cell>
          <cell r="D3245">
            <v>11</v>
          </cell>
          <cell r="F3245">
            <v>1.1458999999999999</v>
          </cell>
        </row>
        <row r="3246">
          <cell r="C3246">
            <v>2006</v>
          </cell>
          <cell r="D3246">
            <v>11</v>
          </cell>
          <cell r="F3246">
            <v>1.1458999999999999</v>
          </cell>
        </row>
        <row r="3247">
          <cell r="C3247">
            <v>2006</v>
          </cell>
          <cell r="D3247">
            <v>11</v>
          </cell>
          <cell r="F3247">
            <v>1.1473</v>
          </cell>
        </row>
        <row r="3248">
          <cell r="C3248">
            <v>2006</v>
          </cell>
          <cell r="D3248">
            <v>11</v>
          </cell>
          <cell r="F3248">
            <v>1.1474</v>
          </cell>
        </row>
        <row r="3249">
          <cell r="C3249">
            <v>2006</v>
          </cell>
          <cell r="D3249">
            <v>11</v>
          </cell>
          <cell r="F3249">
            <v>1.1413</v>
          </cell>
        </row>
        <row r="3250">
          <cell r="C3250">
            <v>2006</v>
          </cell>
          <cell r="D3250">
            <v>11</v>
          </cell>
          <cell r="F3250">
            <v>1.1413</v>
          </cell>
        </row>
        <row r="3251">
          <cell r="C3251">
            <v>2006</v>
          </cell>
          <cell r="D3251">
            <v>11</v>
          </cell>
          <cell r="F3251">
            <v>1.1413</v>
          </cell>
        </row>
        <row r="3252">
          <cell r="C3252">
            <v>2006</v>
          </cell>
          <cell r="D3252">
            <v>11</v>
          </cell>
          <cell r="F3252">
            <v>1.1413</v>
          </cell>
        </row>
        <row r="3253">
          <cell r="C3253">
            <v>2006</v>
          </cell>
          <cell r="D3253">
            <v>11</v>
          </cell>
          <cell r="F3253">
            <v>1.1413</v>
          </cell>
        </row>
        <row r="3254">
          <cell r="C3254">
            <v>2006</v>
          </cell>
          <cell r="D3254">
            <v>11</v>
          </cell>
          <cell r="F3254">
            <v>1.133</v>
          </cell>
        </row>
        <row r="3255">
          <cell r="C3255">
            <v>2006</v>
          </cell>
          <cell r="D3255">
            <v>11</v>
          </cell>
          <cell r="F3255">
            <v>1.1311</v>
          </cell>
        </row>
        <row r="3256">
          <cell r="C3256">
            <v>2006</v>
          </cell>
          <cell r="D3256">
            <v>11</v>
          </cell>
          <cell r="F3256">
            <v>1.1359999999999999</v>
          </cell>
        </row>
        <row r="3257">
          <cell r="C3257">
            <v>2006</v>
          </cell>
          <cell r="D3257">
            <v>12</v>
          </cell>
          <cell r="F3257">
            <v>1.1415</v>
          </cell>
        </row>
        <row r="3258">
          <cell r="C3258">
            <v>2006</v>
          </cell>
          <cell r="D3258">
            <v>12</v>
          </cell>
          <cell r="F3258">
            <v>1.1445000000000001</v>
          </cell>
        </row>
        <row r="3259">
          <cell r="C3259">
            <v>2006</v>
          </cell>
          <cell r="D3259">
            <v>12</v>
          </cell>
          <cell r="F3259">
            <v>1.1445000000000001</v>
          </cell>
        </row>
        <row r="3260">
          <cell r="C3260">
            <v>2006</v>
          </cell>
          <cell r="D3260">
            <v>12</v>
          </cell>
          <cell r="F3260">
            <v>1.1445000000000001</v>
          </cell>
        </row>
        <row r="3261">
          <cell r="C3261">
            <v>2006</v>
          </cell>
          <cell r="D3261">
            <v>12</v>
          </cell>
          <cell r="F3261">
            <v>1.1454</v>
          </cell>
        </row>
        <row r="3262">
          <cell r="C3262">
            <v>2006</v>
          </cell>
          <cell r="D3262">
            <v>12</v>
          </cell>
          <cell r="F3262">
            <v>1.1416999999999999</v>
          </cell>
        </row>
        <row r="3263">
          <cell r="C3263">
            <v>2006</v>
          </cell>
          <cell r="D3263">
            <v>12</v>
          </cell>
          <cell r="F3263">
            <v>1.1469</v>
          </cell>
        </row>
        <row r="3264">
          <cell r="C3264">
            <v>2006</v>
          </cell>
          <cell r="D3264">
            <v>12</v>
          </cell>
          <cell r="F3264">
            <v>1.1480999999999999</v>
          </cell>
        </row>
        <row r="3265">
          <cell r="C3265">
            <v>2006</v>
          </cell>
          <cell r="D3265">
            <v>12</v>
          </cell>
          <cell r="F3265">
            <v>1.1500999999999999</v>
          </cell>
        </row>
        <row r="3266">
          <cell r="C3266">
            <v>2006</v>
          </cell>
          <cell r="D3266">
            <v>12</v>
          </cell>
          <cell r="F3266">
            <v>1.1500999999999999</v>
          </cell>
        </row>
        <row r="3267">
          <cell r="C3267">
            <v>2006</v>
          </cell>
          <cell r="D3267">
            <v>12</v>
          </cell>
          <cell r="F3267">
            <v>1.1500999999999999</v>
          </cell>
        </row>
        <row r="3268">
          <cell r="C3268">
            <v>2006</v>
          </cell>
          <cell r="D3268">
            <v>12</v>
          </cell>
          <cell r="F3268">
            <v>1.1475</v>
          </cell>
        </row>
        <row r="3269">
          <cell r="C3269">
            <v>2006</v>
          </cell>
          <cell r="D3269">
            <v>12</v>
          </cell>
          <cell r="F3269">
            <v>1.1548</v>
          </cell>
        </row>
        <row r="3270">
          <cell r="C3270">
            <v>2006</v>
          </cell>
          <cell r="D3270">
            <v>12</v>
          </cell>
          <cell r="F3270">
            <v>1.1545000000000001</v>
          </cell>
        </row>
        <row r="3271">
          <cell r="C3271">
            <v>2006</v>
          </cell>
          <cell r="D3271">
            <v>12</v>
          </cell>
          <cell r="F3271">
            <v>1.1568000000000001</v>
          </cell>
        </row>
        <row r="3272">
          <cell r="C3272">
            <v>2006</v>
          </cell>
          <cell r="D3272">
            <v>12</v>
          </cell>
          <cell r="F3272">
            <v>1.1574</v>
          </cell>
        </row>
        <row r="3273">
          <cell r="C3273">
            <v>2006</v>
          </cell>
          <cell r="D3273">
            <v>12</v>
          </cell>
          <cell r="F3273">
            <v>1.1574</v>
          </cell>
        </row>
        <row r="3274">
          <cell r="C3274">
            <v>2006</v>
          </cell>
          <cell r="D3274">
            <v>12</v>
          </cell>
          <cell r="F3274">
            <v>1.1574</v>
          </cell>
        </row>
        <row r="3275">
          <cell r="C3275">
            <v>2006</v>
          </cell>
          <cell r="D3275">
            <v>12</v>
          </cell>
          <cell r="F3275">
            <v>1.1574</v>
          </cell>
        </row>
        <row r="3276">
          <cell r="C3276">
            <v>2006</v>
          </cell>
          <cell r="D3276">
            <v>12</v>
          </cell>
          <cell r="F3276">
            <v>1.1557999999999999</v>
          </cell>
        </row>
        <row r="3277">
          <cell r="C3277">
            <v>2006</v>
          </cell>
          <cell r="D3277">
            <v>12</v>
          </cell>
          <cell r="F3277">
            <v>1.1486000000000001</v>
          </cell>
        </row>
        <row r="3278">
          <cell r="C3278">
            <v>2006</v>
          </cell>
          <cell r="D3278">
            <v>12</v>
          </cell>
          <cell r="F3278">
            <v>1.1536999999999999</v>
          </cell>
        </row>
        <row r="3279">
          <cell r="C3279">
            <v>2006</v>
          </cell>
          <cell r="D3279">
            <v>12</v>
          </cell>
          <cell r="F3279">
            <v>1.1574</v>
          </cell>
        </row>
        <row r="3280">
          <cell r="C3280">
            <v>2006</v>
          </cell>
          <cell r="D3280">
            <v>12</v>
          </cell>
          <cell r="F3280">
            <v>1.1574</v>
          </cell>
        </row>
        <row r="3281">
          <cell r="C3281">
            <v>2006</v>
          </cell>
          <cell r="D3281">
            <v>12</v>
          </cell>
          <cell r="F3281">
            <v>1.1574</v>
          </cell>
        </row>
        <row r="3282">
          <cell r="C3282">
            <v>2006</v>
          </cell>
          <cell r="D3282">
            <v>12</v>
          </cell>
          <cell r="F3282">
            <v>1.1574</v>
          </cell>
        </row>
        <row r="3283">
          <cell r="C3283">
            <v>2006</v>
          </cell>
          <cell r="D3283">
            <v>12</v>
          </cell>
          <cell r="F3283">
            <v>1.1574</v>
          </cell>
        </row>
        <row r="3284">
          <cell r="C3284">
            <v>2006</v>
          </cell>
          <cell r="D3284">
            <v>12</v>
          </cell>
          <cell r="F3284">
            <v>1.1612</v>
          </cell>
        </row>
        <row r="3285">
          <cell r="C3285">
            <v>2006</v>
          </cell>
          <cell r="D3285">
            <v>12</v>
          </cell>
          <cell r="F3285">
            <v>1.1598999999999999</v>
          </cell>
        </row>
        <row r="3286">
          <cell r="C3286">
            <v>2006</v>
          </cell>
          <cell r="D3286">
            <v>12</v>
          </cell>
          <cell r="F3286">
            <v>1.1649</v>
          </cell>
        </row>
        <row r="3287">
          <cell r="C3287">
            <v>2006</v>
          </cell>
          <cell r="D3287">
            <v>12</v>
          </cell>
          <cell r="F3287">
            <v>1.1649</v>
          </cell>
        </row>
        <row r="3288">
          <cell r="C3288">
            <v>2007</v>
          </cell>
          <cell r="D3288">
            <v>1</v>
          </cell>
          <cell r="F3288">
            <v>1.1649</v>
          </cell>
        </row>
        <row r="3289">
          <cell r="C3289">
            <v>2007</v>
          </cell>
          <cell r="D3289">
            <v>1</v>
          </cell>
          <cell r="F3289">
            <v>1.1649</v>
          </cell>
        </row>
        <row r="3290">
          <cell r="C3290">
            <v>2007</v>
          </cell>
          <cell r="D3290">
            <v>1</v>
          </cell>
          <cell r="F3290">
            <v>1.1649</v>
          </cell>
        </row>
        <row r="3291">
          <cell r="C3291">
            <v>2007</v>
          </cell>
          <cell r="D3291">
            <v>1</v>
          </cell>
          <cell r="F3291">
            <v>1.1698999999999999</v>
          </cell>
        </row>
        <row r="3292">
          <cell r="C3292">
            <v>2007</v>
          </cell>
          <cell r="D3292">
            <v>1</v>
          </cell>
          <cell r="F3292">
            <v>1.1767000000000001</v>
          </cell>
        </row>
        <row r="3293">
          <cell r="C3293">
            <v>2007</v>
          </cell>
          <cell r="D3293">
            <v>1</v>
          </cell>
          <cell r="F3293">
            <v>1.1755</v>
          </cell>
        </row>
        <row r="3294">
          <cell r="C3294">
            <v>2007</v>
          </cell>
          <cell r="D3294">
            <v>1</v>
          </cell>
          <cell r="F3294">
            <v>1.1755</v>
          </cell>
        </row>
        <row r="3295">
          <cell r="C3295">
            <v>2007</v>
          </cell>
          <cell r="D3295">
            <v>1</v>
          </cell>
          <cell r="F3295">
            <v>1.1755</v>
          </cell>
        </row>
        <row r="3296">
          <cell r="C3296">
            <v>2007</v>
          </cell>
          <cell r="D3296">
            <v>1</v>
          </cell>
          <cell r="F3296">
            <v>1.1777</v>
          </cell>
        </row>
        <row r="3297">
          <cell r="C3297">
            <v>2007</v>
          </cell>
          <cell r="D3297">
            <v>1</v>
          </cell>
          <cell r="F3297">
            <v>1.1783999999999999</v>
          </cell>
        </row>
        <row r="3298">
          <cell r="C3298">
            <v>2007</v>
          </cell>
          <cell r="D3298">
            <v>1</v>
          </cell>
          <cell r="F3298">
            <v>1.1772</v>
          </cell>
        </row>
        <row r="3299">
          <cell r="C3299">
            <v>2007</v>
          </cell>
          <cell r="D3299">
            <v>1</v>
          </cell>
          <cell r="F3299">
            <v>1.1761999999999999</v>
          </cell>
        </row>
        <row r="3300">
          <cell r="C3300">
            <v>2007</v>
          </cell>
          <cell r="D3300">
            <v>1</v>
          </cell>
          <cell r="F3300">
            <v>1.1701999999999999</v>
          </cell>
        </row>
        <row r="3301">
          <cell r="C3301">
            <v>2007</v>
          </cell>
          <cell r="D3301">
            <v>1</v>
          </cell>
          <cell r="F3301">
            <v>1.1701999999999999</v>
          </cell>
        </row>
        <row r="3302">
          <cell r="C3302">
            <v>2007</v>
          </cell>
          <cell r="D3302">
            <v>1</v>
          </cell>
          <cell r="F3302">
            <v>1.1701999999999999</v>
          </cell>
        </row>
        <row r="3303">
          <cell r="C3303">
            <v>2007</v>
          </cell>
          <cell r="D3303">
            <v>1</v>
          </cell>
          <cell r="F3303">
            <v>1.1701999999999999</v>
          </cell>
        </row>
        <row r="3304">
          <cell r="C3304">
            <v>2007</v>
          </cell>
          <cell r="D3304">
            <v>1</v>
          </cell>
          <cell r="F3304">
            <v>1.1746000000000001</v>
          </cell>
        </row>
        <row r="3305">
          <cell r="C3305">
            <v>2007</v>
          </cell>
          <cell r="D3305">
            <v>1</v>
          </cell>
          <cell r="F3305">
            <v>1.1737</v>
          </cell>
        </row>
        <row r="3306">
          <cell r="C3306">
            <v>2007</v>
          </cell>
          <cell r="D3306">
            <v>1</v>
          </cell>
          <cell r="F3306">
            <v>1.1752</v>
          </cell>
        </row>
        <row r="3307">
          <cell r="C3307">
            <v>2007</v>
          </cell>
          <cell r="D3307">
            <v>1</v>
          </cell>
          <cell r="F3307">
            <v>1.1719999999999999</v>
          </cell>
        </row>
        <row r="3308">
          <cell r="C3308">
            <v>2007</v>
          </cell>
          <cell r="D3308">
            <v>1</v>
          </cell>
          <cell r="F3308">
            <v>1.1719999999999999</v>
          </cell>
        </row>
        <row r="3309">
          <cell r="C3309">
            <v>2007</v>
          </cell>
          <cell r="D3309">
            <v>1</v>
          </cell>
          <cell r="F3309">
            <v>1.1719999999999999</v>
          </cell>
        </row>
        <row r="3310">
          <cell r="C3310">
            <v>2007</v>
          </cell>
          <cell r="D3310">
            <v>1</v>
          </cell>
          <cell r="F3310">
            <v>1.1758999999999999</v>
          </cell>
        </row>
        <row r="3311">
          <cell r="C3311">
            <v>2007</v>
          </cell>
          <cell r="D3311">
            <v>1</v>
          </cell>
          <cell r="F3311">
            <v>1.1816</v>
          </cell>
        </row>
        <row r="3312">
          <cell r="C3312">
            <v>2007</v>
          </cell>
          <cell r="D3312">
            <v>1</v>
          </cell>
          <cell r="F3312">
            <v>1.1823999999999999</v>
          </cell>
        </row>
        <row r="3313">
          <cell r="C3313">
            <v>2007</v>
          </cell>
          <cell r="D3313">
            <v>1</v>
          </cell>
          <cell r="F3313">
            <v>1.1782999999999999</v>
          </cell>
        </row>
        <row r="3314">
          <cell r="C3314">
            <v>2007</v>
          </cell>
          <cell r="D3314">
            <v>1</v>
          </cell>
          <cell r="F3314">
            <v>1.1798</v>
          </cell>
        </row>
        <row r="3315">
          <cell r="C3315">
            <v>2007</v>
          </cell>
          <cell r="D3315">
            <v>1</v>
          </cell>
          <cell r="F3315">
            <v>1.1798</v>
          </cell>
        </row>
        <row r="3316">
          <cell r="C3316">
            <v>2007</v>
          </cell>
          <cell r="D3316">
            <v>1</v>
          </cell>
          <cell r="F3316">
            <v>1.1798</v>
          </cell>
        </row>
        <row r="3317">
          <cell r="C3317">
            <v>2007</v>
          </cell>
          <cell r="D3317">
            <v>1</v>
          </cell>
          <cell r="F3317">
            <v>1.1816</v>
          </cell>
        </row>
        <row r="3318">
          <cell r="C3318">
            <v>2007</v>
          </cell>
          <cell r="D3318">
            <v>1</v>
          </cell>
          <cell r="F3318">
            <v>1.1814</v>
          </cell>
        </row>
        <row r="3319">
          <cell r="C3319">
            <v>2007</v>
          </cell>
          <cell r="D3319">
            <v>2</v>
          </cell>
          <cell r="F3319">
            <v>1.1792</v>
          </cell>
        </row>
        <row r="3320">
          <cell r="C3320">
            <v>2007</v>
          </cell>
          <cell r="D3320">
            <v>2</v>
          </cell>
          <cell r="F3320">
            <v>1.1755</v>
          </cell>
        </row>
        <row r="3321">
          <cell r="C3321">
            <v>2007</v>
          </cell>
          <cell r="D3321">
            <v>2</v>
          </cell>
          <cell r="F3321">
            <v>1.1838</v>
          </cell>
        </row>
        <row r="3322">
          <cell r="C3322">
            <v>2007</v>
          </cell>
          <cell r="D3322">
            <v>2</v>
          </cell>
          <cell r="F3322">
            <v>1.1838</v>
          </cell>
        </row>
        <row r="3323">
          <cell r="C3323">
            <v>2007</v>
          </cell>
          <cell r="D3323">
            <v>2</v>
          </cell>
          <cell r="F3323">
            <v>1.1838</v>
          </cell>
        </row>
        <row r="3324">
          <cell r="C3324">
            <v>2007</v>
          </cell>
          <cell r="D3324">
            <v>2</v>
          </cell>
          <cell r="F3324">
            <v>1.1818</v>
          </cell>
        </row>
        <row r="3325">
          <cell r="C3325">
            <v>2007</v>
          </cell>
          <cell r="D3325">
            <v>2</v>
          </cell>
          <cell r="F3325">
            <v>1.1819999999999999</v>
          </cell>
        </row>
        <row r="3326">
          <cell r="C3326">
            <v>2007</v>
          </cell>
          <cell r="D3326">
            <v>2</v>
          </cell>
          <cell r="F3326">
            <v>1.1852</v>
          </cell>
        </row>
        <row r="3327">
          <cell r="C3327">
            <v>2007</v>
          </cell>
          <cell r="D3327">
            <v>2</v>
          </cell>
          <cell r="F3327">
            <v>1.1853</v>
          </cell>
        </row>
        <row r="3328">
          <cell r="C3328">
            <v>2007</v>
          </cell>
          <cell r="D3328">
            <v>2</v>
          </cell>
          <cell r="F3328">
            <v>1.1738999999999999</v>
          </cell>
        </row>
        <row r="3329">
          <cell r="C3329">
            <v>2007</v>
          </cell>
          <cell r="D3329">
            <v>2</v>
          </cell>
          <cell r="F3329">
            <v>1.1738999999999999</v>
          </cell>
        </row>
        <row r="3330">
          <cell r="C3330">
            <v>2007</v>
          </cell>
          <cell r="D3330">
            <v>2</v>
          </cell>
          <cell r="F3330">
            <v>1.1738999999999999</v>
          </cell>
        </row>
        <row r="3331">
          <cell r="C3331">
            <v>2007</v>
          </cell>
          <cell r="D3331">
            <v>2</v>
          </cell>
          <cell r="F3331">
            <v>1.1746000000000001</v>
          </cell>
        </row>
        <row r="3332">
          <cell r="C3332">
            <v>2007</v>
          </cell>
          <cell r="D3332">
            <v>2</v>
          </cell>
          <cell r="F3332">
            <v>1.1686000000000001</v>
          </cell>
        </row>
        <row r="3333">
          <cell r="C3333">
            <v>2007</v>
          </cell>
          <cell r="D3333">
            <v>2</v>
          </cell>
          <cell r="F3333">
            <v>1.1659999999999999</v>
          </cell>
        </row>
        <row r="3334">
          <cell r="C3334">
            <v>2007</v>
          </cell>
          <cell r="D3334">
            <v>2</v>
          </cell>
          <cell r="F3334">
            <v>1.1638999999999999</v>
          </cell>
        </row>
        <row r="3335">
          <cell r="C3335">
            <v>2007</v>
          </cell>
          <cell r="D3335">
            <v>2</v>
          </cell>
          <cell r="F3335">
            <v>1.1637</v>
          </cell>
        </row>
        <row r="3336">
          <cell r="C3336">
            <v>2007</v>
          </cell>
          <cell r="D3336">
            <v>2</v>
          </cell>
          <cell r="F3336">
            <v>1.1637</v>
          </cell>
        </row>
        <row r="3337">
          <cell r="C3337">
            <v>2007</v>
          </cell>
          <cell r="D3337">
            <v>2</v>
          </cell>
          <cell r="F3337">
            <v>1.1637</v>
          </cell>
        </row>
        <row r="3338">
          <cell r="C3338">
            <v>2007</v>
          </cell>
          <cell r="D3338">
            <v>2</v>
          </cell>
          <cell r="F3338">
            <v>1.1637</v>
          </cell>
        </row>
        <row r="3339">
          <cell r="C3339">
            <v>2007</v>
          </cell>
          <cell r="D3339">
            <v>2</v>
          </cell>
          <cell r="F3339">
            <v>1.1698</v>
          </cell>
        </row>
        <row r="3340">
          <cell r="C3340">
            <v>2007</v>
          </cell>
          <cell r="D3340">
            <v>2</v>
          </cell>
          <cell r="F3340">
            <v>1.1612</v>
          </cell>
        </row>
        <row r="3341">
          <cell r="C3341">
            <v>2007</v>
          </cell>
          <cell r="D3341">
            <v>2</v>
          </cell>
          <cell r="F3341">
            <v>1.1616</v>
          </cell>
        </row>
        <row r="3342">
          <cell r="C3342">
            <v>2007</v>
          </cell>
          <cell r="D3342">
            <v>2</v>
          </cell>
          <cell r="F3342">
            <v>1.1585000000000001</v>
          </cell>
        </row>
        <row r="3343">
          <cell r="C3343">
            <v>2007</v>
          </cell>
          <cell r="D3343">
            <v>2</v>
          </cell>
          <cell r="F3343">
            <v>1.1585000000000001</v>
          </cell>
        </row>
        <row r="3344">
          <cell r="C3344">
            <v>2007</v>
          </cell>
          <cell r="D3344">
            <v>2</v>
          </cell>
          <cell r="F3344">
            <v>1.1585000000000001</v>
          </cell>
        </row>
        <row r="3345">
          <cell r="C3345">
            <v>2007</v>
          </cell>
          <cell r="D3345">
            <v>2</v>
          </cell>
          <cell r="F3345">
            <v>1.1599999999999999</v>
          </cell>
        </row>
        <row r="3346">
          <cell r="C3346">
            <v>2007</v>
          </cell>
          <cell r="D3346">
            <v>2</v>
          </cell>
          <cell r="F3346">
            <v>1.1638999999999999</v>
          </cell>
        </row>
        <row r="3347">
          <cell r="C3347">
            <v>2007</v>
          </cell>
          <cell r="D3347">
            <v>3</v>
          </cell>
          <cell r="F3347">
            <v>1.17</v>
          </cell>
        </row>
        <row r="3348">
          <cell r="C3348">
            <v>2007</v>
          </cell>
          <cell r="D3348">
            <v>3</v>
          </cell>
          <cell r="F3348">
            <v>1.1713</v>
          </cell>
        </row>
        <row r="3349">
          <cell r="C3349">
            <v>2007</v>
          </cell>
          <cell r="D3349">
            <v>3</v>
          </cell>
          <cell r="F3349">
            <v>1.1753</v>
          </cell>
        </row>
        <row r="3350">
          <cell r="C3350">
            <v>2007</v>
          </cell>
          <cell r="D3350">
            <v>3</v>
          </cell>
          <cell r="F3350">
            <v>1.1753</v>
          </cell>
        </row>
        <row r="3351">
          <cell r="C3351">
            <v>2007</v>
          </cell>
          <cell r="D3351">
            <v>3</v>
          </cell>
          <cell r="F3351">
            <v>1.1753</v>
          </cell>
        </row>
        <row r="3352">
          <cell r="C3352">
            <v>2007</v>
          </cell>
          <cell r="D3352">
            <v>3</v>
          </cell>
          <cell r="F3352">
            <v>1.1811</v>
          </cell>
        </row>
        <row r="3353">
          <cell r="C3353">
            <v>2007</v>
          </cell>
          <cell r="D3353">
            <v>3</v>
          </cell>
          <cell r="F3353">
            <v>1.1759999999999999</v>
          </cell>
        </row>
        <row r="3354">
          <cell r="C3354">
            <v>2007</v>
          </cell>
          <cell r="D3354">
            <v>3</v>
          </cell>
          <cell r="F3354">
            <v>1.1786000000000001</v>
          </cell>
        </row>
        <row r="3355">
          <cell r="C3355">
            <v>2007</v>
          </cell>
          <cell r="D3355">
            <v>3</v>
          </cell>
          <cell r="F3355">
            <v>1.1800999999999999</v>
          </cell>
        </row>
        <row r="3356">
          <cell r="C3356">
            <v>2007</v>
          </cell>
          <cell r="D3356">
            <v>3</v>
          </cell>
          <cell r="F3356">
            <v>1.1712</v>
          </cell>
        </row>
        <row r="3357">
          <cell r="C3357">
            <v>2007</v>
          </cell>
          <cell r="D3357">
            <v>3</v>
          </cell>
          <cell r="F3357">
            <v>1.1712</v>
          </cell>
        </row>
        <row r="3358">
          <cell r="C3358">
            <v>2007</v>
          </cell>
          <cell r="D3358">
            <v>3</v>
          </cell>
          <cell r="F3358">
            <v>1.1712</v>
          </cell>
        </row>
        <row r="3359">
          <cell r="C3359">
            <v>2007</v>
          </cell>
          <cell r="D3359">
            <v>3</v>
          </cell>
          <cell r="F3359">
            <v>1.1692</v>
          </cell>
        </row>
        <row r="3360">
          <cell r="C3360">
            <v>2007</v>
          </cell>
          <cell r="D3360">
            <v>3</v>
          </cell>
          <cell r="F3360">
            <v>1.1687000000000001</v>
          </cell>
        </row>
        <row r="3361">
          <cell r="C3361">
            <v>2007</v>
          </cell>
          <cell r="D3361">
            <v>3</v>
          </cell>
          <cell r="F3361">
            <v>1.1754</v>
          </cell>
        </row>
        <row r="3362">
          <cell r="C3362">
            <v>2007</v>
          </cell>
          <cell r="D3362">
            <v>3</v>
          </cell>
          <cell r="F3362">
            <v>1.1758</v>
          </cell>
        </row>
        <row r="3363">
          <cell r="C3363">
            <v>2007</v>
          </cell>
          <cell r="D3363">
            <v>3</v>
          </cell>
          <cell r="F3363">
            <v>1.1739999999999999</v>
          </cell>
        </row>
        <row r="3364">
          <cell r="C3364">
            <v>2007</v>
          </cell>
          <cell r="D3364">
            <v>3</v>
          </cell>
          <cell r="F3364">
            <v>1.1739999999999999</v>
          </cell>
        </row>
        <row r="3365">
          <cell r="C3365">
            <v>2007</v>
          </cell>
          <cell r="D3365">
            <v>3</v>
          </cell>
          <cell r="F3365">
            <v>1.1739999999999999</v>
          </cell>
        </row>
        <row r="3366">
          <cell r="C3366">
            <v>2007</v>
          </cell>
          <cell r="D3366">
            <v>3</v>
          </cell>
          <cell r="F3366">
            <v>1.1752</v>
          </cell>
        </row>
        <row r="3367">
          <cell r="C3367">
            <v>2007</v>
          </cell>
          <cell r="D3367">
            <v>3</v>
          </cell>
          <cell r="F3367">
            <v>1.1638999999999999</v>
          </cell>
        </row>
        <row r="3368">
          <cell r="C3368">
            <v>2007</v>
          </cell>
          <cell r="D3368">
            <v>3</v>
          </cell>
          <cell r="F3368">
            <v>1.1577999999999999</v>
          </cell>
        </row>
        <row r="3369">
          <cell r="C3369">
            <v>2007</v>
          </cell>
          <cell r="D3369">
            <v>3</v>
          </cell>
          <cell r="F3369">
            <v>1.1576</v>
          </cell>
        </row>
        <row r="3370">
          <cell r="C3370">
            <v>2007</v>
          </cell>
          <cell r="D3370">
            <v>3</v>
          </cell>
          <cell r="F3370">
            <v>1.1599999999999999</v>
          </cell>
        </row>
        <row r="3371">
          <cell r="C3371">
            <v>2007</v>
          </cell>
          <cell r="D3371">
            <v>3</v>
          </cell>
          <cell r="F3371">
            <v>1.1599999999999999</v>
          </cell>
        </row>
        <row r="3372">
          <cell r="C3372">
            <v>2007</v>
          </cell>
          <cell r="D3372">
            <v>3</v>
          </cell>
          <cell r="F3372">
            <v>1.1599999999999999</v>
          </cell>
        </row>
        <row r="3373">
          <cell r="C3373">
            <v>2007</v>
          </cell>
          <cell r="D3373">
            <v>3</v>
          </cell>
          <cell r="F3373">
            <v>1.1627000000000001</v>
          </cell>
        </row>
        <row r="3374">
          <cell r="C3374">
            <v>2007</v>
          </cell>
          <cell r="D3374">
            <v>3</v>
          </cell>
          <cell r="F3374">
            <v>1.1584000000000001</v>
          </cell>
        </row>
        <row r="3375">
          <cell r="C3375">
            <v>2007</v>
          </cell>
          <cell r="D3375">
            <v>3</v>
          </cell>
          <cell r="F3375">
            <v>1.1579999999999999</v>
          </cell>
        </row>
        <row r="3376">
          <cell r="C3376">
            <v>2007</v>
          </cell>
          <cell r="D3376">
            <v>3</v>
          </cell>
          <cell r="F3376">
            <v>1.1577999999999999</v>
          </cell>
        </row>
        <row r="3377">
          <cell r="C3377">
            <v>2007</v>
          </cell>
          <cell r="D3377">
            <v>3</v>
          </cell>
          <cell r="F3377">
            <v>1.1529</v>
          </cell>
        </row>
        <row r="3378">
          <cell r="C3378">
            <v>2007</v>
          </cell>
          <cell r="D3378">
            <v>4</v>
          </cell>
          <cell r="F3378">
            <v>1.1529</v>
          </cell>
        </row>
        <row r="3379">
          <cell r="C3379">
            <v>2007</v>
          </cell>
          <cell r="D3379">
            <v>4</v>
          </cell>
          <cell r="F3379">
            <v>1.1529</v>
          </cell>
        </row>
        <row r="3380">
          <cell r="C3380">
            <v>2007</v>
          </cell>
          <cell r="D3380">
            <v>4</v>
          </cell>
          <cell r="F3380">
            <v>1.1560999999999999</v>
          </cell>
        </row>
        <row r="3381">
          <cell r="C3381">
            <v>2007</v>
          </cell>
          <cell r="D3381">
            <v>4</v>
          </cell>
          <cell r="F3381">
            <v>1.1573</v>
          </cell>
        </row>
        <row r="3382">
          <cell r="C3382">
            <v>2007</v>
          </cell>
          <cell r="D3382">
            <v>4</v>
          </cell>
          <cell r="F3382">
            <v>1.1584000000000001</v>
          </cell>
        </row>
        <row r="3383">
          <cell r="C3383">
            <v>2007</v>
          </cell>
          <cell r="D3383">
            <v>4</v>
          </cell>
          <cell r="F3383">
            <v>1.1509</v>
          </cell>
        </row>
        <row r="3384">
          <cell r="C3384">
            <v>2007</v>
          </cell>
          <cell r="D3384">
            <v>4</v>
          </cell>
          <cell r="F3384">
            <v>1.1509</v>
          </cell>
        </row>
        <row r="3385">
          <cell r="C3385">
            <v>2007</v>
          </cell>
          <cell r="D3385">
            <v>4</v>
          </cell>
          <cell r="F3385">
            <v>1.1509</v>
          </cell>
        </row>
        <row r="3386">
          <cell r="C3386">
            <v>2007</v>
          </cell>
          <cell r="D3386">
            <v>4</v>
          </cell>
          <cell r="F3386">
            <v>1.1509</v>
          </cell>
        </row>
        <row r="3387">
          <cell r="C3387">
            <v>2007</v>
          </cell>
          <cell r="D3387">
            <v>4</v>
          </cell>
          <cell r="F3387">
            <v>1.1521999999999999</v>
          </cell>
        </row>
        <row r="3388">
          <cell r="C3388">
            <v>2007</v>
          </cell>
          <cell r="D3388">
            <v>4</v>
          </cell>
          <cell r="F3388">
            <v>1.1479999999999999</v>
          </cell>
        </row>
        <row r="3389">
          <cell r="C3389">
            <v>2007</v>
          </cell>
          <cell r="D3389">
            <v>4</v>
          </cell>
          <cell r="F3389">
            <v>1.145</v>
          </cell>
        </row>
        <row r="3390">
          <cell r="C3390">
            <v>2007</v>
          </cell>
          <cell r="D3390">
            <v>4</v>
          </cell>
          <cell r="F3390">
            <v>1.1363000000000001</v>
          </cell>
        </row>
        <row r="3391">
          <cell r="C3391">
            <v>2007</v>
          </cell>
          <cell r="D3391">
            <v>4</v>
          </cell>
          <cell r="F3391">
            <v>1.1379999999999999</v>
          </cell>
        </row>
        <row r="3392">
          <cell r="C3392">
            <v>2007</v>
          </cell>
          <cell r="D3392">
            <v>4</v>
          </cell>
          <cell r="F3392">
            <v>1.1379999999999999</v>
          </cell>
        </row>
        <row r="3393">
          <cell r="C3393">
            <v>2007</v>
          </cell>
          <cell r="D3393">
            <v>4</v>
          </cell>
          <cell r="F3393">
            <v>1.1379999999999999</v>
          </cell>
        </row>
        <row r="3394">
          <cell r="C3394">
            <v>2007</v>
          </cell>
          <cell r="D3394">
            <v>4</v>
          </cell>
          <cell r="F3394">
            <v>1.131</v>
          </cell>
        </row>
        <row r="3395">
          <cell r="C3395">
            <v>2007</v>
          </cell>
          <cell r="D3395">
            <v>4</v>
          </cell>
          <cell r="F3395">
            <v>1.1294</v>
          </cell>
        </row>
        <row r="3396">
          <cell r="C3396">
            <v>2007</v>
          </cell>
          <cell r="D3396">
            <v>4</v>
          </cell>
          <cell r="F3396">
            <v>1.1288</v>
          </cell>
        </row>
        <row r="3397">
          <cell r="C3397">
            <v>2007</v>
          </cell>
          <cell r="D3397">
            <v>4</v>
          </cell>
          <cell r="F3397">
            <v>1.1286</v>
          </cell>
        </row>
        <row r="3398">
          <cell r="C3398">
            <v>2007</v>
          </cell>
          <cell r="D3398">
            <v>4</v>
          </cell>
          <cell r="F3398">
            <v>1.1227</v>
          </cell>
        </row>
        <row r="3399">
          <cell r="C3399">
            <v>2007</v>
          </cell>
          <cell r="D3399">
            <v>4</v>
          </cell>
          <cell r="F3399">
            <v>1.1227</v>
          </cell>
        </row>
        <row r="3400">
          <cell r="C3400">
            <v>2007</v>
          </cell>
          <cell r="D3400">
            <v>4</v>
          </cell>
          <cell r="F3400">
            <v>1.1227</v>
          </cell>
        </row>
        <row r="3401">
          <cell r="C3401">
            <v>2007</v>
          </cell>
          <cell r="D3401">
            <v>4</v>
          </cell>
          <cell r="F3401">
            <v>1.1227</v>
          </cell>
        </row>
        <row r="3402">
          <cell r="C3402">
            <v>2007</v>
          </cell>
          <cell r="D3402">
            <v>4</v>
          </cell>
          <cell r="F3402">
            <v>1.1229</v>
          </cell>
        </row>
        <row r="3403">
          <cell r="C3403">
            <v>2007</v>
          </cell>
          <cell r="D3403">
            <v>4</v>
          </cell>
          <cell r="F3403">
            <v>1.1145</v>
          </cell>
        </row>
        <row r="3404">
          <cell r="C3404">
            <v>2007</v>
          </cell>
          <cell r="D3404">
            <v>4</v>
          </cell>
          <cell r="F3404">
            <v>1.1202000000000001</v>
          </cell>
        </row>
        <row r="3405">
          <cell r="C3405">
            <v>2007</v>
          </cell>
          <cell r="D3405">
            <v>4</v>
          </cell>
          <cell r="F3405">
            <v>1.1153</v>
          </cell>
        </row>
        <row r="3406">
          <cell r="C3406">
            <v>2007</v>
          </cell>
          <cell r="D3406">
            <v>4</v>
          </cell>
          <cell r="F3406">
            <v>1.1153</v>
          </cell>
        </row>
        <row r="3407">
          <cell r="C3407">
            <v>2007</v>
          </cell>
          <cell r="D3407">
            <v>4</v>
          </cell>
          <cell r="F3407">
            <v>1.1153</v>
          </cell>
        </row>
        <row r="3408">
          <cell r="C3408">
            <v>2007</v>
          </cell>
          <cell r="D3408">
            <v>5</v>
          </cell>
          <cell r="F3408">
            <v>1.1067</v>
          </cell>
        </row>
        <row r="3409">
          <cell r="C3409">
            <v>2007</v>
          </cell>
          <cell r="D3409">
            <v>5</v>
          </cell>
          <cell r="F3409">
            <v>1.1089</v>
          </cell>
        </row>
        <row r="3410">
          <cell r="C3410">
            <v>2007</v>
          </cell>
          <cell r="D3410">
            <v>5</v>
          </cell>
          <cell r="F3410">
            <v>1.1087</v>
          </cell>
        </row>
        <row r="3411">
          <cell r="C3411">
            <v>2007</v>
          </cell>
          <cell r="D3411">
            <v>5</v>
          </cell>
          <cell r="F3411">
            <v>1.107</v>
          </cell>
        </row>
        <row r="3412">
          <cell r="C3412">
            <v>2007</v>
          </cell>
          <cell r="D3412">
            <v>5</v>
          </cell>
          <cell r="F3412">
            <v>1.1069</v>
          </cell>
        </row>
        <row r="3413">
          <cell r="C3413">
            <v>2007</v>
          </cell>
          <cell r="D3413">
            <v>5</v>
          </cell>
          <cell r="F3413">
            <v>1.1069</v>
          </cell>
        </row>
        <row r="3414">
          <cell r="C3414">
            <v>2007</v>
          </cell>
          <cell r="D3414">
            <v>5</v>
          </cell>
          <cell r="F3414">
            <v>1.1069</v>
          </cell>
        </row>
        <row r="3415">
          <cell r="C3415">
            <v>2007</v>
          </cell>
          <cell r="D3415">
            <v>5</v>
          </cell>
          <cell r="F3415">
            <v>1.1024</v>
          </cell>
        </row>
        <row r="3416">
          <cell r="C3416">
            <v>2007</v>
          </cell>
          <cell r="D3416">
            <v>5</v>
          </cell>
          <cell r="F3416">
            <v>1.1048</v>
          </cell>
        </row>
        <row r="3417">
          <cell r="C3417">
            <v>2007</v>
          </cell>
          <cell r="D3417">
            <v>5</v>
          </cell>
          <cell r="F3417">
            <v>1.1064000000000001</v>
          </cell>
        </row>
        <row r="3418">
          <cell r="C3418">
            <v>2007</v>
          </cell>
          <cell r="D3418">
            <v>5</v>
          </cell>
          <cell r="F3418">
            <v>1.1073</v>
          </cell>
        </row>
        <row r="3419">
          <cell r="C3419">
            <v>2007</v>
          </cell>
          <cell r="D3419">
            <v>5</v>
          </cell>
          <cell r="F3419">
            <v>1.1134999999999999</v>
          </cell>
        </row>
        <row r="3420">
          <cell r="C3420">
            <v>2007</v>
          </cell>
          <cell r="D3420">
            <v>5</v>
          </cell>
          <cell r="F3420">
            <v>1.1134999999999999</v>
          </cell>
        </row>
        <row r="3421">
          <cell r="C3421">
            <v>2007</v>
          </cell>
          <cell r="D3421">
            <v>5</v>
          </cell>
          <cell r="F3421">
            <v>1.1134999999999999</v>
          </cell>
        </row>
        <row r="3422">
          <cell r="C3422">
            <v>2007</v>
          </cell>
          <cell r="D3422">
            <v>5</v>
          </cell>
          <cell r="F3422">
            <v>1.1069</v>
          </cell>
        </row>
        <row r="3423">
          <cell r="C3423">
            <v>2007</v>
          </cell>
          <cell r="D3423">
            <v>5</v>
          </cell>
          <cell r="F3423">
            <v>1.0976999999999999</v>
          </cell>
        </row>
        <row r="3424">
          <cell r="C3424">
            <v>2007</v>
          </cell>
          <cell r="D3424">
            <v>5</v>
          </cell>
          <cell r="F3424">
            <v>1.1029</v>
          </cell>
        </row>
        <row r="3425">
          <cell r="C3425">
            <v>2007</v>
          </cell>
          <cell r="D3425">
            <v>5</v>
          </cell>
          <cell r="F3425">
            <v>1.0976999999999999</v>
          </cell>
        </row>
        <row r="3426">
          <cell r="C3426">
            <v>2007</v>
          </cell>
          <cell r="D3426">
            <v>5</v>
          </cell>
          <cell r="F3426">
            <v>1.0884</v>
          </cell>
        </row>
        <row r="3427">
          <cell r="C3427">
            <v>2007</v>
          </cell>
          <cell r="D3427">
            <v>5</v>
          </cell>
          <cell r="F3427">
            <v>1.0884</v>
          </cell>
        </row>
        <row r="3428">
          <cell r="C3428">
            <v>2007</v>
          </cell>
          <cell r="D3428">
            <v>5</v>
          </cell>
          <cell r="F3428">
            <v>1.0884</v>
          </cell>
        </row>
        <row r="3429">
          <cell r="C3429">
            <v>2007</v>
          </cell>
          <cell r="D3429">
            <v>5</v>
          </cell>
          <cell r="F3429">
            <v>1.0884</v>
          </cell>
        </row>
        <row r="3430">
          <cell r="C3430">
            <v>2007</v>
          </cell>
          <cell r="D3430">
            <v>5</v>
          </cell>
          <cell r="F3430">
            <v>1.0854999999999999</v>
          </cell>
        </row>
        <row r="3431">
          <cell r="C3431">
            <v>2007</v>
          </cell>
          <cell r="D3431">
            <v>5</v>
          </cell>
          <cell r="F3431">
            <v>1.0818000000000001</v>
          </cell>
        </row>
        <row r="3432">
          <cell r="C3432">
            <v>2007</v>
          </cell>
          <cell r="D3432">
            <v>5</v>
          </cell>
          <cell r="F3432">
            <v>1.0841000000000001</v>
          </cell>
        </row>
        <row r="3433">
          <cell r="C3433">
            <v>2007</v>
          </cell>
          <cell r="D3433">
            <v>5</v>
          </cell>
          <cell r="F3433">
            <v>1.0795999999999999</v>
          </cell>
        </row>
        <row r="3434">
          <cell r="C3434">
            <v>2007</v>
          </cell>
          <cell r="D3434">
            <v>5</v>
          </cell>
          <cell r="F3434">
            <v>1.0795999999999999</v>
          </cell>
        </row>
        <row r="3435">
          <cell r="C3435">
            <v>2007</v>
          </cell>
          <cell r="D3435">
            <v>5</v>
          </cell>
          <cell r="F3435">
            <v>1.0795999999999999</v>
          </cell>
        </row>
        <row r="3436">
          <cell r="C3436">
            <v>2007</v>
          </cell>
          <cell r="D3436">
            <v>5</v>
          </cell>
          <cell r="F3436">
            <v>1.0795999999999999</v>
          </cell>
        </row>
        <row r="3437">
          <cell r="C3437">
            <v>2007</v>
          </cell>
          <cell r="D3437">
            <v>5</v>
          </cell>
          <cell r="F3437">
            <v>1.0719000000000001</v>
          </cell>
        </row>
        <row r="3438">
          <cell r="C3438">
            <v>2007</v>
          </cell>
          <cell r="D3438">
            <v>5</v>
          </cell>
          <cell r="F3438">
            <v>1.0753999999999999</v>
          </cell>
        </row>
        <row r="3439">
          <cell r="C3439">
            <v>2007</v>
          </cell>
          <cell r="D3439">
            <v>6</v>
          </cell>
          <cell r="F3439">
            <v>1.0699000000000001</v>
          </cell>
        </row>
        <row r="3440">
          <cell r="C3440">
            <v>2007</v>
          </cell>
          <cell r="D3440">
            <v>6</v>
          </cell>
          <cell r="F3440">
            <v>1.0604</v>
          </cell>
        </row>
        <row r="3441">
          <cell r="C3441">
            <v>2007</v>
          </cell>
          <cell r="D3441">
            <v>6</v>
          </cell>
          <cell r="F3441">
            <v>1.0604</v>
          </cell>
        </row>
        <row r="3442">
          <cell r="C3442">
            <v>2007</v>
          </cell>
          <cell r="D3442">
            <v>6</v>
          </cell>
          <cell r="F3442">
            <v>1.0604</v>
          </cell>
        </row>
        <row r="3443">
          <cell r="C3443">
            <v>2007</v>
          </cell>
          <cell r="D3443">
            <v>6</v>
          </cell>
          <cell r="F3443">
            <v>1.0580000000000001</v>
          </cell>
        </row>
        <row r="3444">
          <cell r="C3444">
            <v>2007</v>
          </cell>
          <cell r="D3444">
            <v>6</v>
          </cell>
          <cell r="F3444">
            <v>1.0606</v>
          </cell>
        </row>
        <row r="3445">
          <cell r="C3445">
            <v>2007</v>
          </cell>
          <cell r="D3445">
            <v>6</v>
          </cell>
          <cell r="F3445">
            <v>1.0586</v>
          </cell>
        </row>
        <row r="3446">
          <cell r="C3446">
            <v>2007</v>
          </cell>
          <cell r="D3446">
            <v>6</v>
          </cell>
          <cell r="F3446">
            <v>1.0612999999999999</v>
          </cell>
        </row>
        <row r="3447">
          <cell r="C3447">
            <v>2007</v>
          </cell>
          <cell r="D3447">
            <v>6</v>
          </cell>
          <cell r="F3447">
            <v>1.0622</v>
          </cell>
        </row>
        <row r="3448">
          <cell r="C3448">
            <v>2007</v>
          </cell>
          <cell r="D3448">
            <v>6</v>
          </cell>
          <cell r="F3448">
            <v>1.0622</v>
          </cell>
        </row>
        <row r="3449">
          <cell r="C3449">
            <v>2007</v>
          </cell>
          <cell r="D3449">
            <v>6</v>
          </cell>
          <cell r="F3449">
            <v>1.0622</v>
          </cell>
        </row>
        <row r="3450">
          <cell r="C3450">
            <v>2007</v>
          </cell>
          <cell r="D3450">
            <v>6</v>
          </cell>
          <cell r="F3450">
            <v>1.0613999999999999</v>
          </cell>
        </row>
        <row r="3451">
          <cell r="C3451">
            <v>2007</v>
          </cell>
          <cell r="D3451">
            <v>6</v>
          </cell>
          <cell r="F3451">
            <v>1.0634999999999999</v>
          </cell>
        </row>
        <row r="3452">
          <cell r="C3452">
            <v>2007</v>
          </cell>
          <cell r="D3452">
            <v>6</v>
          </cell>
          <cell r="F3452">
            <v>1.0667</v>
          </cell>
        </row>
        <row r="3453">
          <cell r="C3453">
            <v>2007</v>
          </cell>
          <cell r="D3453">
            <v>6</v>
          </cell>
          <cell r="F3453">
            <v>1.0684</v>
          </cell>
        </row>
        <row r="3454">
          <cell r="C3454">
            <v>2007</v>
          </cell>
          <cell r="D3454">
            <v>6</v>
          </cell>
          <cell r="F3454">
            <v>1.0679000000000001</v>
          </cell>
        </row>
        <row r="3455">
          <cell r="C3455">
            <v>2007</v>
          </cell>
          <cell r="D3455">
            <v>6</v>
          </cell>
          <cell r="F3455">
            <v>1.0679000000000001</v>
          </cell>
        </row>
        <row r="3456">
          <cell r="C3456">
            <v>2007</v>
          </cell>
          <cell r="D3456">
            <v>6</v>
          </cell>
          <cell r="F3456">
            <v>1.0679000000000001</v>
          </cell>
        </row>
        <row r="3457">
          <cell r="C3457">
            <v>2007</v>
          </cell>
          <cell r="D3457">
            <v>6</v>
          </cell>
          <cell r="F3457">
            <v>1.0721000000000001</v>
          </cell>
        </row>
        <row r="3458">
          <cell r="C3458">
            <v>2007</v>
          </cell>
          <cell r="D3458">
            <v>6</v>
          </cell>
          <cell r="F3458">
            <v>1.0639000000000001</v>
          </cell>
        </row>
        <row r="3459">
          <cell r="C3459">
            <v>2007</v>
          </cell>
          <cell r="D3459">
            <v>6</v>
          </cell>
          <cell r="F3459">
            <v>1.0646</v>
          </cell>
        </row>
        <row r="3460">
          <cell r="C3460">
            <v>2007</v>
          </cell>
          <cell r="D3460">
            <v>6</v>
          </cell>
          <cell r="F3460">
            <v>1.073</v>
          </cell>
        </row>
        <row r="3461">
          <cell r="C3461">
            <v>2007</v>
          </cell>
          <cell r="D3461">
            <v>6</v>
          </cell>
          <cell r="F3461">
            <v>1.0676000000000001</v>
          </cell>
        </row>
        <row r="3462">
          <cell r="C3462">
            <v>2007</v>
          </cell>
          <cell r="D3462">
            <v>6</v>
          </cell>
          <cell r="F3462">
            <v>1.0676000000000001</v>
          </cell>
        </row>
        <row r="3463">
          <cell r="C3463">
            <v>2007</v>
          </cell>
          <cell r="D3463">
            <v>6</v>
          </cell>
          <cell r="F3463">
            <v>1.0676000000000001</v>
          </cell>
        </row>
        <row r="3464">
          <cell r="C3464">
            <v>2007</v>
          </cell>
          <cell r="D3464">
            <v>6</v>
          </cell>
          <cell r="F3464">
            <v>1.0712999999999999</v>
          </cell>
        </row>
        <row r="3465">
          <cell r="C3465">
            <v>2007</v>
          </cell>
          <cell r="D3465">
            <v>6</v>
          </cell>
          <cell r="F3465">
            <v>1.0692999999999999</v>
          </cell>
        </row>
        <row r="3466">
          <cell r="C3466">
            <v>2007</v>
          </cell>
          <cell r="D3466">
            <v>6</v>
          </cell>
          <cell r="F3466">
            <v>1.0716000000000001</v>
          </cell>
        </row>
        <row r="3467">
          <cell r="C3467">
            <v>2007</v>
          </cell>
          <cell r="D3467">
            <v>6</v>
          </cell>
          <cell r="F3467">
            <v>1.0627</v>
          </cell>
        </row>
        <row r="3468">
          <cell r="C3468">
            <v>2007</v>
          </cell>
          <cell r="D3468">
            <v>6</v>
          </cell>
          <cell r="F3468">
            <v>1.0633999999999999</v>
          </cell>
        </row>
        <row r="3469">
          <cell r="C3469">
            <v>2007</v>
          </cell>
          <cell r="D3469">
            <v>7</v>
          </cell>
          <cell r="F3469">
            <v>1.0633999999999999</v>
          </cell>
        </row>
        <row r="3470">
          <cell r="C3470">
            <v>2007</v>
          </cell>
          <cell r="D3470">
            <v>7</v>
          </cell>
          <cell r="F3470">
            <v>1.0633999999999999</v>
          </cell>
        </row>
        <row r="3471">
          <cell r="C3471">
            <v>2007</v>
          </cell>
          <cell r="D3471">
            <v>7</v>
          </cell>
          <cell r="F3471">
            <v>1.0633999999999999</v>
          </cell>
        </row>
        <row r="3472">
          <cell r="C3472">
            <v>2007</v>
          </cell>
          <cell r="D3472">
            <v>7</v>
          </cell>
          <cell r="F3472">
            <v>1.0596000000000001</v>
          </cell>
        </row>
        <row r="3473">
          <cell r="C3473">
            <v>2007</v>
          </cell>
          <cell r="D3473">
            <v>7</v>
          </cell>
          <cell r="F3473">
            <v>1.0596000000000001</v>
          </cell>
        </row>
        <row r="3474">
          <cell r="C3474">
            <v>2007</v>
          </cell>
          <cell r="D3474">
            <v>7</v>
          </cell>
          <cell r="F3474">
            <v>1.0566</v>
          </cell>
        </row>
        <row r="3475">
          <cell r="C3475">
            <v>2007</v>
          </cell>
          <cell r="D3475">
            <v>7</v>
          </cell>
          <cell r="F3475">
            <v>1.048</v>
          </cell>
        </row>
        <row r="3476">
          <cell r="C3476">
            <v>2007</v>
          </cell>
          <cell r="D3476">
            <v>7</v>
          </cell>
          <cell r="F3476">
            <v>1.048</v>
          </cell>
        </row>
        <row r="3477">
          <cell r="C3477">
            <v>2007</v>
          </cell>
          <cell r="D3477">
            <v>7</v>
          </cell>
          <cell r="F3477">
            <v>1.048</v>
          </cell>
        </row>
        <row r="3478">
          <cell r="C3478">
            <v>2007</v>
          </cell>
          <cell r="D3478">
            <v>7</v>
          </cell>
          <cell r="F3478">
            <v>1.0479000000000001</v>
          </cell>
        </row>
        <row r="3479">
          <cell r="C3479">
            <v>2007</v>
          </cell>
          <cell r="D3479">
            <v>7</v>
          </cell>
          <cell r="F3479">
            <v>1.0521</v>
          </cell>
        </row>
        <row r="3480">
          <cell r="C3480">
            <v>2007</v>
          </cell>
          <cell r="D3480">
            <v>7</v>
          </cell>
          <cell r="F3480">
            <v>1.0558000000000001</v>
          </cell>
        </row>
        <row r="3481">
          <cell r="C3481">
            <v>2007</v>
          </cell>
          <cell r="D3481">
            <v>7</v>
          </cell>
          <cell r="F3481">
            <v>1.0468999999999999</v>
          </cell>
        </row>
        <row r="3482">
          <cell r="C3482">
            <v>2007</v>
          </cell>
          <cell r="D3482">
            <v>7</v>
          </cell>
          <cell r="F3482">
            <v>1.0477000000000001</v>
          </cell>
        </row>
        <row r="3483">
          <cell r="C3483">
            <v>2007</v>
          </cell>
          <cell r="D3483">
            <v>7</v>
          </cell>
          <cell r="F3483">
            <v>1.0477000000000001</v>
          </cell>
        </row>
        <row r="3484">
          <cell r="C3484">
            <v>2007</v>
          </cell>
          <cell r="D3484">
            <v>7</v>
          </cell>
          <cell r="F3484">
            <v>1.0477000000000001</v>
          </cell>
        </row>
        <row r="3485">
          <cell r="C3485">
            <v>2007</v>
          </cell>
          <cell r="D3485">
            <v>7</v>
          </cell>
          <cell r="F3485">
            <v>1.0429999999999999</v>
          </cell>
        </row>
        <row r="3486">
          <cell r="C3486">
            <v>2007</v>
          </cell>
          <cell r="D3486">
            <v>7</v>
          </cell>
          <cell r="F3486">
            <v>1.0436000000000001</v>
          </cell>
        </row>
        <row r="3487">
          <cell r="C3487">
            <v>2007</v>
          </cell>
          <cell r="D3487">
            <v>7</v>
          </cell>
          <cell r="F3487">
            <v>1.0437000000000001</v>
          </cell>
        </row>
        <row r="3488">
          <cell r="C3488">
            <v>2007</v>
          </cell>
          <cell r="D3488">
            <v>7</v>
          </cell>
          <cell r="F3488">
            <v>1.0426</v>
          </cell>
        </row>
        <row r="3489">
          <cell r="C3489">
            <v>2007</v>
          </cell>
          <cell r="D3489">
            <v>7</v>
          </cell>
          <cell r="F3489">
            <v>1.044</v>
          </cell>
        </row>
        <row r="3490">
          <cell r="C3490">
            <v>2007</v>
          </cell>
          <cell r="D3490">
            <v>7</v>
          </cell>
          <cell r="F3490">
            <v>1.044</v>
          </cell>
        </row>
        <row r="3491">
          <cell r="C3491">
            <v>2007</v>
          </cell>
          <cell r="D3491">
            <v>7</v>
          </cell>
          <cell r="F3491">
            <v>1.044</v>
          </cell>
        </row>
        <row r="3492">
          <cell r="C3492">
            <v>2007</v>
          </cell>
          <cell r="D3492">
            <v>7</v>
          </cell>
          <cell r="F3492">
            <v>1.0450999999999999</v>
          </cell>
        </row>
        <row r="3493">
          <cell r="C3493">
            <v>2007</v>
          </cell>
          <cell r="D3493">
            <v>7</v>
          </cell>
          <cell r="F3493">
            <v>1.0371999999999999</v>
          </cell>
        </row>
        <row r="3494">
          <cell r="C3494">
            <v>2007</v>
          </cell>
          <cell r="D3494">
            <v>7</v>
          </cell>
          <cell r="F3494">
            <v>1.0425</v>
          </cell>
        </row>
        <row r="3495">
          <cell r="C3495">
            <v>2007</v>
          </cell>
          <cell r="D3495">
            <v>7</v>
          </cell>
          <cell r="F3495">
            <v>1.0505</v>
          </cell>
        </row>
        <row r="3496">
          <cell r="C3496">
            <v>2007</v>
          </cell>
          <cell r="D3496">
            <v>7</v>
          </cell>
          <cell r="F3496">
            <v>1.0589999999999999</v>
          </cell>
        </row>
        <row r="3497">
          <cell r="C3497">
            <v>2007</v>
          </cell>
          <cell r="D3497">
            <v>7</v>
          </cell>
          <cell r="F3497">
            <v>1.0589999999999999</v>
          </cell>
        </row>
        <row r="3498">
          <cell r="C3498">
            <v>2007</v>
          </cell>
          <cell r="D3498">
            <v>7</v>
          </cell>
          <cell r="F3498">
            <v>1.0589999999999999</v>
          </cell>
        </row>
        <row r="3499">
          <cell r="C3499">
            <v>2007</v>
          </cell>
          <cell r="D3499">
            <v>7</v>
          </cell>
          <cell r="F3499">
            <v>1.0686</v>
          </cell>
        </row>
        <row r="3500">
          <cell r="C3500">
            <v>2007</v>
          </cell>
          <cell r="D3500">
            <v>8</v>
          </cell>
          <cell r="F3500">
            <v>1.0657000000000001</v>
          </cell>
        </row>
        <row r="3501">
          <cell r="C3501">
            <v>2007</v>
          </cell>
          <cell r="D3501">
            <v>8</v>
          </cell>
          <cell r="F3501">
            <v>1.0569</v>
          </cell>
        </row>
        <row r="3502">
          <cell r="C3502">
            <v>2007</v>
          </cell>
          <cell r="D3502">
            <v>8</v>
          </cell>
          <cell r="F3502">
            <v>1.0527</v>
          </cell>
        </row>
        <row r="3503">
          <cell r="C3503">
            <v>2007</v>
          </cell>
          <cell r="D3503">
            <v>8</v>
          </cell>
          <cell r="F3503">
            <v>1.0528</v>
          </cell>
        </row>
        <row r="3504">
          <cell r="C3504">
            <v>2007</v>
          </cell>
          <cell r="D3504">
            <v>8</v>
          </cell>
          <cell r="F3504">
            <v>1.0528</v>
          </cell>
        </row>
        <row r="3505">
          <cell r="C3505">
            <v>2007</v>
          </cell>
          <cell r="D3505">
            <v>8</v>
          </cell>
          <cell r="F3505">
            <v>1.0528</v>
          </cell>
        </row>
        <row r="3506">
          <cell r="C3506">
            <v>2007</v>
          </cell>
          <cell r="D3506">
            <v>8</v>
          </cell>
          <cell r="F3506">
            <v>1.0528</v>
          </cell>
        </row>
        <row r="3507">
          <cell r="C3507">
            <v>2007</v>
          </cell>
          <cell r="D3507">
            <v>8</v>
          </cell>
          <cell r="F3507">
            <v>1.0552999999999999</v>
          </cell>
        </row>
        <row r="3508">
          <cell r="C3508">
            <v>2007</v>
          </cell>
          <cell r="D3508">
            <v>8</v>
          </cell>
          <cell r="F3508">
            <v>1.0499000000000001</v>
          </cell>
        </row>
        <row r="3509">
          <cell r="C3509">
            <v>2007</v>
          </cell>
          <cell r="D3509">
            <v>8</v>
          </cell>
          <cell r="F3509">
            <v>1.0565</v>
          </cell>
        </row>
        <row r="3510">
          <cell r="C3510">
            <v>2007</v>
          </cell>
          <cell r="D3510">
            <v>8</v>
          </cell>
          <cell r="F3510">
            <v>1.0536000000000001</v>
          </cell>
        </row>
        <row r="3511">
          <cell r="C3511">
            <v>2007</v>
          </cell>
          <cell r="D3511">
            <v>8</v>
          </cell>
          <cell r="F3511">
            <v>1.0536000000000001</v>
          </cell>
        </row>
        <row r="3512">
          <cell r="C3512">
            <v>2007</v>
          </cell>
          <cell r="D3512">
            <v>8</v>
          </cell>
          <cell r="F3512">
            <v>1.0536000000000001</v>
          </cell>
        </row>
        <row r="3513">
          <cell r="C3513">
            <v>2007</v>
          </cell>
          <cell r="D3513">
            <v>8</v>
          </cell>
          <cell r="F3513">
            <v>1.0508999999999999</v>
          </cell>
        </row>
        <row r="3514">
          <cell r="C3514">
            <v>2007</v>
          </cell>
          <cell r="D3514">
            <v>8</v>
          </cell>
          <cell r="F3514">
            <v>1.0636000000000001</v>
          </cell>
        </row>
        <row r="3515">
          <cell r="C3515">
            <v>2007</v>
          </cell>
          <cell r="D3515">
            <v>8</v>
          </cell>
          <cell r="F3515">
            <v>1.0746</v>
          </cell>
        </row>
        <row r="3516">
          <cell r="C3516">
            <v>2007</v>
          </cell>
          <cell r="D3516">
            <v>8</v>
          </cell>
          <cell r="F3516">
            <v>1.0754999999999999</v>
          </cell>
        </row>
        <row r="3517">
          <cell r="C3517">
            <v>2007</v>
          </cell>
          <cell r="D3517">
            <v>8</v>
          </cell>
          <cell r="F3517">
            <v>1.0634999999999999</v>
          </cell>
        </row>
        <row r="3518">
          <cell r="C3518">
            <v>2007</v>
          </cell>
          <cell r="D3518">
            <v>8</v>
          </cell>
          <cell r="F3518">
            <v>1.0634999999999999</v>
          </cell>
        </row>
        <row r="3519">
          <cell r="C3519">
            <v>2007</v>
          </cell>
          <cell r="D3519">
            <v>8</v>
          </cell>
          <cell r="F3519">
            <v>1.0634999999999999</v>
          </cell>
        </row>
        <row r="3520">
          <cell r="C3520">
            <v>2007</v>
          </cell>
          <cell r="D3520">
            <v>8</v>
          </cell>
          <cell r="F3520">
            <v>1.0582</v>
          </cell>
        </row>
        <row r="3521">
          <cell r="C3521">
            <v>2007</v>
          </cell>
          <cell r="D3521">
            <v>8</v>
          </cell>
          <cell r="F3521">
            <v>1.0601</v>
          </cell>
        </row>
        <row r="3522">
          <cell r="C3522">
            <v>2007</v>
          </cell>
          <cell r="D3522">
            <v>8</v>
          </cell>
          <cell r="F3522">
            <v>1.0621</v>
          </cell>
        </row>
        <row r="3523">
          <cell r="C3523">
            <v>2007</v>
          </cell>
          <cell r="D3523">
            <v>8</v>
          </cell>
          <cell r="F3523">
            <v>1.0568</v>
          </cell>
        </row>
        <row r="3524">
          <cell r="C3524">
            <v>2007</v>
          </cell>
          <cell r="D3524">
            <v>8</v>
          </cell>
          <cell r="F3524">
            <v>1.0525</v>
          </cell>
        </row>
        <row r="3525">
          <cell r="C3525">
            <v>2007</v>
          </cell>
          <cell r="D3525">
            <v>8</v>
          </cell>
          <cell r="F3525">
            <v>1.0525</v>
          </cell>
        </row>
        <row r="3526">
          <cell r="C3526">
            <v>2007</v>
          </cell>
          <cell r="D3526">
            <v>8</v>
          </cell>
          <cell r="F3526">
            <v>1.0525</v>
          </cell>
        </row>
        <row r="3527">
          <cell r="C3527">
            <v>2007</v>
          </cell>
          <cell r="D3527">
            <v>8</v>
          </cell>
          <cell r="F3527">
            <v>1.0516000000000001</v>
          </cell>
        </row>
        <row r="3528">
          <cell r="C3528">
            <v>2007</v>
          </cell>
          <cell r="D3528">
            <v>8</v>
          </cell>
          <cell r="F3528">
            <v>1.0615000000000001</v>
          </cell>
        </row>
        <row r="3529">
          <cell r="C3529">
            <v>2007</v>
          </cell>
          <cell r="D3529">
            <v>8</v>
          </cell>
          <cell r="F3529">
            <v>1.0591999999999999</v>
          </cell>
        </row>
        <row r="3530">
          <cell r="C3530">
            <v>2007</v>
          </cell>
          <cell r="D3530">
            <v>8</v>
          </cell>
          <cell r="F3530">
            <v>1.0567</v>
          </cell>
        </row>
        <row r="3531">
          <cell r="C3531">
            <v>2007</v>
          </cell>
          <cell r="D3531">
            <v>9</v>
          </cell>
          <cell r="F3531">
            <v>1.0564</v>
          </cell>
        </row>
        <row r="3532">
          <cell r="C3532">
            <v>2007</v>
          </cell>
          <cell r="D3532">
            <v>9</v>
          </cell>
          <cell r="F3532">
            <v>1.0564</v>
          </cell>
        </row>
        <row r="3533">
          <cell r="C3533">
            <v>2007</v>
          </cell>
          <cell r="D3533">
            <v>9</v>
          </cell>
          <cell r="F3533">
            <v>1.0564</v>
          </cell>
        </row>
        <row r="3534">
          <cell r="C3534">
            <v>2007</v>
          </cell>
          <cell r="D3534">
            <v>9</v>
          </cell>
          <cell r="F3534">
            <v>1.0564</v>
          </cell>
        </row>
        <row r="3535">
          <cell r="C3535">
            <v>2007</v>
          </cell>
          <cell r="D3535">
            <v>9</v>
          </cell>
          <cell r="F3535">
            <v>1.0496000000000001</v>
          </cell>
        </row>
        <row r="3536">
          <cell r="C3536">
            <v>2007</v>
          </cell>
          <cell r="D3536">
            <v>9</v>
          </cell>
          <cell r="F3536">
            <v>1.0508</v>
          </cell>
        </row>
        <row r="3537">
          <cell r="C3537">
            <v>2007</v>
          </cell>
          <cell r="D3537">
            <v>9</v>
          </cell>
          <cell r="F3537">
            <v>1.0532999999999999</v>
          </cell>
        </row>
        <row r="3538">
          <cell r="C3538">
            <v>2007</v>
          </cell>
          <cell r="D3538">
            <v>9</v>
          </cell>
          <cell r="F3538">
            <v>1.0546</v>
          </cell>
        </row>
        <row r="3539">
          <cell r="C3539">
            <v>2007</v>
          </cell>
          <cell r="D3539">
            <v>9</v>
          </cell>
          <cell r="F3539">
            <v>1.0546</v>
          </cell>
        </row>
        <row r="3540">
          <cell r="C3540">
            <v>2007</v>
          </cell>
          <cell r="D3540">
            <v>9</v>
          </cell>
          <cell r="F3540">
            <v>1.0546</v>
          </cell>
        </row>
        <row r="3541">
          <cell r="C3541">
            <v>2007</v>
          </cell>
          <cell r="D3541">
            <v>9</v>
          </cell>
          <cell r="F3541">
            <v>1.0532999999999999</v>
          </cell>
        </row>
        <row r="3542">
          <cell r="C3542">
            <v>2007</v>
          </cell>
          <cell r="D3542">
            <v>9</v>
          </cell>
          <cell r="F3542">
            <v>1.0430999999999999</v>
          </cell>
        </row>
        <row r="3543">
          <cell r="C3543">
            <v>2007</v>
          </cell>
          <cell r="D3543">
            <v>9</v>
          </cell>
          <cell r="F3543">
            <v>1.0370999999999999</v>
          </cell>
        </row>
        <row r="3544">
          <cell r="C3544">
            <v>2007</v>
          </cell>
          <cell r="D3544">
            <v>9</v>
          </cell>
          <cell r="F3544">
            <v>1.0326</v>
          </cell>
        </row>
        <row r="3545">
          <cell r="C3545">
            <v>2007</v>
          </cell>
          <cell r="D3545">
            <v>9</v>
          </cell>
          <cell r="F3545">
            <v>1.0293000000000001</v>
          </cell>
        </row>
        <row r="3546">
          <cell r="C3546">
            <v>2007</v>
          </cell>
          <cell r="D3546">
            <v>9</v>
          </cell>
          <cell r="F3546">
            <v>1.0293000000000001</v>
          </cell>
        </row>
        <row r="3547">
          <cell r="C3547">
            <v>2007</v>
          </cell>
          <cell r="D3547">
            <v>9</v>
          </cell>
          <cell r="F3547">
            <v>1.0293000000000001</v>
          </cell>
        </row>
        <row r="3548">
          <cell r="C3548">
            <v>2007</v>
          </cell>
          <cell r="D3548">
            <v>9</v>
          </cell>
          <cell r="F3548">
            <v>1.0307999999999999</v>
          </cell>
        </row>
        <row r="3549">
          <cell r="C3549">
            <v>2007</v>
          </cell>
          <cell r="D3549">
            <v>9</v>
          </cell>
          <cell r="F3549">
            <v>1.0236000000000001</v>
          </cell>
        </row>
        <row r="3550">
          <cell r="C3550">
            <v>2007</v>
          </cell>
          <cell r="D3550">
            <v>9</v>
          </cell>
          <cell r="F3550">
            <v>1.0146999999999999</v>
          </cell>
        </row>
        <row r="3551">
          <cell r="C3551">
            <v>2007</v>
          </cell>
          <cell r="D3551">
            <v>9</v>
          </cell>
          <cell r="F3551">
            <v>1.0016</v>
          </cell>
        </row>
        <row r="3552">
          <cell r="C3552">
            <v>2007</v>
          </cell>
          <cell r="D3552">
            <v>9</v>
          </cell>
          <cell r="F3552">
            <v>1.0008999999999999</v>
          </cell>
        </row>
        <row r="3553">
          <cell r="C3553">
            <v>2007</v>
          </cell>
          <cell r="D3553">
            <v>9</v>
          </cell>
          <cell r="F3553">
            <v>1.0008999999999999</v>
          </cell>
        </row>
        <row r="3554">
          <cell r="C3554">
            <v>2007</v>
          </cell>
          <cell r="D3554">
            <v>9</v>
          </cell>
          <cell r="F3554">
            <v>1.0008999999999999</v>
          </cell>
        </row>
        <row r="3555">
          <cell r="C3555">
            <v>2007</v>
          </cell>
          <cell r="D3555">
            <v>9</v>
          </cell>
          <cell r="F3555">
            <v>1.0012000000000001</v>
          </cell>
        </row>
        <row r="3556">
          <cell r="C3556">
            <v>2007</v>
          </cell>
          <cell r="D3556">
            <v>9</v>
          </cell>
          <cell r="F3556">
            <v>1.0009999999999999</v>
          </cell>
        </row>
        <row r="3557">
          <cell r="C3557">
            <v>2007</v>
          </cell>
          <cell r="D3557">
            <v>9</v>
          </cell>
          <cell r="F3557">
            <v>1.0047999999999999</v>
          </cell>
        </row>
        <row r="3558">
          <cell r="C3558">
            <v>2007</v>
          </cell>
          <cell r="D3558">
            <v>9</v>
          </cell>
          <cell r="F3558">
            <v>1.0031000000000001</v>
          </cell>
        </row>
        <row r="3559">
          <cell r="C3559">
            <v>2007</v>
          </cell>
          <cell r="D3559">
            <v>9</v>
          </cell>
          <cell r="F3559">
            <v>0.99629999999999996</v>
          </cell>
        </row>
        <row r="3560">
          <cell r="C3560">
            <v>2007</v>
          </cell>
          <cell r="D3560">
            <v>9</v>
          </cell>
          <cell r="F3560">
            <v>0.99629999999999996</v>
          </cell>
        </row>
        <row r="3561">
          <cell r="C3561">
            <v>2007</v>
          </cell>
          <cell r="D3561">
            <v>10</v>
          </cell>
          <cell r="F3561">
            <v>0.99629999999999996</v>
          </cell>
        </row>
        <row r="3562">
          <cell r="C3562">
            <v>2007</v>
          </cell>
          <cell r="D3562">
            <v>10</v>
          </cell>
          <cell r="F3562">
            <v>0.99309999999999998</v>
          </cell>
        </row>
        <row r="3563">
          <cell r="C3563">
            <v>2007</v>
          </cell>
          <cell r="D3563">
            <v>10</v>
          </cell>
          <cell r="F3563">
            <v>1.0004</v>
          </cell>
        </row>
        <row r="3564">
          <cell r="C3564">
            <v>2007</v>
          </cell>
          <cell r="D3564">
            <v>10</v>
          </cell>
          <cell r="F3564">
            <v>0.99609999999999999</v>
          </cell>
        </row>
        <row r="3565">
          <cell r="C3565">
            <v>2007</v>
          </cell>
          <cell r="D3565">
            <v>10</v>
          </cell>
          <cell r="F3565">
            <v>0.99829999999999997</v>
          </cell>
        </row>
        <row r="3566">
          <cell r="C3566">
            <v>2007</v>
          </cell>
          <cell r="D3566">
            <v>10</v>
          </cell>
          <cell r="F3566">
            <v>0.98119999999999996</v>
          </cell>
        </row>
        <row r="3567">
          <cell r="C3567">
            <v>2007</v>
          </cell>
          <cell r="D3567">
            <v>10</v>
          </cell>
          <cell r="F3567">
            <v>0.98119999999999996</v>
          </cell>
        </row>
        <row r="3568">
          <cell r="C3568">
            <v>2007</v>
          </cell>
          <cell r="D3568">
            <v>10</v>
          </cell>
          <cell r="F3568">
            <v>0.98119999999999996</v>
          </cell>
        </row>
        <row r="3569">
          <cell r="C3569">
            <v>2007</v>
          </cell>
          <cell r="D3569">
            <v>10</v>
          </cell>
          <cell r="F3569">
            <v>0.98119999999999996</v>
          </cell>
        </row>
        <row r="3570">
          <cell r="C3570">
            <v>2007</v>
          </cell>
          <cell r="D3570">
            <v>10</v>
          </cell>
          <cell r="F3570">
            <v>0.98460000000000003</v>
          </cell>
        </row>
        <row r="3571">
          <cell r="C3571">
            <v>2007</v>
          </cell>
          <cell r="D3571">
            <v>10</v>
          </cell>
          <cell r="F3571">
            <v>0.98140000000000005</v>
          </cell>
        </row>
        <row r="3572">
          <cell r="C3572">
            <v>2007</v>
          </cell>
          <cell r="D3572">
            <v>10</v>
          </cell>
          <cell r="F3572">
            <v>0.97430000000000005</v>
          </cell>
        </row>
        <row r="3573">
          <cell r="C3573">
            <v>2007</v>
          </cell>
          <cell r="D3573">
            <v>10</v>
          </cell>
          <cell r="F3573">
            <v>0.97389999999999999</v>
          </cell>
        </row>
        <row r="3574">
          <cell r="C3574">
            <v>2007</v>
          </cell>
          <cell r="D3574">
            <v>10</v>
          </cell>
          <cell r="F3574">
            <v>0.97389999999999999</v>
          </cell>
        </row>
        <row r="3575">
          <cell r="C3575">
            <v>2007</v>
          </cell>
          <cell r="D3575">
            <v>10</v>
          </cell>
          <cell r="F3575">
            <v>0.97389999999999999</v>
          </cell>
        </row>
        <row r="3576">
          <cell r="C3576">
            <v>2007</v>
          </cell>
          <cell r="D3576">
            <v>10</v>
          </cell>
          <cell r="F3576">
            <v>0.9758</v>
          </cell>
        </row>
        <row r="3577">
          <cell r="C3577">
            <v>2007</v>
          </cell>
          <cell r="D3577">
            <v>10</v>
          </cell>
          <cell r="F3577">
            <v>0.97789999999999999</v>
          </cell>
        </row>
        <row r="3578">
          <cell r="C3578">
            <v>2007</v>
          </cell>
          <cell r="D3578">
            <v>10</v>
          </cell>
          <cell r="F3578">
            <v>0.97370000000000001</v>
          </cell>
        </row>
        <row r="3579">
          <cell r="C3579">
            <v>2007</v>
          </cell>
          <cell r="D3579">
            <v>10</v>
          </cell>
          <cell r="F3579">
            <v>0.97340000000000004</v>
          </cell>
        </row>
        <row r="3580">
          <cell r="C3580">
            <v>2007</v>
          </cell>
          <cell r="D3580">
            <v>10</v>
          </cell>
          <cell r="F3580">
            <v>0.96379999999999999</v>
          </cell>
        </row>
        <row r="3581">
          <cell r="C3581">
            <v>2007</v>
          </cell>
          <cell r="D3581">
            <v>10</v>
          </cell>
          <cell r="F3581">
            <v>0.96379999999999999</v>
          </cell>
        </row>
        <row r="3582">
          <cell r="C3582">
            <v>2007</v>
          </cell>
          <cell r="D3582">
            <v>10</v>
          </cell>
          <cell r="F3582">
            <v>0.96379999999999999</v>
          </cell>
        </row>
        <row r="3583">
          <cell r="C3583">
            <v>2007</v>
          </cell>
          <cell r="D3583">
            <v>10</v>
          </cell>
          <cell r="F3583">
            <v>0.98109999999999997</v>
          </cell>
        </row>
        <row r="3584">
          <cell r="C3584">
            <v>2007</v>
          </cell>
          <cell r="D3584">
            <v>10</v>
          </cell>
          <cell r="F3584">
            <v>0.96740000000000004</v>
          </cell>
        </row>
        <row r="3585">
          <cell r="C3585">
            <v>2007</v>
          </cell>
          <cell r="D3585">
            <v>10</v>
          </cell>
          <cell r="F3585">
            <v>0.97119999999999995</v>
          </cell>
        </row>
        <row r="3586">
          <cell r="C3586">
            <v>2007</v>
          </cell>
          <cell r="D3586">
            <v>10</v>
          </cell>
          <cell r="F3586">
            <v>0.96740000000000004</v>
          </cell>
        </row>
        <row r="3587">
          <cell r="C3587">
            <v>2007</v>
          </cell>
          <cell r="D3587">
            <v>10</v>
          </cell>
          <cell r="F3587">
            <v>0.96189999999999998</v>
          </cell>
        </row>
        <row r="3588">
          <cell r="C3588">
            <v>2007</v>
          </cell>
          <cell r="D3588">
            <v>10</v>
          </cell>
          <cell r="F3588">
            <v>0.96189999999999998</v>
          </cell>
        </row>
        <row r="3589">
          <cell r="C3589">
            <v>2007</v>
          </cell>
          <cell r="D3589">
            <v>10</v>
          </cell>
          <cell r="F3589">
            <v>0.96189999999999998</v>
          </cell>
        </row>
        <row r="3590">
          <cell r="C3590">
            <v>2007</v>
          </cell>
          <cell r="D3590">
            <v>10</v>
          </cell>
          <cell r="F3590">
            <v>0.95479999999999998</v>
          </cell>
        </row>
        <row r="3591">
          <cell r="C3591">
            <v>2007</v>
          </cell>
          <cell r="D3591">
            <v>10</v>
          </cell>
          <cell r="F3591">
            <v>0.95350000000000001</v>
          </cell>
        </row>
        <row r="3592">
          <cell r="C3592">
            <v>2007</v>
          </cell>
          <cell r="D3592">
            <v>11</v>
          </cell>
          <cell r="F3592">
            <v>0.94989999999999997</v>
          </cell>
        </row>
        <row r="3593">
          <cell r="C3593">
            <v>2007</v>
          </cell>
          <cell r="D3593">
            <v>11</v>
          </cell>
          <cell r="F3593">
            <v>0.94989999999999997</v>
          </cell>
        </row>
        <row r="3594">
          <cell r="C3594">
            <v>2007</v>
          </cell>
          <cell r="D3594">
            <v>11</v>
          </cell>
          <cell r="F3594">
            <v>0.93589999999999995</v>
          </cell>
        </row>
        <row r="3595">
          <cell r="C3595">
            <v>2007</v>
          </cell>
          <cell r="D3595">
            <v>11</v>
          </cell>
          <cell r="F3595">
            <v>0.93589999999999995</v>
          </cell>
        </row>
        <row r="3596">
          <cell r="C3596">
            <v>2007</v>
          </cell>
          <cell r="D3596">
            <v>11</v>
          </cell>
          <cell r="F3596">
            <v>0.93589999999999995</v>
          </cell>
        </row>
        <row r="3597">
          <cell r="C3597">
            <v>2007</v>
          </cell>
          <cell r="D3597">
            <v>11</v>
          </cell>
          <cell r="F3597">
            <v>0.93389999999999995</v>
          </cell>
        </row>
        <row r="3598">
          <cell r="C3598">
            <v>2007</v>
          </cell>
          <cell r="D3598">
            <v>11</v>
          </cell>
          <cell r="F3598">
            <v>0.92449999999999999</v>
          </cell>
        </row>
        <row r="3599">
          <cell r="C3599">
            <v>2007</v>
          </cell>
          <cell r="D3599">
            <v>11</v>
          </cell>
          <cell r="F3599">
            <v>0.91700000000000004</v>
          </cell>
        </row>
        <row r="3600">
          <cell r="C3600">
            <v>2007</v>
          </cell>
          <cell r="D3600">
            <v>11</v>
          </cell>
          <cell r="F3600">
            <v>0.93059999999999998</v>
          </cell>
        </row>
        <row r="3601">
          <cell r="C3601">
            <v>2007</v>
          </cell>
          <cell r="D3601">
            <v>11</v>
          </cell>
          <cell r="F3601">
            <v>0.93910000000000005</v>
          </cell>
        </row>
        <row r="3602">
          <cell r="C3602">
            <v>2007</v>
          </cell>
          <cell r="D3602">
            <v>11</v>
          </cell>
          <cell r="F3602">
            <v>0.93910000000000005</v>
          </cell>
        </row>
        <row r="3603">
          <cell r="C3603">
            <v>2007</v>
          </cell>
          <cell r="D3603">
            <v>11</v>
          </cell>
          <cell r="F3603">
            <v>0.93910000000000005</v>
          </cell>
        </row>
        <row r="3604">
          <cell r="C3604">
            <v>2007</v>
          </cell>
          <cell r="D3604">
            <v>11</v>
          </cell>
          <cell r="F3604">
            <v>0.93910000000000005</v>
          </cell>
        </row>
        <row r="3605">
          <cell r="C3605">
            <v>2007</v>
          </cell>
          <cell r="D3605">
            <v>11</v>
          </cell>
          <cell r="F3605">
            <v>0.96430000000000005</v>
          </cell>
        </row>
        <row r="3606">
          <cell r="C3606">
            <v>2007</v>
          </cell>
          <cell r="D3606">
            <v>11</v>
          </cell>
          <cell r="F3606">
            <v>0.9607</v>
          </cell>
        </row>
        <row r="3607">
          <cell r="C3607">
            <v>2007</v>
          </cell>
          <cell r="D3607">
            <v>11</v>
          </cell>
          <cell r="F3607">
            <v>0.98080000000000001</v>
          </cell>
        </row>
        <row r="3608">
          <cell r="C3608">
            <v>2007</v>
          </cell>
          <cell r="D3608">
            <v>11</v>
          </cell>
          <cell r="F3608">
            <v>0.97289999999999999</v>
          </cell>
        </row>
        <row r="3609">
          <cell r="C3609">
            <v>2007</v>
          </cell>
          <cell r="D3609">
            <v>11</v>
          </cell>
          <cell r="F3609">
            <v>0.97289999999999999</v>
          </cell>
        </row>
        <row r="3610">
          <cell r="C3610">
            <v>2007</v>
          </cell>
          <cell r="D3610">
            <v>11</v>
          </cell>
          <cell r="F3610">
            <v>0.97289999999999999</v>
          </cell>
        </row>
        <row r="3611">
          <cell r="C3611">
            <v>2007</v>
          </cell>
          <cell r="D3611">
            <v>11</v>
          </cell>
          <cell r="F3611">
            <v>0.98370000000000002</v>
          </cell>
        </row>
        <row r="3612">
          <cell r="C3612">
            <v>2007</v>
          </cell>
          <cell r="D3612">
            <v>11</v>
          </cell>
          <cell r="F3612">
            <v>0.98499999999999999</v>
          </cell>
        </row>
        <row r="3613">
          <cell r="C3613">
            <v>2007</v>
          </cell>
          <cell r="D3613">
            <v>11</v>
          </cell>
          <cell r="F3613">
            <v>0.98950000000000005</v>
          </cell>
        </row>
        <row r="3614">
          <cell r="C3614">
            <v>2007</v>
          </cell>
          <cell r="D3614">
            <v>11</v>
          </cell>
          <cell r="F3614">
            <v>0.98950000000000005</v>
          </cell>
        </row>
        <row r="3615">
          <cell r="C3615">
            <v>2007</v>
          </cell>
          <cell r="D3615">
            <v>11</v>
          </cell>
          <cell r="F3615">
            <v>0.98950000000000005</v>
          </cell>
        </row>
        <row r="3616">
          <cell r="C3616">
            <v>2007</v>
          </cell>
          <cell r="D3616">
            <v>11</v>
          </cell>
          <cell r="F3616">
            <v>0.98950000000000005</v>
          </cell>
        </row>
        <row r="3617">
          <cell r="C3617">
            <v>2007</v>
          </cell>
          <cell r="D3617">
            <v>11</v>
          </cell>
          <cell r="F3617">
            <v>0.98950000000000005</v>
          </cell>
        </row>
        <row r="3618">
          <cell r="C3618">
            <v>2007</v>
          </cell>
          <cell r="D3618">
            <v>11</v>
          </cell>
          <cell r="F3618">
            <v>0.98770000000000002</v>
          </cell>
        </row>
        <row r="3619">
          <cell r="C3619">
            <v>2007</v>
          </cell>
          <cell r="D3619">
            <v>11</v>
          </cell>
          <cell r="F3619">
            <v>0.99650000000000005</v>
          </cell>
        </row>
        <row r="3620">
          <cell r="C3620">
            <v>2007</v>
          </cell>
          <cell r="D3620">
            <v>11</v>
          </cell>
          <cell r="F3620">
            <v>0.99080000000000001</v>
          </cell>
        </row>
        <row r="3621">
          <cell r="C3621">
            <v>2007</v>
          </cell>
          <cell r="D3621">
            <v>11</v>
          </cell>
          <cell r="F3621">
            <v>0.9929</v>
          </cell>
        </row>
        <row r="3622">
          <cell r="C3622">
            <v>2007</v>
          </cell>
          <cell r="D3622">
            <v>12</v>
          </cell>
          <cell r="F3622">
            <v>1.0007999999999999</v>
          </cell>
        </row>
        <row r="3623">
          <cell r="C3623">
            <v>2007</v>
          </cell>
          <cell r="D3623">
            <v>12</v>
          </cell>
          <cell r="F3623">
            <v>1.0007999999999999</v>
          </cell>
        </row>
        <row r="3624">
          <cell r="C3624">
            <v>2007</v>
          </cell>
          <cell r="D3624">
            <v>12</v>
          </cell>
          <cell r="F3624">
            <v>1.0007999999999999</v>
          </cell>
        </row>
        <row r="3625">
          <cell r="C3625">
            <v>2007</v>
          </cell>
          <cell r="D3625">
            <v>12</v>
          </cell>
          <cell r="F3625">
            <v>1.0007999999999999</v>
          </cell>
        </row>
        <row r="3626">
          <cell r="C3626">
            <v>2007</v>
          </cell>
          <cell r="D3626">
            <v>12</v>
          </cell>
          <cell r="F3626">
            <v>1.0104</v>
          </cell>
        </row>
        <row r="3627">
          <cell r="C3627">
            <v>2007</v>
          </cell>
          <cell r="D3627">
            <v>12</v>
          </cell>
          <cell r="F3627">
            <v>1.0130999999999999</v>
          </cell>
        </row>
        <row r="3628">
          <cell r="C3628">
            <v>2007</v>
          </cell>
          <cell r="D3628">
            <v>12</v>
          </cell>
          <cell r="F3628">
            <v>1.0124</v>
          </cell>
        </row>
        <row r="3629">
          <cell r="C3629">
            <v>2007</v>
          </cell>
          <cell r="D3629">
            <v>12</v>
          </cell>
          <cell r="F3629">
            <v>1.0053000000000001</v>
          </cell>
        </row>
        <row r="3630">
          <cell r="C3630">
            <v>2007</v>
          </cell>
          <cell r="D3630">
            <v>12</v>
          </cell>
          <cell r="F3630">
            <v>1.0053000000000001</v>
          </cell>
        </row>
        <row r="3631">
          <cell r="C3631">
            <v>2007</v>
          </cell>
          <cell r="D3631">
            <v>12</v>
          </cell>
          <cell r="F3631">
            <v>1.0053000000000001</v>
          </cell>
        </row>
        <row r="3632">
          <cell r="C3632">
            <v>2007</v>
          </cell>
          <cell r="D3632">
            <v>12</v>
          </cell>
          <cell r="F3632">
            <v>1.0103</v>
          </cell>
        </row>
        <row r="3633">
          <cell r="C3633">
            <v>2007</v>
          </cell>
          <cell r="D3633">
            <v>12</v>
          </cell>
          <cell r="F3633">
            <v>1.0107999999999999</v>
          </cell>
        </row>
        <row r="3634">
          <cell r="C3634">
            <v>2007</v>
          </cell>
          <cell r="D3634">
            <v>12</v>
          </cell>
          <cell r="F3634">
            <v>1.0106999999999999</v>
          </cell>
        </row>
        <row r="3635">
          <cell r="C3635">
            <v>2007</v>
          </cell>
          <cell r="D3635">
            <v>12</v>
          </cell>
          <cell r="F3635">
            <v>1.0217000000000001</v>
          </cell>
        </row>
        <row r="3636">
          <cell r="C3636">
            <v>2007</v>
          </cell>
          <cell r="D3636">
            <v>12</v>
          </cell>
          <cell r="F3636">
            <v>1.0137</v>
          </cell>
        </row>
        <row r="3637">
          <cell r="C3637">
            <v>2007</v>
          </cell>
          <cell r="D3637">
            <v>12</v>
          </cell>
          <cell r="F3637">
            <v>1.0137</v>
          </cell>
        </row>
        <row r="3638">
          <cell r="C3638">
            <v>2007</v>
          </cell>
          <cell r="D3638">
            <v>12</v>
          </cell>
          <cell r="F3638">
            <v>1.0137</v>
          </cell>
        </row>
        <row r="3639">
          <cell r="C3639">
            <v>2007</v>
          </cell>
          <cell r="D3639">
            <v>12</v>
          </cell>
          <cell r="F3639">
            <v>1.0073000000000001</v>
          </cell>
        </row>
        <row r="3640">
          <cell r="C3640">
            <v>2007</v>
          </cell>
          <cell r="D3640">
            <v>12</v>
          </cell>
          <cell r="F3640">
            <v>1.0105</v>
          </cell>
        </row>
        <row r="3641">
          <cell r="C3641">
            <v>2007</v>
          </cell>
          <cell r="D3641">
            <v>12</v>
          </cell>
          <cell r="F3641">
            <v>1.0056</v>
          </cell>
        </row>
        <row r="3642">
          <cell r="C3642">
            <v>2007</v>
          </cell>
          <cell r="D3642">
            <v>12</v>
          </cell>
          <cell r="F3642">
            <v>0.99829999999999997</v>
          </cell>
        </row>
        <row r="3643">
          <cell r="C3643">
            <v>2007</v>
          </cell>
          <cell r="D3643">
            <v>12</v>
          </cell>
          <cell r="F3643">
            <v>0.99439999999999995</v>
          </cell>
        </row>
        <row r="3644">
          <cell r="C3644">
            <v>2007</v>
          </cell>
          <cell r="D3644">
            <v>12</v>
          </cell>
          <cell r="F3644">
            <v>0.99439999999999995</v>
          </cell>
        </row>
        <row r="3645">
          <cell r="C3645">
            <v>2007</v>
          </cell>
          <cell r="D3645">
            <v>12</v>
          </cell>
          <cell r="F3645">
            <v>0.99439999999999995</v>
          </cell>
        </row>
        <row r="3646">
          <cell r="C3646">
            <v>2007</v>
          </cell>
          <cell r="D3646">
            <v>12</v>
          </cell>
          <cell r="F3646">
            <v>0.99439999999999995</v>
          </cell>
        </row>
        <row r="3647">
          <cell r="C3647">
            <v>2007</v>
          </cell>
          <cell r="D3647">
            <v>12</v>
          </cell>
          <cell r="F3647">
            <v>0.99439999999999995</v>
          </cell>
        </row>
        <row r="3648">
          <cell r="C3648">
            <v>2007</v>
          </cell>
          <cell r="D3648">
            <v>12</v>
          </cell>
          <cell r="F3648">
            <v>0.99439999999999995</v>
          </cell>
        </row>
        <row r="3649">
          <cell r="C3649">
            <v>2007</v>
          </cell>
          <cell r="D3649">
            <v>12</v>
          </cell>
          <cell r="F3649">
            <v>0.98109999999999997</v>
          </cell>
        </row>
        <row r="3650">
          <cell r="C3650">
            <v>2007</v>
          </cell>
          <cell r="D3650">
            <v>12</v>
          </cell>
          <cell r="F3650">
            <v>0.97850000000000004</v>
          </cell>
        </row>
        <row r="3651">
          <cell r="C3651">
            <v>2007</v>
          </cell>
          <cell r="D3651">
            <v>12</v>
          </cell>
          <cell r="F3651">
            <v>0.97850000000000004</v>
          </cell>
        </row>
        <row r="3652">
          <cell r="C3652">
            <v>2007</v>
          </cell>
          <cell r="D3652">
            <v>12</v>
          </cell>
          <cell r="F3652">
            <v>0.97850000000000004</v>
          </cell>
        </row>
        <row r="3653">
          <cell r="C3653">
            <v>2008</v>
          </cell>
          <cell r="D3653">
            <v>1</v>
          </cell>
          <cell r="F3653">
            <v>0.98809999999999998</v>
          </cell>
        </row>
        <row r="3654">
          <cell r="C3654">
            <v>2008</v>
          </cell>
          <cell r="D3654">
            <v>1</v>
          </cell>
          <cell r="F3654">
            <v>0.98809999999999998</v>
          </cell>
        </row>
        <row r="3655">
          <cell r="C3655">
            <v>2008</v>
          </cell>
          <cell r="D3655">
            <v>1</v>
          </cell>
          <cell r="F3655">
            <v>0.99270000000000003</v>
          </cell>
        </row>
        <row r="3656">
          <cell r="C3656">
            <v>2008</v>
          </cell>
          <cell r="D3656">
            <v>1</v>
          </cell>
          <cell r="F3656">
            <v>0.99050000000000005</v>
          </cell>
        </row>
        <row r="3657">
          <cell r="C3657">
            <v>2008</v>
          </cell>
          <cell r="D3657">
            <v>1</v>
          </cell>
          <cell r="F3657">
            <v>0.99909999999999999</v>
          </cell>
        </row>
        <row r="3658">
          <cell r="C3658">
            <v>2008</v>
          </cell>
          <cell r="D3658">
            <v>1</v>
          </cell>
          <cell r="F3658">
            <v>0.99909999999999999</v>
          </cell>
        </row>
        <row r="3659">
          <cell r="C3659">
            <v>2008</v>
          </cell>
          <cell r="D3659">
            <v>1</v>
          </cell>
          <cell r="F3659">
            <v>0.99909999999999999</v>
          </cell>
        </row>
        <row r="3660">
          <cell r="C3660">
            <v>2008</v>
          </cell>
          <cell r="D3660">
            <v>1</v>
          </cell>
          <cell r="F3660">
            <v>1.0051000000000001</v>
          </cell>
        </row>
        <row r="3661">
          <cell r="C3661">
            <v>2008</v>
          </cell>
          <cell r="D3661">
            <v>1</v>
          </cell>
          <cell r="F3661">
            <v>0.99860000000000004</v>
          </cell>
        </row>
        <row r="3662">
          <cell r="C3662">
            <v>2008</v>
          </cell>
          <cell r="D3662">
            <v>1</v>
          </cell>
          <cell r="F3662">
            <v>1.0085</v>
          </cell>
        </row>
        <row r="3663">
          <cell r="C3663">
            <v>2008</v>
          </cell>
          <cell r="D3663">
            <v>1</v>
          </cell>
          <cell r="F3663">
            <v>1.0139</v>
          </cell>
        </row>
        <row r="3664">
          <cell r="C3664">
            <v>2008</v>
          </cell>
          <cell r="D3664">
            <v>1</v>
          </cell>
          <cell r="F3664">
            <v>1.0199</v>
          </cell>
        </row>
        <row r="3665">
          <cell r="C3665">
            <v>2008</v>
          </cell>
          <cell r="D3665">
            <v>1</v>
          </cell>
          <cell r="F3665">
            <v>1.0199</v>
          </cell>
        </row>
        <row r="3666">
          <cell r="C3666">
            <v>2008</v>
          </cell>
          <cell r="D3666">
            <v>1</v>
          </cell>
          <cell r="F3666">
            <v>1.0199</v>
          </cell>
        </row>
        <row r="3667">
          <cell r="C3667">
            <v>2008</v>
          </cell>
          <cell r="D3667">
            <v>1</v>
          </cell>
          <cell r="F3667">
            <v>1.0210999999999999</v>
          </cell>
        </row>
        <row r="3668">
          <cell r="C3668">
            <v>2008</v>
          </cell>
          <cell r="D3668">
            <v>1</v>
          </cell>
          <cell r="F3668">
            <v>1.0168999999999999</v>
          </cell>
        </row>
        <row r="3669">
          <cell r="C3669">
            <v>2008</v>
          </cell>
          <cell r="D3669">
            <v>1</v>
          </cell>
          <cell r="F3669">
            <v>1.0239</v>
          </cell>
        </row>
        <row r="3670">
          <cell r="C3670">
            <v>2008</v>
          </cell>
          <cell r="D3670">
            <v>1</v>
          </cell>
          <cell r="F3670">
            <v>1.0293000000000001</v>
          </cell>
        </row>
        <row r="3671">
          <cell r="C3671">
            <v>2008</v>
          </cell>
          <cell r="D3671">
            <v>1</v>
          </cell>
          <cell r="F3671">
            <v>1.0295000000000001</v>
          </cell>
        </row>
        <row r="3672">
          <cell r="C3672">
            <v>2008</v>
          </cell>
          <cell r="D3672">
            <v>1</v>
          </cell>
          <cell r="F3672">
            <v>1.0295000000000001</v>
          </cell>
        </row>
        <row r="3673">
          <cell r="C3673">
            <v>2008</v>
          </cell>
          <cell r="D3673">
            <v>1</v>
          </cell>
          <cell r="F3673">
            <v>1.0295000000000001</v>
          </cell>
        </row>
        <row r="3674">
          <cell r="C3674">
            <v>2008</v>
          </cell>
          <cell r="D3674">
            <v>1</v>
          </cell>
          <cell r="F3674">
            <v>1.0295000000000001</v>
          </cell>
        </row>
        <row r="3675">
          <cell r="C3675">
            <v>2008</v>
          </cell>
          <cell r="D3675">
            <v>1</v>
          </cell>
          <cell r="F3675">
            <v>1.0253000000000001</v>
          </cell>
        </row>
        <row r="3676">
          <cell r="C3676">
            <v>2008</v>
          </cell>
          <cell r="D3676">
            <v>1</v>
          </cell>
          <cell r="F3676">
            <v>1.0286</v>
          </cell>
        </row>
        <row r="3677">
          <cell r="C3677">
            <v>2008</v>
          </cell>
          <cell r="D3677">
            <v>1</v>
          </cell>
          <cell r="F3677">
            <v>1.0072000000000001</v>
          </cell>
        </row>
        <row r="3678">
          <cell r="C3678">
            <v>2008</v>
          </cell>
          <cell r="D3678">
            <v>1</v>
          </cell>
          <cell r="F3678">
            <v>1.0044</v>
          </cell>
        </row>
        <row r="3679">
          <cell r="C3679">
            <v>2008</v>
          </cell>
          <cell r="D3679">
            <v>1</v>
          </cell>
          <cell r="F3679">
            <v>1.0044</v>
          </cell>
        </row>
        <row r="3680">
          <cell r="C3680">
            <v>2008</v>
          </cell>
          <cell r="D3680">
            <v>1</v>
          </cell>
          <cell r="F3680">
            <v>1.0044</v>
          </cell>
        </row>
        <row r="3681">
          <cell r="C3681">
            <v>2008</v>
          </cell>
          <cell r="D3681">
            <v>1</v>
          </cell>
          <cell r="F3681">
            <v>1.0044</v>
          </cell>
        </row>
        <row r="3682">
          <cell r="C3682">
            <v>2008</v>
          </cell>
          <cell r="D3682">
            <v>1</v>
          </cell>
          <cell r="F3682">
            <v>0.99770000000000003</v>
          </cell>
        </row>
        <row r="3683">
          <cell r="C3683">
            <v>2008</v>
          </cell>
          <cell r="D3683">
            <v>1</v>
          </cell>
          <cell r="F3683">
            <v>0.99370000000000003</v>
          </cell>
        </row>
        <row r="3684">
          <cell r="C3684">
            <v>2008</v>
          </cell>
          <cell r="D3684">
            <v>2</v>
          </cell>
          <cell r="F3684">
            <v>1.0022</v>
          </cell>
        </row>
        <row r="3685">
          <cell r="C3685">
            <v>2008</v>
          </cell>
          <cell r="D3685">
            <v>2</v>
          </cell>
          <cell r="F3685">
            <v>0.99429999999999996</v>
          </cell>
        </row>
        <row r="3686">
          <cell r="C3686">
            <v>2008</v>
          </cell>
          <cell r="D3686">
            <v>2</v>
          </cell>
          <cell r="F3686">
            <v>0.99429999999999996</v>
          </cell>
        </row>
        <row r="3687">
          <cell r="C3687">
            <v>2008</v>
          </cell>
          <cell r="D3687">
            <v>2</v>
          </cell>
          <cell r="F3687">
            <v>0.99429999999999996</v>
          </cell>
        </row>
        <row r="3688">
          <cell r="C3688">
            <v>2008</v>
          </cell>
          <cell r="D3688">
            <v>2</v>
          </cell>
          <cell r="F3688">
            <v>0.99309999999999998</v>
          </cell>
        </row>
        <row r="3689">
          <cell r="C3689">
            <v>2008</v>
          </cell>
          <cell r="D3689">
            <v>2</v>
          </cell>
          <cell r="F3689">
            <v>1.0043</v>
          </cell>
        </row>
        <row r="3690">
          <cell r="C3690">
            <v>2008</v>
          </cell>
          <cell r="D3690">
            <v>2</v>
          </cell>
          <cell r="F3690">
            <v>1.0025999999999999</v>
          </cell>
        </row>
        <row r="3691">
          <cell r="C3691">
            <v>2008</v>
          </cell>
          <cell r="D3691">
            <v>2</v>
          </cell>
          <cell r="F3691">
            <v>1.0115000000000001</v>
          </cell>
        </row>
        <row r="3692">
          <cell r="C3692">
            <v>2008</v>
          </cell>
          <cell r="D3692">
            <v>2</v>
          </cell>
          <cell r="F3692">
            <v>0.99909999999999999</v>
          </cell>
        </row>
        <row r="3693">
          <cell r="C3693">
            <v>2008</v>
          </cell>
          <cell r="D3693">
            <v>2</v>
          </cell>
          <cell r="F3693">
            <v>0.99909999999999999</v>
          </cell>
        </row>
        <row r="3694">
          <cell r="C3694">
            <v>2008</v>
          </cell>
          <cell r="D3694">
            <v>2</v>
          </cell>
          <cell r="F3694">
            <v>0.99909999999999999</v>
          </cell>
        </row>
        <row r="3695">
          <cell r="C3695">
            <v>2008</v>
          </cell>
          <cell r="D3695">
            <v>2</v>
          </cell>
          <cell r="F3695">
            <v>1.0017</v>
          </cell>
        </row>
        <row r="3696">
          <cell r="C3696">
            <v>2008</v>
          </cell>
          <cell r="D3696">
            <v>2</v>
          </cell>
          <cell r="F3696">
            <v>0.99629999999999996</v>
          </cell>
        </row>
        <row r="3697">
          <cell r="C3697">
            <v>2008</v>
          </cell>
          <cell r="D3697">
            <v>2</v>
          </cell>
          <cell r="F3697">
            <v>0.99950000000000006</v>
          </cell>
        </row>
        <row r="3698">
          <cell r="C3698">
            <v>2008</v>
          </cell>
          <cell r="D3698">
            <v>2</v>
          </cell>
          <cell r="F3698">
            <v>0.997</v>
          </cell>
        </row>
        <row r="3699">
          <cell r="C3699">
            <v>2008</v>
          </cell>
          <cell r="D3699">
            <v>2</v>
          </cell>
          <cell r="F3699">
            <v>1.0071000000000001</v>
          </cell>
        </row>
        <row r="3700">
          <cell r="C3700">
            <v>2008</v>
          </cell>
          <cell r="D3700">
            <v>2</v>
          </cell>
          <cell r="F3700">
            <v>1.0071000000000001</v>
          </cell>
        </row>
        <row r="3701">
          <cell r="C3701">
            <v>2008</v>
          </cell>
          <cell r="D3701">
            <v>2</v>
          </cell>
          <cell r="F3701">
            <v>1.0071000000000001</v>
          </cell>
        </row>
        <row r="3702">
          <cell r="C3702">
            <v>2008</v>
          </cell>
          <cell r="D3702">
            <v>2</v>
          </cell>
          <cell r="F3702">
            <v>1.0071000000000001</v>
          </cell>
        </row>
        <row r="3703">
          <cell r="C3703">
            <v>2008</v>
          </cell>
          <cell r="D3703">
            <v>2</v>
          </cell>
          <cell r="F3703">
            <v>1.016</v>
          </cell>
        </row>
        <row r="3704">
          <cell r="C3704">
            <v>2008</v>
          </cell>
          <cell r="D3704">
            <v>2</v>
          </cell>
          <cell r="F3704">
            <v>1.0189999999999999</v>
          </cell>
        </row>
        <row r="3705">
          <cell r="C3705">
            <v>2008</v>
          </cell>
          <cell r="D3705">
            <v>2</v>
          </cell>
          <cell r="F3705">
            <v>1.0086999999999999</v>
          </cell>
        </row>
        <row r="3706">
          <cell r="C3706">
            <v>2008</v>
          </cell>
          <cell r="D3706">
            <v>2</v>
          </cell>
          <cell r="F3706">
            <v>1.0156000000000001</v>
          </cell>
        </row>
        <row r="3707">
          <cell r="C3707">
            <v>2008</v>
          </cell>
          <cell r="D3707">
            <v>2</v>
          </cell>
          <cell r="F3707">
            <v>1.0156000000000001</v>
          </cell>
        </row>
        <row r="3708">
          <cell r="C3708">
            <v>2008</v>
          </cell>
          <cell r="D3708">
            <v>2</v>
          </cell>
          <cell r="F3708">
            <v>1.0156000000000001</v>
          </cell>
        </row>
        <row r="3709">
          <cell r="C3709">
            <v>2008</v>
          </cell>
          <cell r="D3709">
            <v>2</v>
          </cell>
          <cell r="F3709">
            <v>0.998</v>
          </cell>
        </row>
        <row r="3710">
          <cell r="C3710">
            <v>2008</v>
          </cell>
          <cell r="D3710">
            <v>2</v>
          </cell>
          <cell r="F3710">
            <v>0.9859</v>
          </cell>
        </row>
        <row r="3711">
          <cell r="C3711">
            <v>2008</v>
          </cell>
          <cell r="D3711">
            <v>2</v>
          </cell>
          <cell r="F3711">
            <v>0.9778</v>
          </cell>
        </row>
        <row r="3712">
          <cell r="C3712">
            <v>2008</v>
          </cell>
          <cell r="D3712">
            <v>2</v>
          </cell>
          <cell r="F3712">
            <v>0.97189999999999999</v>
          </cell>
        </row>
        <row r="3713">
          <cell r="C3713">
            <v>2008</v>
          </cell>
          <cell r="D3713">
            <v>3</v>
          </cell>
          <cell r="F3713">
            <v>0.9798</v>
          </cell>
        </row>
        <row r="3714">
          <cell r="C3714">
            <v>2008</v>
          </cell>
          <cell r="D3714">
            <v>3</v>
          </cell>
          <cell r="F3714">
            <v>0.9798</v>
          </cell>
        </row>
        <row r="3715">
          <cell r="C3715">
            <v>2008</v>
          </cell>
          <cell r="D3715">
            <v>3</v>
          </cell>
          <cell r="F3715">
            <v>0.9798</v>
          </cell>
        </row>
        <row r="3716">
          <cell r="C3716">
            <v>2008</v>
          </cell>
          <cell r="D3716">
            <v>3</v>
          </cell>
          <cell r="F3716">
            <v>0.98699999999999999</v>
          </cell>
        </row>
        <row r="3717">
          <cell r="C3717">
            <v>2008</v>
          </cell>
          <cell r="D3717">
            <v>3</v>
          </cell>
          <cell r="F3717">
            <v>0.99560000000000004</v>
          </cell>
        </row>
        <row r="3718">
          <cell r="C3718">
            <v>2008</v>
          </cell>
          <cell r="D3718">
            <v>3</v>
          </cell>
          <cell r="F3718">
            <v>0.98980000000000001</v>
          </cell>
        </row>
        <row r="3719">
          <cell r="C3719">
            <v>2008</v>
          </cell>
          <cell r="D3719">
            <v>3</v>
          </cell>
          <cell r="F3719">
            <v>0.98480000000000001</v>
          </cell>
        </row>
        <row r="3720">
          <cell r="C3720">
            <v>2008</v>
          </cell>
          <cell r="D3720">
            <v>3</v>
          </cell>
          <cell r="F3720">
            <v>0.99150000000000005</v>
          </cell>
        </row>
        <row r="3721">
          <cell r="C3721">
            <v>2008</v>
          </cell>
          <cell r="D3721">
            <v>3</v>
          </cell>
          <cell r="F3721">
            <v>0.99150000000000005</v>
          </cell>
        </row>
        <row r="3722">
          <cell r="C3722">
            <v>2008</v>
          </cell>
          <cell r="D3722">
            <v>3</v>
          </cell>
          <cell r="F3722">
            <v>0.99150000000000005</v>
          </cell>
        </row>
        <row r="3723">
          <cell r="C3723">
            <v>2008</v>
          </cell>
          <cell r="D3723">
            <v>3</v>
          </cell>
          <cell r="F3723">
            <v>0.99760000000000004</v>
          </cell>
        </row>
        <row r="3724">
          <cell r="C3724">
            <v>2008</v>
          </cell>
          <cell r="D3724">
            <v>3</v>
          </cell>
          <cell r="F3724">
            <v>0.99529999999999996</v>
          </cell>
        </row>
        <row r="3725">
          <cell r="C3725">
            <v>2008</v>
          </cell>
          <cell r="D3725">
            <v>3</v>
          </cell>
          <cell r="F3725">
            <v>0.98970000000000002</v>
          </cell>
        </row>
        <row r="3726">
          <cell r="C3726">
            <v>2008</v>
          </cell>
          <cell r="D3726">
            <v>3</v>
          </cell>
          <cell r="F3726">
            <v>0.98419999999999996</v>
          </cell>
        </row>
        <row r="3727">
          <cell r="C3727">
            <v>2008</v>
          </cell>
          <cell r="D3727">
            <v>3</v>
          </cell>
          <cell r="F3727">
            <v>0.98699999999999999</v>
          </cell>
        </row>
        <row r="3728">
          <cell r="C3728">
            <v>2008</v>
          </cell>
          <cell r="D3728">
            <v>3</v>
          </cell>
          <cell r="F3728">
            <v>0.98699999999999999</v>
          </cell>
        </row>
        <row r="3729">
          <cell r="C3729">
            <v>2008</v>
          </cell>
          <cell r="D3729">
            <v>3</v>
          </cell>
          <cell r="F3729">
            <v>0.98699999999999999</v>
          </cell>
        </row>
        <row r="3730">
          <cell r="C3730">
            <v>2008</v>
          </cell>
          <cell r="D3730">
            <v>3</v>
          </cell>
          <cell r="F3730">
            <v>0.99780000000000002</v>
          </cell>
        </row>
        <row r="3731">
          <cell r="C3731">
            <v>2008</v>
          </cell>
          <cell r="D3731">
            <v>3</v>
          </cell>
          <cell r="F3731">
            <v>0.99380000000000002</v>
          </cell>
        </row>
        <row r="3732">
          <cell r="C3732">
            <v>2008</v>
          </cell>
          <cell r="D3732">
            <v>3</v>
          </cell>
          <cell r="F3732">
            <v>1.0027999999999999</v>
          </cell>
        </row>
        <row r="3733">
          <cell r="C3733">
            <v>2008</v>
          </cell>
          <cell r="D3733">
            <v>3</v>
          </cell>
          <cell r="F3733">
            <v>1.0268999999999999</v>
          </cell>
        </row>
        <row r="3734">
          <cell r="C3734">
            <v>2008</v>
          </cell>
          <cell r="D3734">
            <v>3</v>
          </cell>
          <cell r="F3734">
            <v>1.0268999999999999</v>
          </cell>
        </row>
        <row r="3735">
          <cell r="C3735">
            <v>2008</v>
          </cell>
          <cell r="D3735">
            <v>3</v>
          </cell>
          <cell r="F3735">
            <v>1.0268999999999999</v>
          </cell>
        </row>
        <row r="3736">
          <cell r="C3736">
            <v>2008</v>
          </cell>
          <cell r="D3736">
            <v>3</v>
          </cell>
          <cell r="F3736">
            <v>1.0268999999999999</v>
          </cell>
        </row>
        <row r="3737">
          <cell r="C3737">
            <v>2008</v>
          </cell>
          <cell r="D3737">
            <v>3</v>
          </cell>
          <cell r="F3737">
            <v>1.0203</v>
          </cell>
        </row>
        <row r="3738">
          <cell r="C3738">
            <v>2008</v>
          </cell>
          <cell r="D3738">
            <v>3</v>
          </cell>
          <cell r="F3738">
            <v>1.0177</v>
          </cell>
        </row>
        <row r="3739">
          <cell r="C3739">
            <v>2008</v>
          </cell>
          <cell r="D3739">
            <v>3</v>
          </cell>
          <cell r="F3739">
            <v>1.018</v>
          </cell>
        </row>
        <row r="3740">
          <cell r="C3740">
            <v>2008</v>
          </cell>
          <cell r="D3740">
            <v>3</v>
          </cell>
          <cell r="F3740">
            <v>1.0146999999999999</v>
          </cell>
        </row>
        <row r="3741">
          <cell r="C3741">
            <v>2008</v>
          </cell>
          <cell r="D3741">
            <v>3</v>
          </cell>
          <cell r="F3741">
            <v>1.0181</v>
          </cell>
        </row>
        <row r="3742">
          <cell r="C3742">
            <v>2008</v>
          </cell>
          <cell r="D3742">
            <v>3</v>
          </cell>
          <cell r="F3742">
            <v>1.0181</v>
          </cell>
        </row>
        <row r="3743">
          <cell r="C3743">
            <v>2008</v>
          </cell>
          <cell r="D3743">
            <v>3</v>
          </cell>
          <cell r="F3743">
            <v>1.0181</v>
          </cell>
        </row>
        <row r="3744">
          <cell r="C3744">
            <v>2008</v>
          </cell>
          <cell r="D3744">
            <v>4</v>
          </cell>
          <cell r="F3744">
            <v>1.0279</v>
          </cell>
        </row>
        <row r="3745">
          <cell r="C3745">
            <v>2008</v>
          </cell>
          <cell r="D3745">
            <v>4</v>
          </cell>
          <cell r="F3745">
            <v>1.0269999999999999</v>
          </cell>
        </row>
        <row r="3746">
          <cell r="C3746">
            <v>2008</v>
          </cell>
          <cell r="D3746">
            <v>4</v>
          </cell>
          <cell r="F3746">
            <v>1.0177</v>
          </cell>
        </row>
        <row r="3747">
          <cell r="C3747">
            <v>2008</v>
          </cell>
          <cell r="D3747">
            <v>4</v>
          </cell>
          <cell r="F3747">
            <v>1.0082</v>
          </cell>
        </row>
        <row r="3748">
          <cell r="C3748">
            <v>2008</v>
          </cell>
          <cell r="D3748">
            <v>4</v>
          </cell>
          <cell r="F3748">
            <v>1.0091000000000001</v>
          </cell>
        </row>
        <row r="3749">
          <cell r="C3749">
            <v>2008</v>
          </cell>
          <cell r="D3749">
            <v>4</v>
          </cell>
          <cell r="F3749">
            <v>1.0091000000000001</v>
          </cell>
        </row>
        <row r="3750">
          <cell r="C3750">
            <v>2008</v>
          </cell>
          <cell r="D3750">
            <v>4</v>
          </cell>
          <cell r="F3750">
            <v>1.0091000000000001</v>
          </cell>
        </row>
        <row r="3751">
          <cell r="C3751">
            <v>2008</v>
          </cell>
          <cell r="D3751">
            <v>4</v>
          </cell>
          <cell r="F3751">
            <v>1.0109999999999999</v>
          </cell>
        </row>
        <row r="3752">
          <cell r="C3752">
            <v>2008</v>
          </cell>
          <cell r="D3752">
            <v>4</v>
          </cell>
          <cell r="F3752">
            <v>1.0149999999999999</v>
          </cell>
        </row>
        <row r="3753">
          <cell r="C3753">
            <v>2008</v>
          </cell>
          <cell r="D3753">
            <v>4</v>
          </cell>
          <cell r="F3753">
            <v>1.0194000000000001</v>
          </cell>
        </row>
        <row r="3754">
          <cell r="C3754">
            <v>2008</v>
          </cell>
          <cell r="D3754">
            <v>4</v>
          </cell>
          <cell r="F3754">
            <v>1.0179</v>
          </cell>
        </row>
        <row r="3755">
          <cell r="C3755">
            <v>2008</v>
          </cell>
          <cell r="D3755">
            <v>4</v>
          </cell>
          <cell r="F3755">
            <v>1.0215000000000001</v>
          </cell>
        </row>
        <row r="3756">
          <cell r="C3756">
            <v>2008</v>
          </cell>
          <cell r="D3756">
            <v>4</v>
          </cell>
          <cell r="F3756">
            <v>1.0215000000000001</v>
          </cell>
        </row>
        <row r="3757">
          <cell r="C3757">
            <v>2008</v>
          </cell>
          <cell r="D3757">
            <v>4</v>
          </cell>
          <cell r="F3757">
            <v>1.0215000000000001</v>
          </cell>
        </row>
        <row r="3758">
          <cell r="C3758">
            <v>2008</v>
          </cell>
          <cell r="D3758">
            <v>4</v>
          </cell>
          <cell r="F3758">
            <v>1.0207999999999999</v>
          </cell>
        </row>
        <row r="3759">
          <cell r="C3759">
            <v>2008</v>
          </cell>
          <cell r="D3759">
            <v>4</v>
          </cell>
          <cell r="F3759">
            <v>1.0181</v>
          </cell>
        </row>
        <row r="3760">
          <cell r="C3760">
            <v>2008</v>
          </cell>
          <cell r="D3760">
            <v>4</v>
          </cell>
          <cell r="F3760">
            <v>1.0024999999999999</v>
          </cell>
        </row>
        <row r="3761">
          <cell r="C3761">
            <v>2008</v>
          </cell>
          <cell r="D3761">
            <v>4</v>
          </cell>
          <cell r="F3761">
            <v>1.0113000000000001</v>
          </cell>
        </row>
        <row r="3762">
          <cell r="C3762">
            <v>2008</v>
          </cell>
          <cell r="D3762">
            <v>4</v>
          </cell>
          <cell r="F3762">
            <v>1.0084</v>
          </cell>
        </row>
        <row r="3763">
          <cell r="C3763">
            <v>2008</v>
          </cell>
          <cell r="D3763">
            <v>4</v>
          </cell>
          <cell r="F3763">
            <v>1.0084</v>
          </cell>
        </row>
        <row r="3764">
          <cell r="C3764">
            <v>2008</v>
          </cell>
          <cell r="D3764">
            <v>4</v>
          </cell>
          <cell r="F3764">
            <v>1.0084</v>
          </cell>
        </row>
        <row r="3765">
          <cell r="C3765">
            <v>2008</v>
          </cell>
          <cell r="D3765">
            <v>4</v>
          </cell>
          <cell r="F3765">
            <v>1.0065999999999999</v>
          </cell>
        </row>
        <row r="3766">
          <cell r="C3766">
            <v>2008</v>
          </cell>
          <cell r="D3766">
            <v>4</v>
          </cell>
          <cell r="F3766">
            <v>1.0033000000000001</v>
          </cell>
        </row>
        <row r="3767">
          <cell r="C3767">
            <v>2008</v>
          </cell>
          <cell r="D3767">
            <v>4</v>
          </cell>
          <cell r="F3767">
            <v>1.0195000000000001</v>
          </cell>
        </row>
        <row r="3768">
          <cell r="C3768">
            <v>2008</v>
          </cell>
          <cell r="D3768">
            <v>4</v>
          </cell>
          <cell r="F3768">
            <v>1.0132000000000001</v>
          </cell>
        </row>
        <row r="3769">
          <cell r="C3769">
            <v>2008</v>
          </cell>
          <cell r="D3769">
            <v>4</v>
          </cell>
          <cell r="F3769">
            <v>1.0164</v>
          </cell>
        </row>
        <row r="3770">
          <cell r="C3770">
            <v>2008</v>
          </cell>
          <cell r="D3770">
            <v>4</v>
          </cell>
          <cell r="F3770">
            <v>1.0164</v>
          </cell>
        </row>
        <row r="3771">
          <cell r="C3771">
            <v>2008</v>
          </cell>
          <cell r="D3771">
            <v>4</v>
          </cell>
          <cell r="F3771">
            <v>1.0164</v>
          </cell>
        </row>
        <row r="3772">
          <cell r="C3772">
            <v>2008</v>
          </cell>
          <cell r="D3772">
            <v>4</v>
          </cell>
          <cell r="F3772">
            <v>1.016</v>
          </cell>
        </row>
        <row r="3773">
          <cell r="C3773">
            <v>2008</v>
          </cell>
          <cell r="D3773">
            <v>4</v>
          </cell>
          <cell r="F3773">
            <v>1.0130999999999999</v>
          </cell>
        </row>
        <row r="3774">
          <cell r="C3774">
            <v>2008</v>
          </cell>
          <cell r="D3774">
            <v>5</v>
          </cell>
          <cell r="F3774">
            <v>1.0095000000000001</v>
          </cell>
        </row>
        <row r="3775">
          <cell r="C3775">
            <v>2008</v>
          </cell>
          <cell r="D3775">
            <v>5</v>
          </cell>
          <cell r="F3775">
            <v>1.0188999999999999</v>
          </cell>
        </row>
        <row r="3776">
          <cell r="C3776">
            <v>2008</v>
          </cell>
          <cell r="D3776">
            <v>5</v>
          </cell>
          <cell r="F3776">
            <v>1.0183</v>
          </cell>
        </row>
        <row r="3777">
          <cell r="C3777">
            <v>2008</v>
          </cell>
          <cell r="D3777">
            <v>5</v>
          </cell>
          <cell r="F3777">
            <v>1.0183</v>
          </cell>
        </row>
        <row r="3778">
          <cell r="C3778">
            <v>2008</v>
          </cell>
          <cell r="D3778">
            <v>5</v>
          </cell>
          <cell r="F3778">
            <v>1.0183</v>
          </cell>
        </row>
        <row r="3779">
          <cell r="C3779">
            <v>2008</v>
          </cell>
          <cell r="D3779">
            <v>5</v>
          </cell>
          <cell r="F3779">
            <v>1.0125</v>
          </cell>
        </row>
        <row r="3780">
          <cell r="C3780">
            <v>2008</v>
          </cell>
          <cell r="D3780">
            <v>5</v>
          </cell>
          <cell r="F3780">
            <v>1.0035000000000001</v>
          </cell>
        </row>
        <row r="3781">
          <cell r="C3781">
            <v>2008</v>
          </cell>
          <cell r="D3781">
            <v>5</v>
          </cell>
          <cell r="F3781">
            <v>1.0021</v>
          </cell>
        </row>
        <row r="3782">
          <cell r="C3782">
            <v>2008</v>
          </cell>
          <cell r="D3782">
            <v>5</v>
          </cell>
          <cell r="F3782">
            <v>1.0148999999999999</v>
          </cell>
        </row>
        <row r="3783">
          <cell r="C3783">
            <v>2008</v>
          </cell>
          <cell r="D3783">
            <v>5</v>
          </cell>
          <cell r="F3783">
            <v>1.0061</v>
          </cell>
        </row>
        <row r="3784">
          <cell r="C3784">
            <v>2008</v>
          </cell>
          <cell r="D3784">
            <v>5</v>
          </cell>
          <cell r="F3784">
            <v>1.0061</v>
          </cell>
        </row>
        <row r="3785">
          <cell r="C3785">
            <v>2008</v>
          </cell>
          <cell r="D3785">
            <v>5</v>
          </cell>
          <cell r="F3785">
            <v>1.0061</v>
          </cell>
        </row>
        <row r="3786">
          <cell r="C3786">
            <v>2008</v>
          </cell>
          <cell r="D3786">
            <v>5</v>
          </cell>
          <cell r="F3786">
            <v>1.0039</v>
          </cell>
        </row>
        <row r="3787">
          <cell r="C3787">
            <v>2008</v>
          </cell>
          <cell r="D3787">
            <v>5</v>
          </cell>
          <cell r="F3787">
            <v>1.0004999999999999</v>
          </cell>
        </row>
        <row r="3788">
          <cell r="C3788">
            <v>2008</v>
          </cell>
          <cell r="D3788">
            <v>5</v>
          </cell>
          <cell r="F3788">
            <v>1.002</v>
          </cell>
        </row>
        <row r="3789">
          <cell r="C3789">
            <v>2008</v>
          </cell>
          <cell r="D3789">
            <v>5</v>
          </cell>
          <cell r="F3789">
            <v>0.99980000000000002</v>
          </cell>
        </row>
        <row r="3790">
          <cell r="C3790">
            <v>2008</v>
          </cell>
          <cell r="D3790">
            <v>5</v>
          </cell>
          <cell r="F3790">
            <v>0.99680000000000002</v>
          </cell>
        </row>
        <row r="3791">
          <cell r="C3791">
            <v>2008</v>
          </cell>
          <cell r="D3791">
            <v>5</v>
          </cell>
          <cell r="F3791">
            <v>0.99680000000000002</v>
          </cell>
        </row>
        <row r="3792">
          <cell r="C3792">
            <v>2008</v>
          </cell>
          <cell r="D3792">
            <v>5</v>
          </cell>
          <cell r="F3792">
            <v>0.99680000000000002</v>
          </cell>
        </row>
        <row r="3793">
          <cell r="C3793">
            <v>2008</v>
          </cell>
          <cell r="D3793">
            <v>5</v>
          </cell>
          <cell r="F3793">
            <v>0.99680000000000002</v>
          </cell>
        </row>
        <row r="3794">
          <cell r="C3794">
            <v>2008</v>
          </cell>
          <cell r="D3794">
            <v>5</v>
          </cell>
          <cell r="F3794">
            <v>0.99299999999999999</v>
          </cell>
        </row>
        <row r="3795">
          <cell r="C3795">
            <v>2008</v>
          </cell>
          <cell r="D3795">
            <v>5</v>
          </cell>
          <cell r="F3795">
            <v>0.98440000000000005</v>
          </cell>
        </row>
        <row r="3796">
          <cell r="C3796">
            <v>2008</v>
          </cell>
          <cell r="D3796">
            <v>5</v>
          </cell>
          <cell r="F3796">
            <v>0.98609999999999998</v>
          </cell>
        </row>
        <row r="3797">
          <cell r="C3797">
            <v>2008</v>
          </cell>
          <cell r="D3797">
            <v>5</v>
          </cell>
          <cell r="F3797">
            <v>0.98829999999999996</v>
          </cell>
        </row>
        <row r="3798">
          <cell r="C3798">
            <v>2008</v>
          </cell>
          <cell r="D3798">
            <v>5</v>
          </cell>
          <cell r="F3798">
            <v>0.98829999999999996</v>
          </cell>
        </row>
        <row r="3799">
          <cell r="C3799">
            <v>2008</v>
          </cell>
          <cell r="D3799">
            <v>5</v>
          </cell>
          <cell r="F3799">
            <v>0.98829999999999996</v>
          </cell>
        </row>
        <row r="3800">
          <cell r="C3800">
            <v>2008</v>
          </cell>
          <cell r="D3800">
            <v>5</v>
          </cell>
          <cell r="F3800">
            <v>0.98829999999999996</v>
          </cell>
        </row>
        <row r="3801">
          <cell r="C3801">
            <v>2008</v>
          </cell>
          <cell r="D3801">
            <v>5</v>
          </cell>
          <cell r="F3801">
            <v>0.99319999999999997</v>
          </cell>
        </row>
        <row r="3802">
          <cell r="C3802">
            <v>2008</v>
          </cell>
          <cell r="D3802">
            <v>5</v>
          </cell>
          <cell r="F3802">
            <v>0.99150000000000005</v>
          </cell>
        </row>
        <row r="3803">
          <cell r="C3803">
            <v>2008</v>
          </cell>
          <cell r="D3803">
            <v>5</v>
          </cell>
          <cell r="F3803">
            <v>0.98719999999999997</v>
          </cell>
        </row>
        <row r="3804">
          <cell r="C3804">
            <v>2008</v>
          </cell>
          <cell r="D3804">
            <v>5</v>
          </cell>
          <cell r="F3804">
            <v>0.99419999999999997</v>
          </cell>
        </row>
        <row r="3805">
          <cell r="C3805">
            <v>2008</v>
          </cell>
          <cell r="D3805">
            <v>6</v>
          </cell>
          <cell r="F3805">
            <v>0.99419999999999997</v>
          </cell>
        </row>
        <row r="3806">
          <cell r="C3806">
            <v>2008</v>
          </cell>
          <cell r="D3806">
            <v>6</v>
          </cell>
          <cell r="F3806">
            <v>0.99419999999999997</v>
          </cell>
        </row>
        <row r="3807">
          <cell r="C3807">
            <v>2008</v>
          </cell>
          <cell r="D3807">
            <v>6</v>
          </cell>
          <cell r="F3807">
            <v>1.0013000000000001</v>
          </cell>
        </row>
        <row r="3808">
          <cell r="C3808">
            <v>2008</v>
          </cell>
          <cell r="D3808">
            <v>6</v>
          </cell>
          <cell r="F3808">
            <v>1.0051000000000001</v>
          </cell>
        </row>
        <row r="3809">
          <cell r="C3809">
            <v>2008</v>
          </cell>
          <cell r="D3809">
            <v>6</v>
          </cell>
          <cell r="F3809">
            <v>1.0145</v>
          </cell>
        </row>
        <row r="3810">
          <cell r="C3810">
            <v>2008</v>
          </cell>
          <cell r="D3810">
            <v>6</v>
          </cell>
          <cell r="F3810">
            <v>1.0198</v>
          </cell>
        </row>
        <row r="3811">
          <cell r="C3811">
            <v>2008</v>
          </cell>
          <cell r="D3811">
            <v>6</v>
          </cell>
          <cell r="F3811">
            <v>1.0186999999999999</v>
          </cell>
        </row>
        <row r="3812">
          <cell r="C3812">
            <v>2008</v>
          </cell>
          <cell r="D3812">
            <v>6</v>
          </cell>
          <cell r="F3812">
            <v>1.0186999999999999</v>
          </cell>
        </row>
        <row r="3813">
          <cell r="C3813">
            <v>2008</v>
          </cell>
          <cell r="D3813">
            <v>6</v>
          </cell>
          <cell r="F3813">
            <v>1.0186999999999999</v>
          </cell>
        </row>
        <row r="3814">
          <cell r="C3814">
            <v>2008</v>
          </cell>
          <cell r="D3814">
            <v>6</v>
          </cell>
          <cell r="F3814">
            <v>1.0225</v>
          </cell>
        </row>
        <row r="3815">
          <cell r="C3815">
            <v>2008</v>
          </cell>
          <cell r="D3815">
            <v>6</v>
          </cell>
          <cell r="F3815">
            <v>1.0243</v>
          </cell>
        </row>
        <row r="3816">
          <cell r="C3816">
            <v>2008</v>
          </cell>
          <cell r="D3816">
            <v>6</v>
          </cell>
          <cell r="F3816">
            <v>1.0174000000000001</v>
          </cell>
        </row>
        <row r="3817">
          <cell r="C3817">
            <v>2008</v>
          </cell>
          <cell r="D3817">
            <v>6</v>
          </cell>
          <cell r="F3817">
            <v>1.0232000000000001</v>
          </cell>
        </row>
        <row r="3818">
          <cell r="C3818">
            <v>2008</v>
          </cell>
          <cell r="D3818">
            <v>6</v>
          </cell>
          <cell r="F3818">
            <v>1.0282</v>
          </cell>
        </row>
        <row r="3819">
          <cell r="C3819">
            <v>2008</v>
          </cell>
          <cell r="D3819">
            <v>6</v>
          </cell>
          <cell r="F3819">
            <v>1.0282</v>
          </cell>
        </row>
        <row r="3820">
          <cell r="C3820">
            <v>2008</v>
          </cell>
          <cell r="D3820">
            <v>6</v>
          </cell>
          <cell r="F3820">
            <v>1.0282</v>
          </cell>
        </row>
        <row r="3821">
          <cell r="C3821">
            <v>2008</v>
          </cell>
          <cell r="D3821">
            <v>6</v>
          </cell>
          <cell r="F3821">
            <v>1.0210999999999999</v>
          </cell>
        </row>
        <row r="3822">
          <cell r="C3822">
            <v>2008</v>
          </cell>
          <cell r="D3822">
            <v>6</v>
          </cell>
          <cell r="F3822">
            <v>1.0199</v>
          </cell>
        </row>
        <row r="3823">
          <cell r="C3823">
            <v>2008</v>
          </cell>
          <cell r="D3823">
            <v>6</v>
          </cell>
          <cell r="F3823">
            <v>1.0185999999999999</v>
          </cell>
        </row>
        <row r="3824">
          <cell r="C3824">
            <v>2008</v>
          </cell>
          <cell r="D3824">
            <v>6</v>
          </cell>
          <cell r="F3824">
            <v>1.0132000000000001</v>
          </cell>
        </row>
        <row r="3825">
          <cell r="C3825">
            <v>2008</v>
          </cell>
          <cell r="D3825">
            <v>6</v>
          </cell>
          <cell r="F3825">
            <v>1.0172000000000001</v>
          </cell>
        </row>
        <row r="3826">
          <cell r="C3826">
            <v>2008</v>
          </cell>
          <cell r="D3826">
            <v>6</v>
          </cell>
          <cell r="F3826">
            <v>1.0172000000000001</v>
          </cell>
        </row>
        <row r="3827">
          <cell r="C3827">
            <v>2008</v>
          </cell>
          <cell r="D3827">
            <v>6</v>
          </cell>
          <cell r="F3827">
            <v>1.0172000000000001</v>
          </cell>
        </row>
        <row r="3828">
          <cell r="C3828">
            <v>2008</v>
          </cell>
          <cell r="D3828">
            <v>6</v>
          </cell>
          <cell r="F3828">
            <v>1.0163</v>
          </cell>
        </row>
        <row r="3829">
          <cell r="C3829">
            <v>2008</v>
          </cell>
          <cell r="D3829">
            <v>6</v>
          </cell>
          <cell r="F3829">
            <v>1.0136000000000001</v>
          </cell>
        </row>
        <row r="3830">
          <cell r="C3830">
            <v>2008</v>
          </cell>
          <cell r="D3830">
            <v>6</v>
          </cell>
          <cell r="F3830">
            <v>1.0135000000000001</v>
          </cell>
        </row>
        <row r="3831">
          <cell r="C3831">
            <v>2008</v>
          </cell>
          <cell r="D3831">
            <v>6</v>
          </cell>
          <cell r="F3831">
            <v>1.0121</v>
          </cell>
        </row>
        <row r="3832">
          <cell r="C3832">
            <v>2008</v>
          </cell>
          <cell r="D3832">
            <v>6</v>
          </cell>
          <cell r="F3832">
            <v>1.0123</v>
          </cell>
        </row>
        <row r="3833">
          <cell r="C3833">
            <v>2008</v>
          </cell>
          <cell r="D3833">
            <v>6</v>
          </cell>
          <cell r="F3833">
            <v>1.0123</v>
          </cell>
        </row>
        <row r="3834">
          <cell r="C3834">
            <v>2008</v>
          </cell>
          <cell r="D3834">
            <v>6</v>
          </cell>
          <cell r="F3834">
            <v>1.0123</v>
          </cell>
        </row>
        <row r="3835">
          <cell r="C3835">
            <v>2008</v>
          </cell>
          <cell r="D3835">
            <v>7</v>
          </cell>
          <cell r="F3835">
            <v>1.0185999999999999</v>
          </cell>
        </row>
        <row r="3836">
          <cell r="C3836">
            <v>2008</v>
          </cell>
          <cell r="D3836">
            <v>7</v>
          </cell>
          <cell r="F3836">
            <v>1.0185999999999999</v>
          </cell>
        </row>
        <row r="3837">
          <cell r="C3837">
            <v>2008</v>
          </cell>
          <cell r="D3837">
            <v>7</v>
          </cell>
          <cell r="F3837">
            <v>1.0128999999999999</v>
          </cell>
        </row>
        <row r="3838">
          <cell r="C3838">
            <v>2008</v>
          </cell>
          <cell r="D3838">
            <v>7</v>
          </cell>
          <cell r="F3838">
            <v>1.0206</v>
          </cell>
        </row>
        <row r="3839">
          <cell r="C3839">
            <v>2008</v>
          </cell>
          <cell r="D3839">
            <v>7</v>
          </cell>
          <cell r="F3839">
            <v>1.0173000000000001</v>
          </cell>
        </row>
        <row r="3840">
          <cell r="C3840">
            <v>2008</v>
          </cell>
          <cell r="D3840">
            <v>7</v>
          </cell>
          <cell r="F3840">
            <v>1.0173000000000001</v>
          </cell>
        </row>
        <row r="3841">
          <cell r="C3841">
            <v>2008</v>
          </cell>
          <cell r="D3841">
            <v>7</v>
          </cell>
          <cell r="F3841">
            <v>1.0173000000000001</v>
          </cell>
        </row>
        <row r="3842">
          <cell r="C3842">
            <v>2008</v>
          </cell>
          <cell r="D3842">
            <v>7</v>
          </cell>
          <cell r="F3842">
            <v>1.0173000000000001</v>
          </cell>
        </row>
        <row r="3843">
          <cell r="C3843">
            <v>2008</v>
          </cell>
          <cell r="D3843">
            <v>7</v>
          </cell>
          <cell r="F3843">
            <v>1.0206999999999999</v>
          </cell>
        </row>
        <row r="3844">
          <cell r="C3844">
            <v>2008</v>
          </cell>
          <cell r="D3844">
            <v>7</v>
          </cell>
          <cell r="F3844">
            <v>1.0107999999999999</v>
          </cell>
        </row>
        <row r="3845">
          <cell r="C3845">
            <v>2008</v>
          </cell>
          <cell r="D3845">
            <v>7</v>
          </cell>
          <cell r="F3845">
            <v>1.0102</v>
          </cell>
        </row>
        <row r="3846">
          <cell r="C3846">
            <v>2008</v>
          </cell>
          <cell r="D3846">
            <v>7</v>
          </cell>
          <cell r="F3846">
            <v>1.0092000000000001</v>
          </cell>
        </row>
        <row r="3847">
          <cell r="C3847">
            <v>2008</v>
          </cell>
          <cell r="D3847">
            <v>7</v>
          </cell>
          <cell r="F3847">
            <v>1.0092000000000001</v>
          </cell>
        </row>
        <row r="3848">
          <cell r="C3848">
            <v>2008</v>
          </cell>
          <cell r="D3848">
            <v>7</v>
          </cell>
          <cell r="F3848">
            <v>1.0092000000000001</v>
          </cell>
        </row>
        <row r="3849">
          <cell r="C3849">
            <v>2008</v>
          </cell>
          <cell r="D3849">
            <v>7</v>
          </cell>
          <cell r="F3849">
            <v>1.0061</v>
          </cell>
        </row>
        <row r="3850">
          <cell r="C3850">
            <v>2008</v>
          </cell>
          <cell r="D3850">
            <v>7</v>
          </cell>
          <cell r="F3850">
            <v>1.002</v>
          </cell>
        </row>
        <row r="3851">
          <cell r="C3851">
            <v>2008</v>
          </cell>
          <cell r="D3851">
            <v>7</v>
          </cell>
          <cell r="F3851">
            <v>1.0017</v>
          </cell>
        </row>
        <row r="3852">
          <cell r="C3852">
            <v>2008</v>
          </cell>
          <cell r="D3852">
            <v>7</v>
          </cell>
          <cell r="F3852">
            <v>1.0016</v>
          </cell>
        </row>
        <row r="3853">
          <cell r="C3853">
            <v>2008</v>
          </cell>
          <cell r="D3853">
            <v>7</v>
          </cell>
          <cell r="F3853">
            <v>1.0053000000000001</v>
          </cell>
        </row>
        <row r="3854">
          <cell r="C3854">
            <v>2008</v>
          </cell>
          <cell r="D3854">
            <v>7</v>
          </cell>
          <cell r="F3854">
            <v>1.0053000000000001</v>
          </cell>
        </row>
        <row r="3855">
          <cell r="C3855">
            <v>2008</v>
          </cell>
          <cell r="D3855">
            <v>7</v>
          </cell>
          <cell r="F3855">
            <v>1.0053000000000001</v>
          </cell>
        </row>
        <row r="3856">
          <cell r="C3856">
            <v>2008</v>
          </cell>
          <cell r="D3856">
            <v>7</v>
          </cell>
          <cell r="F3856">
            <v>1.0021</v>
          </cell>
        </row>
        <row r="3857">
          <cell r="C3857">
            <v>2008</v>
          </cell>
          <cell r="D3857">
            <v>7</v>
          </cell>
          <cell r="F3857">
            <v>1.0085</v>
          </cell>
        </row>
        <row r="3858">
          <cell r="C3858">
            <v>2008</v>
          </cell>
          <cell r="D3858">
            <v>7</v>
          </cell>
          <cell r="F3858">
            <v>1.0087999999999999</v>
          </cell>
        </row>
        <row r="3859">
          <cell r="C3859">
            <v>2008</v>
          </cell>
          <cell r="D3859">
            <v>7</v>
          </cell>
          <cell r="F3859">
            <v>1.0114000000000001</v>
          </cell>
        </row>
        <row r="3860">
          <cell r="C3860">
            <v>2008</v>
          </cell>
          <cell r="D3860">
            <v>7</v>
          </cell>
          <cell r="F3860">
            <v>1.0164</v>
          </cell>
        </row>
        <row r="3861">
          <cell r="C3861">
            <v>2008</v>
          </cell>
          <cell r="D3861">
            <v>7</v>
          </cell>
          <cell r="F3861">
            <v>1.0164</v>
          </cell>
        </row>
        <row r="3862">
          <cell r="C3862">
            <v>2008</v>
          </cell>
          <cell r="D3862">
            <v>7</v>
          </cell>
          <cell r="F3862">
            <v>1.0164</v>
          </cell>
        </row>
        <row r="3863">
          <cell r="C3863">
            <v>2008</v>
          </cell>
          <cell r="D3863">
            <v>7</v>
          </cell>
          <cell r="F3863">
            <v>1.0222</v>
          </cell>
        </row>
        <row r="3864">
          <cell r="C3864">
            <v>2008</v>
          </cell>
          <cell r="D3864">
            <v>7</v>
          </cell>
          <cell r="F3864">
            <v>1.0261</v>
          </cell>
        </row>
        <row r="3865">
          <cell r="C3865">
            <v>2008</v>
          </cell>
          <cell r="D3865">
            <v>7</v>
          </cell>
          <cell r="F3865">
            <v>1.0242</v>
          </cell>
        </row>
        <row r="3866">
          <cell r="C3866">
            <v>2008</v>
          </cell>
          <cell r="D3866">
            <v>8</v>
          </cell>
          <cell r="F3866">
            <v>1.0257000000000001</v>
          </cell>
        </row>
        <row r="3867">
          <cell r="C3867">
            <v>2008</v>
          </cell>
          <cell r="D3867">
            <v>8</v>
          </cell>
          <cell r="F3867">
            <v>1.0253000000000001</v>
          </cell>
        </row>
        <row r="3868">
          <cell r="C3868">
            <v>2008</v>
          </cell>
          <cell r="D3868">
            <v>8</v>
          </cell>
          <cell r="F3868">
            <v>1.0253000000000001</v>
          </cell>
        </row>
        <row r="3869">
          <cell r="C3869">
            <v>2008</v>
          </cell>
          <cell r="D3869">
            <v>8</v>
          </cell>
          <cell r="F3869">
            <v>1.0253000000000001</v>
          </cell>
        </row>
        <row r="3870">
          <cell r="C3870">
            <v>2008</v>
          </cell>
          <cell r="D3870">
            <v>8</v>
          </cell>
          <cell r="F3870">
            <v>1.0253000000000001</v>
          </cell>
        </row>
        <row r="3871">
          <cell r="C3871">
            <v>2008</v>
          </cell>
          <cell r="D3871">
            <v>8</v>
          </cell>
          <cell r="F3871">
            <v>1.0426</v>
          </cell>
        </row>
        <row r="3872">
          <cell r="C3872">
            <v>2008</v>
          </cell>
          <cell r="D3872">
            <v>8</v>
          </cell>
          <cell r="F3872">
            <v>1.0469999999999999</v>
          </cell>
        </row>
        <row r="3873">
          <cell r="C3873">
            <v>2008</v>
          </cell>
          <cell r="D3873">
            <v>8</v>
          </cell>
          <cell r="F3873">
            <v>1.0510999999999999</v>
          </cell>
        </row>
        <row r="3874">
          <cell r="C3874">
            <v>2008</v>
          </cell>
          <cell r="D3874">
            <v>8</v>
          </cell>
          <cell r="F3874">
            <v>1.0678000000000001</v>
          </cell>
        </row>
        <row r="3875">
          <cell r="C3875">
            <v>2008</v>
          </cell>
          <cell r="D3875">
            <v>8</v>
          </cell>
          <cell r="F3875">
            <v>1.0678000000000001</v>
          </cell>
        </row>
        <row r="3876">
          <cell r="C3876">
            <v>2008</v>
          </cell>
          <cell r="D3876">
            <v>8</v>
          </cell>
          <cell r="F3876">
            <v>1.0678000000000001</v>
          </cell>
        </row>
        <row r="3877">
          <cell r="C3877">
            <v>2008</v>
          </cell>
          <cell r="D3877">
            <v>8</v>
          </cell>
          <cell r="F3877">
            <v>1.0676000000000001</v>
          </cell>
        </row>
        <row r="3878">
          <cell r="C3878">
            <v>2008</v>
          </cell>
          <cell r="D3878">
            <v>8</v>
          </cell>
          <cell r="F3878">
            <v>1.0640000000000001</v>
          </cell>
        </row>
        <row r="3879">
          <cell r="C3879">
            <v>2008</v>
          </cell>
          <cell r="D3879">
            <v>8</v>
          </cell>
          <cell r="F3879">
            <v>1.0657000000000001</v>
          </cell>
        </row>
        <row r="3880">
          <cell r="C3880">
            <v>2008</v>
          </cell>
          <cell r="D3880">
            <v>8</v>
          </cell>
          <cell r="F3880">
            <v>1.0620000000000001</v>
          </cell>
        </row>
        <row r="3881">
          <cell r="C3881">
            <v>2008</v>
          </cell>
          <cell r="D3881">
            <v>8</v>
          </cell>
          <cell r="F3881">
            <v>1.0609</v>
          </cell>
        </row>
        <row r="3882">
          <cell r="C3882">
            <v>2008</v>
          </cell>
          <cell r="D3882">
            <v>8</v>
          </cell>
          <cell r="F3882">
            <v>1.0609</v>
          </cell>
        </row>
        <row r="3883">
          <cell r="C3883">
            <v>2008</v>
          </cell>
          <cell r="D3883">
            <v>8</v>
          </cell>
          <cell r="F3883">
            <v>1.0609</v>
          </cell>
        </row>
        <row r="3884">
          <cell r="C3884">
            <v>2008</v>
          </cell>
          <cell r="D3884">
            <v>8</v>
          </cell>
          <cell r="F3884">
            <v>1.0605</v>
          </cell>
        </row>
        <row r="3885">
          <cell r="C3885">
            <v>2008</v>
          </cell>
          <cell r="D3885">
            <v>8</v>
          </cell>
          <cell r="F3885">
            <v>1.0607</v>
          </cell>
        </row>
        <row r="3886">
          <cell r="C3886">
            <v>2008</v>
          </cell>
          <cell r="D3886">
            <v>8</v>
          </cell>
          <cell r="F3886">
            <v>1.0628</v>
          </cell>
        </row>
        <row r="3887">
          <cell r="C3887">
            <v>2008</v>
          </cell>
          <cell r="D3887">
            <v>8</v>
          </cell>
          <cell r="F3887">
            <v>1.0456000000000001</v>
          </cell>
        </row>
        <row r="3888">
          <cell r="C3888">
            <v>2008</v>
          </cell>
          <cell r="D3888">
            <v>8</v>
          </cell>
          <cell r="F3888">
            <v>1.0458000000000001</v>
          </cell>
        </row>
        <row r="3889">
          <cell r="C3889">
            <v>2008</v>
          </cell>
          <cell r="D3889">
            <v>8</v>
          </cell>
          <cell r="F3889">
            <v>1.0458000000000001</v>
          </cell>
        </row>
        <row r="3890">
          <cell r="C3890">
            <v>2008</v>
          </cell>
          <cell r="D3890">
            <v>8</v>
          </cell>
          <cell r="F3890">
            <v>1.0458000000000001</v>
          </cell>
        </row>
        <row r="3891">
          <cell r="C3891">
            <v>2008</v>
          </cell>
          <cell r="D3891">
            <v>8</v>
          </cell>
          <cell r="F3891">
            <v>1.0464</v>
          </cell>
        </row>
        <row r="3892">
          <cell r="C3892">
            <v>2008</v>
          </cell>
          <cell r="D3892">
            <v>8</v>
          </cell>
          <cell r="F3892">
            <v>1.0483</v>
          </cell>
        </row>
        <row r="3893">
          <cell r="C3893">
            <v>2008</v>
          </cell>
          <cell r="D3893">
            <v>8</v>
          </cell>
          <cell r="F3893">
            <v>1.0486</v>
          </cell>
        </row>
        <row r="3894">
          <cell r="C3894">
            <v>2008</v>
          </cell>
          <cell r="D3894">
            <v>8</v>
          </cell>
          <cell r="F3894">
            <v>1.0526</v>
          </cell>
        </row>
        <row r="3895">
          <cell r="C3895">
            <v>2008</v>
          </cell>
          <cell r="D3895">
            <v>8</v>
          </cell>
          <cell r="F3895">
            <v>1.0626</v>
          </cell>
        </row>
        <row r="3896">
          <cell r="C3896">
            <v>2008</v>
          </cell>
          <cell r="D3896">
            <v>8</v>
          </cell>
          <cell r="F3896">
            <v>1.0626</v>
          </cell>
        </row>
        <row r="3897">
          <cell r="C3897">
            <v>2008</v>
          </cell>
          <cell r="D3897">
            <v>9</v>
          </cell>
          <cell r="F3897">
            <v>1.0626</v>
          </cell>
        </row>
        <row r="3898">
          <cell r="C3898">
            <v>2008</v>
          </cell>
          <cell r="D3898">
            <v>9</v>
          </cell>
          <cell r="F3898">
            <v>1.0626</v>
          </cell>
        </row>
        <row r="3899">
          <cell r="C3899">
            <v>2008</v>
          </cell>
          <cell r="D3899">
            <v>9</v>
          </cell>
          <cell r="F3899">
            <v>1.0701000000000001</v>
          </cell>
        </row>
        <row r="3900">
          <cell r="C3900">
            <v>2008</v>
          </cell>
          <cell r="D3900">
            <v>9</v>
          </cell>
          <cell r="F3900">
            <v>1.0607</v>
          </cell>
        </row>
        <row r="3901">
          <cell r="C3901">
            <v>2008</v>
          </cell>
          <cell r="D3901">
            <v>9</v>
          </cell>
          <cell r="F3901">
            <v>1.0642</v>
          </cell>
        </row>
        <row r="3902">
          <cell r="C3902">
            <v>2008</v>
          </cell>
          <cell r="D3902">
            <v>9</v>
          </cell>
          <cell r="F3902">
            <v>1.0641</v>
          </cell>
        </row>
        <row r="3903">
          <cell r="C3903">
            <v>2008</v>
          </cell>
          <cell r="D3903">
            <v>9</v>
          </cell>
          <cell r="F3903">
            <v>1.0641</v>
          </cell>
        </row>
        <row r="3904">
          <cell r="C3904">
            <v>2008</v>
          </cell>
          <cell r="D3904">
            <v>9</v>
          </cell>
          <cell r="F3904">
            <v>1.0641</v>
          </cell>
        </row>
        <row r="3905">
          <cell r="C3905">
            <v>2008</v>
          </cell>
          <cell r="D3905">
            <v>9</v>
          </cell>
          <cell r="F3905">
            <v>1.0696000000000001</v>
          </cell>
        </row>
        <row r="3906">
          <cell r="C3906">
            <v>2008</v>
          </cell>
          <cell r="D3906">
            <v>9</v>
          </cell>
          <cell r="F3906">
            <v>1.0679000000000001</v>
          </cell>
        </row>
        <row r="3907">
          <cell r="C3907">
            <v>2008</v>
          </cell>
          <cell r="D3907">
            <v>9</v>
          </cell>
          <cell r="F3907">
            <v>1.0738000000000001</v>
          </cell>
        </row>
        <row r="3908">
          <cell r="C3908">
            <v>2008</v>
          </cell>
          <cell r="D3908">
            <v>9</v>
          </cell>
          <cell r="F3908">
            <v>1.0795999999999999</v>
          </cell>
        </row>
        <row r="3909">
          <cell r="C3909">
            <v>2008</v>
          </cell>
          <cell r="D3909">
            <v>9</v>
          </cell>
          <cell r="F3909">
            <v>1.0609</v>
          </cell>
        </row>
        <row r="3910">
          <cell r="C3910">
            <v>2008</v>
          </cell>
          <cell r="D3910">
            <v>9</v>
          </cell>
          <cell r="F3910">
            <v>1.0609</v>
          </cell>
        </row>
        <row r="3911">
          <cell r="C3911">
            <v>2008</v>
          </cell>
          <cell r="D3911">
            <v>9</v>
          </cell>
          <cell r="F3911">
            <v>1.0609</v>
          </cell>
        </row>
        <row r="3912">
          <cell r="C3912">
            <v>2008</v>
          </cell>
          <cell r="D3912">
            <v>9</v>
          </cell>
          <cell r="F3912">
            <v>1.0677000000000001</v>
          </cell>
        </row>
        <row r="3913">
          <cell r="C3913">
            <v>2008</v>
          </cell>
          <cell r="D3913">
            <v>9</v>
          </cell>
          <cell r="F3913">
            <v>1.0733999999999999</v>
          </cell>
        </row>
        <row r="3914">
          <cell r="C3914">
            <v>2008</v>
          </cell>
          <cell r="D3914">
            <v>9</v>
          </cell>
          <cell r="F3914">
            <v>1.0783</v>
          </cell>
        </row>
        <row r="3915">
          <cell r="C3915">
            <v>2008</v>
          </cell>
          <cell r="D3915">
            <v>9</v>
          </cell>
          <cell r="F3915">
            <v>1.0701000000000001</v>
          </cell>
        </row>
        <row r="3916">
          <cell r="C3916">
            <v>2008</v>
          </cell>
          <cell r="D3916">
            <v>9</v>
          </cell>
          <cell r="F3916">
            <v>1.0469999999999999</v>
          </cell>
        </row>
        <row r="3917">
          <cell r="C3917">
            <v>2008</v>
          </cell>
          <cell r="D3917">
            <v>9</v>
          </cell>
          <cell r="F3917">
            <v>1.0469999999999999</v>
          </cell>
        </row>
        <row r="3918">
          <cell r="C3918">
            <v>2008</v>
          </cell>
          <cell r="D3918">
            <v>9</v>
          </cell>
          <cell r="F3918">
            <v>1.0469999999999999</v>
          </cell>
        </row>
        <row r="3919">
          <cell r="C3919">
            <v>2008</v>
          </cell>
          <cell r="D3919">
            <v>9</v>
          </cell>
          <cell r="F3919">
            <v>1.0382</v>
          </cell>
        </row>
        <row r="3920">
          <cell r="C3920">
            <v>2008</v>
          </cell>
          <cell r="D3920">
            <v>9</v>
          </cell>
          <cell r="F3920">
            <v>1.0355000000000001</v>
          </cell>
        </row>
        <row r="3921">
          <cell r="C3921">
            <v>2008</v>
          </cell>
          <cell r="D3921">
            <v>9</v>
          </cell>
          <cell r="F3921">
            <v>1.0350999999999999</v>
          </cell>
        </row>
        <row r="3922">
          <cell r="C3922">
            <v>2008</v>
          </cell>
          <cell r="D3922">
            <v>9</v>
          </cell>
          <cell r="F3922">
            <v>1.0338000000000001</v>
          </cell>
        </row>
        <row r="3923">
          <cell r="C3923">
            <v>2008</v>
          </cell>
          <cell r="D3923">
            <v>9</v>
          </cell>
          <cell r="F3923">
            <v>1.0348999999999999</v>
          </cell>
        </row>
        <row r="3924">
          <cell r="C3924">
            <v>2008</v>
          </cell>
          <cell r="D3924">
            <v>9</v>
          </cell>
          <cell r="F3924">
            <v>1.0348999999999999</v>
          </cell>
        </row>
        <row r="3925">
          <cell r="C3925">
            <v>2008</v>
          </cell>
          <cell r="D3925">
            <v>9</v>
          </cell>
          <cell r="F3925">
            <v>1.0348999999999999</v>
          </cell>
        </row>
        <row r="3926">
          <cell r="C3926">
            <v>2008</v>
          </cell>
          <cell r="D3926">
            <v>9</v>
          </cell>
          <cell r="F3926">
            <v>1.0394000000000001</v>
          </cell>
        </row>
        <row r="3927">
          <cell r="C3927">
            <v>2008</v>
          </cell>
          <cell r="D3927">
            <v>10</v>
          </cell>
          <cell r="F3927">
            <v>1.0599000000000001</v>
          </cell>
        </row>
        <row r="3928">
          <cell r="C3928">
            <v>2008</v>
          </cell>
          <cell r="D3928">
            <v>10</v>
          </cell>
          <cell r="F3928">
            <v>1.0609</v>
          </cell>
        </row>
        <row r="3929">
          <cell r="C3929">
            <v>2008</v>
          </cell>
          <cell r="D3929">
            <v>10</v>
          </cell>
          <cell r="F3929">
            <v>1.0769</v>
          </cell>
        </row>
        <row r="3930">
          <cell r="C3930">
            <v>2008</v>
          </cell>
          <cell r="D3930">
            <v>10</v>
          </cell>
          <cell r="F3930">
            <v>1.0811999999999999</v>
          </cell>
        </row>
        <row r="3931">
          <cell r="C3931">
            <v>2008</v>
          </cell>
          <cell r="D3931">
            <v>10</v>
          </cell>
          <cell r="F3931">
            <v>1.0811999999999999</v>
          </cell>
        </row>
        <row r="3932">
          <cell r="C3932">
            <v>2008</v>
          </cell>
          <cell r="D3932">
            <v>10</v>
          </cell>
          <cell r="F3932">
            <v>1.0811999999999999</v>
          </cell>
        </row>
        <row r="3933">
          <cell r="C3933">
            <v>2008</v>
          </cell>
          <cell r="D3933">
            <v>10</v>
          </cell>
          <cell r="F3933">
            <v>1.1027</v>
          </cell>
        </row>
        <row r="3934">
          <cell r="C3934">
            <v>2008</v>
          </cell>
          <cell r="D3934">
            <v>10</v>
          </cell>
          <cell r="F3934">
            <v>1.1057999999999999</v>
          </cell>
        </row>
        <row r="3935">
          <cell r="C3935">
            <v>2008</v>
          </cell>
          <cell r="D3935">
            <v>10</v>
          </cell>
          <cell r="F3935">
            <v>1.1249</v>
          </cell>
        </row>
        <row r="3936">
          <cell r="C3936">
            <v>2008</v>
          </cell>
          <cell r="D3936">
            <v>10</v>
          </cell>
          <cell r="F3936">
            <v>1.1486000000000001</v>
          </cell>
        </row>
        <row r="3937">
          <cell r="C3937">
            <v>2008</v>
          </cell>
          <cell r="D3937">
            <v>10</v>
          </cell>
          <cell r="F3937">
            <v>1.1907000000000001</v>
          </cell>
        </row>
        <row r="3938">
          <cell r="C3938">
            <v>2008</v>
          </cell>
          <cell r="D3938">
            <v>10</v>
          </cell>
          <cell r="F3938">
            <v>1.1907000000000001</v>
          </cell>
        </row>
        <row r="3939">
          <cell r="C3939">
            <v>2008</v>
          </cell>
          <cell r="D3939">
            <v>10</v>
          </cell>
          <cell r="F3939">
            <v>1.1907000000000001</v>
          </cell>
        </row>
        <row r="3940">
          <cell r="C3940">
            <v>2008</v>
          </cell>
          <cell r="D3940">
            <v>10</v>
          </cell>
          <cell r="F3940">
            <v>1.1907000000000001</v>
          </cell>
        </row>
        <row r="3941">
          <cell r="C3941">
            <v>2008</v>
          </cell>
          <cell r="D3941">
            <v>10</v>
          </cell>
          <cell r="F3941">
            <v>1.1601999999999999</v>
          </cell>
        </row>
        <row r="3942">
          <cell r="C3942">
            <v>2008</v>
          </cell>
          <cell r="D3942">
            <v>10</v>
          </cell>
          <cell r="F3942">
            <v>1.1801999999999999</v>
          </cell>
        </row>
        <row r="3943">
          <cell r="C3943">
            <v>2008</v>
          </cell>
          <cell r="D3943">
            <v>10</v>
          </cell>
          <cell r="F3943">
            <v>1.1952</v>
          </cell>
        </row>
        <row r="3944">
          <cell r="C3944">
            <v>2008</v>
          </cell>
          <cell r="D3944">
            <v>10</v>
          </cell>
          <cell r="F3944">
            <v>1.1822999999999999</v>
          </cell>
        </row>
        <row r="3945">
          <cell r="C3945">
            <v>2008</v>
          </cell>
          <cell r="D3945">
            <v>10</v>
          </cell>
          <cell r="F3945">
            <v>1.1822999999999999</v>
          </cell>
        </row>
        <row r="3946">
          <cell r="C3946">
            <v>2008</v>
          </cell>
          <cell r="D3946">
            <v>10</v>
          </cell>
          <cell r="F3946">
            <v>1.1822999999999999</v>
          </cell>
        </row>
        <row r="3947">
          <cell r="C3947">
            <v>2008</v>
          </cell>
          <cell r="D3947">
            <v>10</v>
          </cell>
          <cell r="F3947">
            <v>1.1976</v>
          </cell>
        </row>
        <row r="3948">
          <cell r="C3948">
            <v>2008</v>
          </cell>
          <cell r="D3948">
            <v>10</v>
          </cell>
          <cell r="F3948">
            <v>1.2202</v>
          </cell>
        </row>
        <row r="3949">
          <cell r="C3949">
            <v>2008</v>
          </cell>
          <cell r="D3949">
            <v>10</v>
          </cell>
          <cell r="F3949">
            <v>1.2499</v>
          </cell>
        </row>
        <row r="3950">
          <cell r="C3950">
            <v>2008</v>
          </cell>
          <cell r="D3950">
            <v>10</v>
          </cell>
          <cell r="F3950">
            <v>1.2573000000000001</v>
          </cell>
        </row>
        <row r="3951">
          <cell r="C3951">
            <v>2008</v>
          </cell>
          <cell r="D3951">
            <v>10</v>
          </cell>
          <cell r="F3951">
            <v>1.2732000000000001</v>
          </cell>
        </row>
        <row r="3952">
          <cell r="C3952">
            <v>2008</v>
          </cell>
          <cell r="D3952">
            <v>10</v>
          </cell>
          <cell r="F3952">
            <v>1.2732000000000001</v>
          </cell>
        </row>
        <row r="3953">
          <cell r="C3953">
            <v>2008</v>
          </cell>
          <cell r="D3953">
            <v>10</v>
          </cell>
          <cell r="F3953">
            <v>1.2732000000000001</v>
          </cell>
        </row>
        <row r="3954">
          <cell r="C3954">
            <v>2008</v>
          </cell>
          <cell r="D3954">
            <v>10</v>
          </cell>
          <cell r="F3954">
            <v>1.2929999999999999</v>
          </cell>
        </row>
        <row r="3955">
          <cell r="C3955">
            <v>2008</v>
          </cell>
          <cell r="D3955">
            <v>10</v>
          </cell>
          <cell r="F3955">
            <v>1.2943</v>
          </cell>
        </row>
        <row r="3956">
          <cell r="C3956">
            <v>2008</v>
          </cell>
          <cell r="D3956">
            <v>10</v>
          </cell>
          <cell r="F3956">
            <v>1.2307999999999999</v>
          </cell>
        </row>
        <row r="3957">
          <cell r="C3957">
            <v>2008</v>
          </cell>
          <cell r="D3957">
            <v>10</v>
          </cell>
          <cell r="F3957">
            <v>1.2221</v>
          </cell>
        </row>
        <row r="3958">
          <cell r="C3958">
            <v>2008</v>
          </cell>
          <cell r="D3958">
            <v>11</v>
          </cell>
          <cell r="F3958">
            <v>1.2164999999999999</v>
          </cell>
        </row>
        <row r="3959">
          <cell r="C3959">
            <v>2008</v>
          </cell>
          <cell r="D3959">
            <v>11</v>
          </cell>
          <cell r="F3959">
            <v>1.2164999999999999</v>
          </cell>
        </row>
        <row r="3960">
          <cell r="C3960">
            <v>2008</v>
          </cell>
          <cell r="D3960">
            <v>11</v>
          </cell>
          <cell r="F3960">
            <v>1.2164999999999999</v>
          </cell>
        </row>
        <row r="3961">
          <cell r="C3961">
            <v>2008</v>
          </cell>
          <cell r="D3961">
            <v>11</v>
          </cell>
          <cell r="F3961">
            <v>1.1875</v>
          </cell>
        </row>
        <row r="3962">
          <cell r="C3962">
            <v>2008</v>
          </cell>
          <cell r="D3962">
            <v>11</v>
          </cell>
          <cell r="F3962">
            <v>1.1498999999999999</v>
          </cell>
        </row>
        <row r="3963">
          <cell r="C3963">
            <v>2008</v>
          </cell>
          <cell r="D3963">
            <v>11</v>
          </cell>
          <cell r="F3963">
            <v>1.1596</v>
          </cell>
        </row>
        <row r="3964">
          <cell r="C3964">
            <v>2008</v>
          </cell>
          <cell r="D3964">
            <v>11</v>
          </cell>
          <cell r="F3964">
            <v>1.1818</v>
          </cell>
        </row>
        <row r="3965">
          <cell r="C3965">
            <v>2008</v>
          </cell>
          <cell r="D3965">
            <v>11</v>
          </cell>
          <cell r="F3965">
            <v>1.1835</v>
          </cell>
        </row>
        <row r="3966">
          <cell r="C3966">
            <v>2008</v>
          </cell>
          <cell r="D3966">
            <v>11</v>
          </cell>
          <cell r="F3966">
            <v>1.1835</v>
          </cell>
        </row>
        <row r="3967">
          <cell r="C3967">
            <v>2008</v>
          </cell>
          <cell r="D3967">
            <v>11</v>
          </cell>
          <cell r="F3967">
            <v>1.1835</v>
          </cell>
        </row>
        <row r="3968">
          <cell r="C3968">
            <v>2008</v>
          </cell>
          <cell r="D3968">
            <v>11</v>
          </cell>
          <cell r="F3968">
            <v>1.1941999999999999</v>
          </cell>
        </row>
        <row r="3969">
          <cell r="C3969">
            <v>2008</v>
          </cell>
          <cell r="D3969">
            <v>11</v>
          </cell>
          <cell r="F3969">
            <v>1.1941999999999999</v>
          </cell>
        </row>
        <row r="3970">
          <cell r="C3970">
            <v>2008</v>
          </cell>
          <cell r="D3970">
            <v>11</v>
          </cell>
          <cell r="F3970">
            <v>1.2295</v>
          </cell>
        </row>
        <row r="3971">
          <cell r="C3971">
            <v>2008</v>
          </cell>
          <cell r="D3971">
            <v>11</v>
          </cell>
          <cell r="F3971">
            <v>1.2315</v>
          </cell>
        </row>
        <row r="3972">
          <cell r="C3972">
            <v>2008</v>
          </cell>
          <cell r="D3972">
            <v>11</v>
          </cell>
          <cell r="F3972">
            <v>1.2246999999999999</v>
          </cell>
        </row>
        <row r="3973">
          <cell r="C3973">
            <v>2008</v>
          </cell>
          <cell r="D3973">
            <v>11</v>
          </cell>
          <cell r="F3973">
            <v>1.2246999999999999</v>
          </cell>
        </row>
        <row r="3974">
          <cell r="C3974">
            <v>2008</v>
          </cell>
          <cell r="D3974">
            <v>11</v>
          </cell>
          <cell r="F3974">
            <v>1.2246999999999999</v>
          </cell>
        </row>
        <row r="3975">
          <cell r="C3975">
            <v>2008</v>
          </cell>
          <cell r="D3975">
            <v>11</v>
          </cell>
          <cell r="F3975">
            <v>1.2211000000000001</v>
          </cell>
        </row>
        <row r="3976">
          <cell r="C3976">
            <v>2008</v>
          </cell>
          <cell r="D3976">
            <v>11</v>
          </cell>
          <cell r="F3976">
            <v>1.2239</v>
          </cell>
        </row>
        <row r="3977">
          <cell r="C3977">
            <v>2008</v>
          </cell>
          <cell r="D3977">
            <v>11</v>
          </cell>
          <cell r="F3977">
            <v>1.2370000000000001</v>
          </cell>
        </row>
        <row r="3978">
          <cell r="C3978">
            <v>2008</v>
          </cell>
          <cell r="D3978">
            <v>11</v>
          </cell>
          <cell r="F3978">
            <v>1.2855000000000001</v>
          </cell>
        </row>
        <row r="3979">
          <cell r="C3979">
            <v>2008</v>
          </cell>
          <cell r="D3979">
            <v>11</v>
          </cell>
          <cell r="F3979">
            <v>1.2854000000000001</v>
          </cell>
        </row>
        <row r="3980">
          <cell r="C3980">
            <v>2008</v>
          </cell>
          <cell r="D3980">
            <v>11</v>
          </cell>
          <cell r="F3980">
            <v>1.2854000000000001</v>
          </cell>
        </row>
        <row r="3981">
          <cell r="C3981">
            <v>2008</v>
          </cell>
          <cell r="D3981">
            <v>11</v>
          </cell>
          <cell r="F3981">
            <v>1.2854000000000001</v>
          </cell>
        </row>
        <row r="3982">
          <cell r="C3982">
            <v>2008</v>
          </cell>
          <cell r="D3982">
            <v>11</v>
          </cell>
          <cell r="F3982">
            <v>1.2250000000000001</v>
          </cell>
        </row>
        <row r="3983">
          <cell r="C3983">
            <v>2008</v>
          </cell>
          <cell r="D3983">
            <v>11</v>
          </cell>
          <cell r="F3983">
            <v>1.2209000000000001</v>
          </cell>
        </row>
        <row r="3984">
          <cell r="C3984">
            <v>2008</v>
          </cell>
          <cell r="D3984">
            <v>11</v>
          </cell>
          <cell r="F3984">
            <v>1.2342</v>
          </cell>
        </row>
        <row r="3985">
          <cell r="C3985">
            <v>2008</v>
          </cell>
          <cell r="D3985">
            <v>11</v>
          </cell>
          <cell r="F3985">
            <v>1.2342</v>
          </cell>
        </row>
        <row r="3986">
          <cell r="C3986">
            <v>2008</v>
          </cell>
          <cell r="D3986">
            <v>11</v>
          </cell>
          <cell r="F3986">
            <v>1.2342</v>
          </cell>
        </row>
        <row r="3987">
          <cell r="C3987">
            <v>2008</v>
          </cell>
          <cell r="D3987">
            <v>11</v>
          </cell>
          <cell r="F3987">
            <v>1.2342</v>
          </cell>
        </row>
        <row r="3988">
          <cell r="C3988">
            <v>2008</v>
          </cell>
          <cell r="D3988">
            <v>12</v>
          </cell>
          <cell r="F3988">
            <v>1.2342</v>
          </cell>
        </row>
        <row r="3989">
          <cell r="C3989">
            <v>2008</v>
          </cell>
          <cell r="D3989">
            <v>12</v>
          </cell>
          <cell r="F3989">
            <v>1.2377</v>
          </cell>
        </row>
        <row r="3990">
          <cell r="C3990">
            <v>2008</v>
          </cell>
          <cell r="D3990">
            <v>12</v>
          </cell>
          <cell r="F3990">
            <v>1.2421</v>
          </cell>
        </row>
        <row r="3991">
          <cell r="C3991">
            <v>2008</v>
          </cell>
          <cell r="D3991">
            <v>12</v>
          </cell>
          <cell r="F3991">
            <v>1.2573000000000001</v>
          </cell>
        </row>
        <row r="3992">
          <cell r="C3992">
            <v>2008</v>
          </cell>
          <cell r="D3992">
            <v>12</v>
          </cell>
          <cell r="F3992">
            <v>1.254</v>
          </cell>
        </row>
        <row r="3993">
          <cell r="C3993">
            <v>2008</v>
          </cell>
          <cell r="D3993">
            <v>12</v>
          </cell>
          <cell r="F3993">
            <v>1.2968999999999999</v>
          </cell>
        </row>
        <row r="3994">
          <cell r="C3994">
            <v>2008</v>
          </cell>
          <cell r="D3994">
            <v>12</v>
          </cell>
          <cell r="F3994">
            <v>1.2968999999999999</v>
          </cell>
        </row>
        <row r="3995">
          <cell r="C3995">
            <v>2008</v>
          </cell>
          <cell r="D3995">
            <v>12</v>
          </cell>
          <cell r="F3995">
            <v>1.2968999999999999</v>
          </cell>
        </row>
        <row r="3996">
          <cell r="C3996">
            <v>2008</v>
          </cell>
          <cell r="D3996">
            <v>12</v>
          </cell>
          <cell r="F3996">
            <v>1.2572000000000001</v>
          </cell>
        </row>
        <row r="3997">
          <cell r="C3997">
            <v>2008</v>
          </cell>
          <cell r="D3997">
            <v>12</v>
          </cell>
          <cell r="F3997">
            <v>1.2603</v>
          </cell>
        </row>
        <row r="3998">
          <cell r="C3998">
            <v>2008</v>
          </cell>
          <cell r="D3998">
            <v>12</v>
          </cell>
          <cell r="F3998">
            <v>1.2557</v>
          </cell>
        </row>
        <row r="3999">
          <cell r="C3999">
            <v>2008</v>
          </cell>
          <cell r="D3999">
            <v>12</v>
          </cell>
          <cell r="F3999">
            <v>1.2182999999999999</v>
          </cell>
        </row>
        <row r="4000">
          <cell r="C4000">
            <v>2008</v>
          </cell>
          <cell r="D4000">
            <v>12</v>
          </cell>
          <cell r="F4000">
            <v>1.2452000000000001</v>
          </cell>
        </row>
        <row r="4001">
          <cell r="C4001">
            <v>2008</v>
          </cell>
          <cell r="D4001">
            <v>12</v>
          </cell>
          <cell r="F4001">
            <v>1.2452000000000001</v>
          </cell>
        </row>
        <row r="4002">
          <cell r="C4002">
            <v>2008</v>
          </cell>
          <cell r="D4002">
            <v>12</v>
          </cell>
          <cell r="F4002">
            <v>1.2452000000000001</v>
          </cell>
        </row>
        <row r="4003">
          <cell r="C4003">
            <v>2008</v>
          </cell>
          <cell r="D4003">
            <v>12</v>
          </cell>
          <cell r="F4003">
            <v>1.2352000000000001</v>
          </cell>
        </row>
        <row r="4004">
          <cell r="C4004">
            <v>2008</v>
          </cell>
          <cell r="D4004">
            <v>12</v>
          </cell>
          <cell r="F4004">
            <v>1.2239</v>
          </cell>
        </row>
        <row r="4005">
          <cell r="C4005">
            <v>2008</v>
          </cell>
          <cell r="D4005">
            <v>12</v>
          </cell>
          <cell r="F4005">
            <v>1.2058</v>
          </cell>
        </row>
        <row r="4006">
          <cell r="C4006">
            <v>2008</v>
          </cell>
          <cell r="D4006">
            <v>12</v>
          </cell>
          <cell r="F4006">
            <v>1.1964999999999999</v>
          </cell>
        </row>
        <row r="4007">
          <cell r="C4007">
            <v>2008</v>
          </cell>
          <cell r="D4007">
            <v>12</v>
          </cell>
          <cell r="F4007">
            <v>1.2275</v>
          </cell>
        </row>
        <row r="4008">
          <cell r="C4008">
            <v>2008</v>
          </cell>
          <cell r="D4008">
            <v>12</v>
          </cell>
          <cell r="F4008">
            <v>1.2275</v>
          </cell>
        </row>
        <row r="4009">
          <cell r="C4009">
            <v>2008</v>
          </cell>
          <cell r="D4009">
            <v>12</v>
          </cell>
          <cell r="F4009">
            <v>1.2275</v>
          </cell>
        </row>
        <row r="4010">
          <cell r="C4010">
            <v>2008</v>
          </cell>
          <cell r="D4010">
            <v>12</v>
          </cell>
          <cell r="F4010">
            <v>1.2188000000000001</v>
          </cell>
        </row>
        <row r="4011">
          <cell r="C4011">
            <v>2008</v>
          </cell>
          <cell r="D4011">
            <v>12</v>
          </cell>
          <cell r="F4011">
            <v>1.2165999999999999</v>
          </cell>
        </row>
        <row r="4012">
          <cell r="C4012">
            <v>2008</v>
          </cell>
          <cell r="D4012">
            <v>12</v>
          </cell>
          <cell r="F4012">
            <v>1.2124999999999999</v>
          </cell>
        </row>
        <row r="4013">
          <cell r="C4013">
            <v>2008</v>
          </cell>
          <cell r="D4013">
            <v>12</v>
          </cell>
          <cell r="F4013">
            <v>1.2124999999999999</v>
          </cell>
        </row>
        <row r="4014">
          <cell r="C4014">
            <v>2008</v>
          </cell>
          <cell r="D4014">
            <v>12</v>
          </cell>
          <cell r="F4014">
            <v>1.2124999999999999</v>
          </cell>
        </row>
        <row r="4015">
          <cell r="C4015">
            <v>2008</v>
          </cell>
          <cell r="D4015">
            <v>12</v>
          </cell>
          <cell r="F4015">
            <v>1.2124999999999999</v>
          </cell>
        </row>
        <row r="4016">
          <cell r="C4016">
            <v>2008</v>
          </cell>
          <cell r="D4016">
            <v>12</v>
          </cell>
          <cell r="F4016">
            <v>1.2124999999999999</v>
          </cell>
        </row>
        <row r="4017">
          <cell r="C4017">
            <v>2008</v>
          </cell>
          <cell r="D4017">
            <v>12</v>
          </cell>
          <cell r="F4017">
            <v>1.2166999999999999</v>
          </cell>
        </row>
        <row r="4018">
          <cell r="C4018">
            <v>2008</v>
          </cell>
          <cell r="D4018">
            <v>12</v>
          </cell>
          <cell r="F4018">
            <v>1.2217</v>
          </cell>
        </row>
        <row r="4019">
          <cell r="C4019">
            <v>2009</v>
          </cell>
          <cell r="D4019">
            <v>1</v>
          </cell>
          <cell r="F4019">
            <v>1.2245999999999999</v>
          </cell>
        </row>
        <row r="4020">
          <cell r="C4020">
            <v>2009</v>
          </cell>
          <cell r="D4020">
            <v>1</v>
          </cell>
          <cell r="F4020">
            <v>1.2245999999999999</v>
          </cell>
        </row>
        <row r="4021">
          <cell r="C4021">
            <v>2009</v>
          </cell>
          <cell r="D4021">
            <v>1</v>
          </cell>
          <cell r="F4021">
            <v>1.2107000000000001</v>
          </cell>
        </row>
        <row r="4022">
          <cell r="C4022">
            <v>2009</v>
          </cell>
          <cell r="D4022">
            <v>1</v>
          </cell>
          <cell r="F4022">
            <v>1.2107000000000001</v>
          </cell>
        </row>
        <row r="4023">
          <cell r="C4023">
            <v>2009</v>
          </cell>
          <cell r="D4023">
            <v>1</v>
          </cell>
          <cell r="F4023">
            <v>1.2107000000000001</v>
          </cell>
        </row>
        <row r="4024">
          <cell r="C4024">
            <v>2009</v>
          </cell>
          <cell r="D4024">
            <v>1</v>
          </cell>
          <cell r="F4024">
            <v>1.1914</v>
          </cell>
        </row>
        <row r="4025">
          <cell r="C4025">
            <v>2009</v>
          </cell>
          <cell r="D4025">
            <v>1</v>
          </cell>
          <cell r="F4025">
            <v>1.1822999999999999</v>
          </cell>
        </row>
        <row r="4026">
          <cell r="C4026">
            <v>2009</v>
          </cell>
          <cell r="D4026">
            <v>1</v>
          </cell>
          <cell r="F4026">
            <v>1.1853</v>
          </cell>
        </row>
        <row r="4027">
          <cell r="C4027">
            <v>2009</v>
          </cell>
          <cell r="D4027">
            <v>1</v>
          </cell>
          <cell r="F4027">
            <v>1.1888000000000001</v>
          </cell>
        </row>
        <row r="4028">
          <cell r="C4028">
            <v>2009</v>
          </cell>
          <cell r="D4028">
            <v>1</v>
          </cell>
          <cell r="F4028">
            <v>1.1922999999999999</v>
          </cell>
        </row>
        <row r="4029">
          <cell r="C4029">
            <v>2009</v>
          </cell>
          <cell r="D4029">
            <v>1</v>
          </cell>
          <cell r="F4029">
            <v>1.1922999999999999</v>
          </cell>
        </row>
        <row r="4030">
          <cell r="C4030">
            <v>2009</v>
          </cell>
          <cell r="D4030">
            <v>1</v>
          </cell>
          <cell r="F4030">
            <v>1.1922999999999999</v>
          </cell>
        </row>
        <row r="4031">
          <cell r="C4031">
            <v>2009</v>
          </cell>
          <cell r="D4031">
            <v>1</v>
          </cell>
          <cell r="F4031">
            <v>1.2077</v>
          </cell>
        </row>
        <row r="4032">
          <cell r="C4032">
            <v>2009</v>
          </cell>
          <cell r="D4032">
            <v>1</v>
          </cell>
          <cell r="F4032">
            <v>1.2257</v>
          </cell>
        </row>
        <row r="4033">
          <cell r="C4033">
            <v>2009</v>
          </cell>
          <cell r="D4033">
            <v>1</v>
          </cell>
          <cell r="F4033">
            <v>1.2383</v>
          </cell>
        </row>
        <row r="4034">
          <cell r="C4034">
            <v>2009</v>
          </cell>
          <cell r="D4034">
            <v>1</v>
          </cell>
          <cell r="F4034">
            <v>1.2625</v>
          </cell>
        </row>
        <row r="4035">
          <cell r="C4035">
            <v>2009</v>
          </cell>
          <cell r="D4035">
            <v>1</v>
          </cell>
          <cell r="F4035">
            <v>1.2542</v>
          </cell>
        </row>
        <row r="4036">
          <cell r="C4036">
            <v>2009</v>
          </cell>
          <cell r="D4036">
            <v>1</v>
          </cell>
          <cell r="F4036">
            <v>1.2542</v>
          </cell>
        </row>
        <row r="4037">
          <cell r="C4037">
            <v>2009</v>
          </cell>
          <cell r="D4037">
            <v>1</v>
          </cell>
          <cell r="F4037">
            <v>1.2542</v>
          </cell>
        </row>
        <row r="4038">
          <cell r="C4038">
            <v>2009</v>
          </cell>
          <cell r="D4038">
            <v>1</v>
          </cell>
          <cell r="F4038">
            <v>1.2542</v>
          </cell>
        </row>
        <row r="4039">
          <cell r="C4039">
            <v>2009</v>
          </cell>
          <cell r="D4039">
            <v>1</v>
          </cell>
          <cell r="F4039">
            <v>1.2605</v>
          </cell>
        </row>
        <row r="4040">
          <cell r="C4040">
            <v>2009</v>
          </cell>
          <cell r="D4040">
            <v>1</v>
          </cell>
          <cell r="F4040">
            <v>1.2741</v>
          </cell>
        </row>
        <row r="4041">
          <cell r="C4041">
            <v>2009</v>
          </cell>
          <cell r="D4041">
            <v>1</v>
          </cell>
          <cell r="F4041">
            <v>1.2629999999999999</v>
          </cell>
        </row>
        <row r="4042">
          <cell r="C4042">
            <v>2009</v>
          </cell>
          <cell r="D4042">
            <v>1</v>
          </cell>
          <cell r="F4042">
            <v>1.248</v>
          </cell>
        </row>
        <row r="4043">
          <cell r="C4043">
            <v>2009</v>
          </cell>
          <cell r="D4043">
            <v>1</v>
          </cell>
          <cell r="F4043">
            <v>1.248</v>
          </cell>
        </row>
        <row r="4044">
          <cell r="C4044">
            <v>2009</v>
          </cell>
          <cell r="D4044">
            <v>1</v>
          </cell>
          <cell r="F4044">
            <v>1.248</v>
          </cell>
        </row>
        <row r="4045">
          <cell r="C4045">
            <v>2009</v>
          </cell>
          <cell r="D4045">
            <v>1</v>
          </cell>
          <cell r="F4045">
            <v>1.2204999999999999</v>
          </cell>
        </row>
        <row r="4046">
          <cell r="C4046">
            <v>2009</v>
          </cell>
          <cell r="D4046">
            <v>1</v>
          </cell>
          <cell r="F4046">
            <v>1.2299</v>
          </cell>
        </row>
        <row r="4047">
          <cell r="C4047">
            <v>2009</v>
          </cell>
          <cell r="D4047">
            <v>1</v>
          </cell>
          <cell r="F4047">
            <v>1.2098</v>
          </cell>
        </row>
        <row r="4048">
          <cell r="C4048">
            <v>2009</v>
          </cell>
          <cell r="D4048">
            <v>1</v>
          </cell>
          <cell r="F4048">
            <v>1.2188000000000001</v>
          </cell>
        </row>
        <row r="4049">
          <cell r="C4049">
            <v>2009</v>
          </cell>
          <cell r="D4049">
            <v>1</v>
          </cell>
          <cell r="F4049">
            <v>1.2363999999999999</v>
          </cell>
        </row>
        <row r="4050">
          <cell r="C4050">
            <v>2009</v>
          </cell>
          <cell r="D4050">
            <v>2</v>
          </cell>
          <cell r="F4050">
            <v>1.2363999999999999</v>
          </cell>
        </row>
        <row r="4051">
          <cell r="C4051">
            <v>2009</v>
          </cell>
          <cell r="D4051">
            <v>2</v>
          </cell>
          <cell r="F4051">
            <v>1.2363999999999999</v>
          </cell>
        </row>
        <row r="4052">
          <cell r="C4052">
            <v>2009</v>
          </cell>
          <cell r="D4052">
            <v>2</v>
          </cell>
          <cell r="F4052">
            <v>1.2403999999999999</v>
          </cell>
        </row>
        <row r="4053">
          <cell r="C4053">
            <v>2009</v>
          </cell>
          <cell r="D4053">
            <v>2</v>
          </cell>
          <cell r="F4053">
            <v>1.2337</v>
          </cell>
        </row>
        <row r="4054">
          <cell r="C4054">
            <v>2009</v>
          </cell>
          <cell r="D4054">
            <v>2</v>
          </cell>
          <cell r="F4054">
            <v>1.2265999999999999</v>
          </cell>
        </row>
        <row r="4055">
          <cell r="C4055">
            <v>2009</v>
          </cell>
          <cell r="D4055">
            <v>2</v>
          </cell>
          <cell r="F4055">
            <v>1.2302999999999999</v>
          </cell>
        </row>
        <row r="4056">
          <cell r="C4056">
            <v>2009</v>
          </cell>
          <cell r="D4056">
            <v>2</v>
          </cell>
          <cell r="F4056">
            <v>1.2388999999999999</v>
          </cell>
        </row>
        <row r="4057">
          <cell r="C4057">
            <v>2009</v>
          </cell>
          <cell r="D4057">
            <v>2</v>
          </cell>
          <cell r="F4057">
            <v>1.2388999999999999</v>
          </cell>
        </row>
        <row r="4058">
          <cell r="C4058">
            <v>2009</v>
          </cell>
          <cell r="D4058">
            <v>2</v>
          </cell>
          <cell r="F4058">
            <v>1.2388999999999999</v>
          </cell>
        </row>
        <row r="4059">
          <cell r="C4059">
            <v>2009</v>
          </cell>
          <cell r="D4059">
            <v>2</v>
          </cell>
          <cell r="F4059">
            <v>1.2192000000000001</v>
          </cell>
        </row>
        <row r="4060">
          <cell r="C4060">
            <v>2009</v>
          </cell>
          <cell r="D4060">
            <v>2</v>
          </cell>
          <cell r="F4060">
            <v>1.2332000000000001</v>
          </cell>
        </row>
        <row r="4061">
          <cell r="C4061">
            <v>2009</v>
          </cell>
          <cell r="D4061">
            <v>2</v>
          </cell>
          <cell r="F4061">
            <v>1.2423999999999999</v>
          </cell>
        </row>
        <row r="4062">
          <cell r="C4062">
            <v>2009</v>
          </cell>
          <cell r="D4062">
            <v>2</v>
          </cell>
          <cell r="F4062">
            <v>1.2477</v>
          </cell>
        </row>
        <row r="4063">
          <cell r="C4063">
            <v>2009</v>
          </cell>
          <cell r="D4063">
            <v>2</v>
          </cell>
          <cell r="F4063">
            <v>1.2437</v>
          </cell>
        </row>
        <row r="4064">
          <cell r="C4064">
            <v>2009</v>
          </cell>
          <cell r="D4064">
            <v>2</v>
          </cell>
          <cell r="F4064">
            <v>1.2437</v>
          </cell>
        </row>
        <row r="4065">
          <cell r="C4065">
            <v>2009</v>
          </cell>
          <cell r="D4065">
            <v>2</v>
          </cell>
          <cell r="F4065">
            <v>1.2437</v>
          </cell>
        </row>
        <row r="4066">
          <cell r="C4066">
            <v>2009</v>
          </cell>
          <cell r="D4066">
            <v>2</v>
          </cell>
          <cell r="F4066">
            <v>1.2437</v>
          </cell>
        </row>
        <row r="4067">
          <cell r="C4067">
            <v>2009</v>
          </cell>
          <cell r="D4067">
            <v>2</v>
          </cell>
          <cell r="F4067">
            <v>1.2601</v>
          </cell>
        </row>
        <row r="4068">
          <cell r="C4068">
            <v>2009</v>
          </cell>
          <cell r="D4068">
            <v>2</v>
          </cell>
          <cell r="F4068">
            <v>1.2596000000000001</v>
          </cell>
        </row>
        <row r="4069">
          <cell r="C4069">
            <v>2009</v>
          </cell>
          <cell r="D4069">
            <v>2</v>
          </cell>
          <cell r="F4069">
            <v>1.2595000000000001</v>
          </cell>
        </row>
        <row r="4070">
          <cell r="C4070">
            <v>2009</v>
          </cell>
          <cell r="D4070">
            <v>2</v>
          </cell>
          <cell r="F4070">
            <v>1.2541</v>
          </cell>
        </row>
        <row r="4071">
          <cell r="C4071">
            <v>2009</v>
          </cell>
          <cell r="D4071">
            <v>2</v>
          </cell>
          <cell r="F4071">
            <v>1.2541</v>
          </cell>
        </row>
        <row r="4072">
          <cell r="C4072">
            <v>2009</v>
          </cell>
          <cell r="D4072">
            <v>2</v>
          </cell>
          <cell r="F4072">
            <v>1.2541</v>
          </cell>
        </row>
        <row r="4073">
          <cell r="C4073">
            <v>2009</v>
          </cell>
          <cell r="D4073">
            <v>2</v>
          </cell>
          <cell r="F4073">
            <v>1.2512000000000001</v>
          </cell>
        </row>
        <row r="4074">
          <cell r="C4074">
            <v>2009</v>
          </cell>
          <cell r="D4074">
            <v>2</v>
          </cell>
          <cell r="F4074">
            <v>1.2470000000000001</v>
          </cell>
        </row>
        <row r="4075">
          <cell r="C4075">
            <v>2009</v>
          </cell>
          <cell r="D4075">
            <v>2</v>
          </cell>
          <cell r="F4075">
            <v>1.2556</v>
          </cell>
        </row>
        <row r="4076">
          <cell r="C4076">
            <v>2009</v>
          </cell>
          <cell r="D4076">
            <v>2</v>
          </cell>
          <cell r="F4076">
            <v>1.2456</v>
          </cell>
        </row>
        <row r="4077">
          <cell r="C4077">
            <v>2009</v>
          </cell>
          <cell r="D4077">
            <v>2</v>
          </cell>
          <cell r="F4077">
            <v>1.2706999999999999</v>
          </cell>
        </row>
        <row r="4078">
          <cell r="C4078">
            <v>2009</v>
          </cell>
          <cell r="D4078">
            <v>3</v>
          </cell>
          <cell r="F4078">
            <v>1.2706999999999999</v>
          </cell>
        </row>
        <row r="4079">
          <cell r="C4079">
            <v>2009</v>
          </cell>
          <cell r="D4079">
            <v>3</v>
          </cell>
          <cell r="F4079">
            <v>1.2706999999999999</v>
          </cell>
        </row>
        <row r="4080">
          <cell r="C4080">
            <v>2009</v>
          </cell>
          <cell r="D4080">
            <v>3</v>
          </cell>
          <cell r="F4080">
            <v>1.2889999999999999</v>
          </cell>
        </row>
        <row r="4081">
          <cell r="C4081">
            <v>2009</v>
          </cell>
          <cell r="D4081">
            <v>3</v>
          </cell>
          <cell r="F4081">
            <v>1.2938000000000001</v>
          </cell>
        </row>
        <row r="4082">
          <cell r="C4082">
            <v>2009</v>
          </cell>
          <cell r="D4082">
            <v>3</v>
          </cell>
          <cell r="F4082">
            <v>1.2765</v>
          </cell>
        </row>
        <row r="4083">
          <cell r="C4083">
            <v>2009</v>
          </cell>
          <cell r="D4083">
            <v>3</v>
          </cell>
          <cell r="F4083">
            <v>1.2877000000000001</v>
          </cell>
        </row>
        <row r="4084">
          <cell r="C4084">
            <v>2009</v>
          </cell>
          <cell r="D4084">
            <v>3</v>
          </cell>
          <cell r="F4084">
            <v>1.2863</v>
          </cell>
        </row>
        <row r="4085">
          <cell r="C4085">
            <v>2009</v>
          </cell>
          <cell r="D4085">
            <v>3</v>
          </cell>
          <cell r="F4085">
            <v>1.2863</v>
          </cell>
        </row>
        <row r="4086">
          <cell r="C4086">
            <v>2009</v>
          </cell>
          <cell r="D4086">
            <v>3</v>
          </cell>
          <cell r="F4086">
            <v>1.2863</v>
          </cell>
        </row>
        <row r="4087">
          <cell r="C4087">
            <v>2009</v>
          </cell>
          <cell r="D4087">
            <v>3</v>
          </cell>
          <cell r="F4087">
            <v>1.3</v>
          </cell>
        </row>
        <row r="4088">
          <cell r="C4088">
            <v>2009</v>
          </cell>
          <cell r="D4088">
            <v>3</v>
          </cell>
          <cell r="F4088">
            <v>1.2797000000000001</v>
          </cell>
        </row>
        <row r="4089">
          <cell r="C4089">
            <v>2009</v>
          </cell>
          <cell r="D4089">
            <v>3</v>
          </cell>
          <cell r="F4089">
            <v>1.2806999999999999</v>
          </cell>
        </row>
        <row r="4090">
          <cell r="C4090">
            <v>2009</v>
          </cell>
          <cell r="D4090">
            <v>3</v>
          </cell>
          <cell r="F4090">
            <v>1.2905</v>
          </cell>
        </row>
        <row r="4091">
          <cell r="C4091">
            <v>2009</v>
          </cell>
          <cell r="D4091">
            <v>3</v>
          </cell>
          <cell r="F4091">
            <v>1.2748999999999999</v>
          </cell>
        </row>
        <row r="4092">
          <cell r="C4092">
            <v>2009</v>
          </cell>
          <cell r="D4092">
            <v>3</v>
          </cell>
          <cell r="F4092">
            <v>1.2748999999999999</v>
          </cell>
        </row>
        <row r="4093">
          <cell r="C4093">
            <v>2009</v>
          </cell>
          <cell r="D4093">
            <v>3</v>
          </cell>
          <cell r="F4093">
            <v>1.2748999999999999</v>
          </cell>
        </row>
        <row r="4094">
          <cell r="C4094">
            <v>2009</v>
          </cell>
          <cell r="D4094">
            <v>3</v>
          </cell>
          <cell r="F4094">
            <v>1.2724</v>
          </cell>
        </row>
        <row r="4095">
          <cell r="C4095">
            <v>2009</v>
          </cell>
          <cell r="D4095">
            <v>3</v>
          </cell>
          <cell r="F4095">
            <v>1.2718</v>
          </cell>
        </row>
        <row r="4096">
          <cell r="C4096">
            <v>2009</v>
          </cell>
          <cell r="D4096">
            <v>3</v>
          </cell>
          <cell r="F4096">
            <v>1.272</v>
          </cell>
        </row>
        <row r="4097">
          <cell r="C4097">
            <v>2009</v>
          </cell>
          <cell r="D4097">
            <v>3</v>
          </cell>
          <cell r="F4097">
            <v>1.2324999999999999</v>
          </cell>
        </row>
        <row r="4098">
          <cell r="C4098">
            <v>2009</v>
          </cell>
          <cell r="D4098">
            <v>3</v>
          </cell>
          <cell r="F4098">
            <v>1.2371000000000001</v>
          </cell>
        </row>
        <row r="4099">
          <cell r="C4099">
            <v>2009</v>
          </cell>
          <cell r="D4099">
            <v>3</v>
          </cell>
          <cell r="F4099">
            <v>1.2371000000000001</v>
          </cell>
        </row>
        <row r="4100">
          <cell r="C4100">
            <v>2009</v>
          </cell>
          <cell r="D4100">
            <v>3</v>
          </cell>
          <cell r="F4100">
            <v>1.2371000000000001</v>
          </cell>
        </row>
        <row r="4101">
          <cell r="C4101">
            <v>2009</v>
          </cell>
          <cell r="D4101">
            <v>3</v>
          </cell>
          <cell r="F4101">
            <v>1.2323</v>
          </cell>
        </row>
        <row r="4102">
          <cell r="C4102">
            <v>2009</v>
          </cell>
          <cell r="D4102">
            <v>3</v>
          </cell>
          <cell r="F4102">
            <v>1.2262</v>
          </cell>
        </row>
        <row r="4103">
          <cell r="C4103">
            <v>2009</v>
          </cell>
          <cell r="D4103">
            <v>3</v>
          </cell>
          <cell r="F4103">
            <v>1.2244999999999999</v>
          </cell>
        </row>
        <row r="4104">
          <cell r="C4104">
            <v>2009</v>
          </cell>
          <cell r="D4104">
            <v>3</v>
          </cell>
          <cell r="F4104">
            <v>1.2330000000000001</v>
          </cell>
        </row>
        <row r="4105">
          <cell r="C4105">
            <v>2009</v>
          </cell>
          <cell r="D4105">
            <v>3</v>
          </cell>
          <cell r="F4105">
            <v>1.2392000000000001</v>
          </cell>
        </row>
        <row r="4106">
          <cell r="C4106">
            <v>2009</v>
          </cell>
          <cell r="D4106">
            <v>3</v>
          </cell>
          <cell r="F4106">
            <v>1.2392000000000001</v>
          </cell>
        </row>
        <row r="4107">
          <cell r="C4107">
            <v>2009</v>
          </cell>
          <cell r="D4107">
            <v>3</v>
          </cell>
          <cell r="F4107">
            <v>1.2392000000000001</v>
          </cell>
        </row>
        <row r="4108">
          <cell r="C4108">
            <v>2009</v>
          </cell>
          <cell r="D4108">
            <v>3</v>
          </cell>
          <cell r="F4108">
            <v>1.2589999999999999</v>
          </cell>
        </row>
        <row r="4109">
          <cell r="C4109">
            <v>2009</v>
          </cell>
          <cell r="D4109">
            <v>4</v>
          </cell>
          <cell r="F4109">
            <v>1.2602</v>
          </cell>
        </row>
        <row r="4110">
          <cell r="C4110">
            <v>2009</v>
          </cell>
          <cell r="D4110">
            <v>4</v>
          </cell>
          <cell r="F4110">
            <v>1.2643</v>
          </cell>
        </row>
        <row r="4111">
          <cell r="C4111">
            <v>2009</v>
          </cell>
          <cell r="D4111">
            <v>4</v>
          </cell>
          <cell r="F4111">
            <v>1.2383999999999999</v>
          </cell>
        </row>
        <row r="4112">
          <cell r="C4112">
            <v>2009</v>
          </cell>
          <cell r="D4112">
            <v>4</v>
          </cell>
          <cell r="F4112">
            <v>1.2337</v>
          </cell>
        </row>
        <row r="4113">
          <cell r="C4113">
            <v>2009</v>
          </cell>
          <cell r="D4113">
            <v>4</v>
          </cell>
          <cell r="F4113">
            <v>1.2337</v>
          </cell>
        </row>
        <row r="4114">
          <cell r="C4114">
            <v>2009</v>
          </cell>
          <cell r="D4114">
            <v>4</v>
          </cell>
          <cell r="F4114">
            <v>1.2337</v>
          </cell>
        </row>
        <row r="4115">
          <cell r="C4115">
            <v>2009</v>
          </cell>
          <cell r="D4115">
            <v>4</v>
          </cell>
          <cell r="F4115">
            <v>1.2428999999999999</v>
          </cell>
        </row>
        <row r="4116">
          <cell r="C4116">
            <v>2009</v>
          </cell>
          <cell r="D4116">
            <v>4</v>
          </cell>
          <cell r="F4116">
            <v>1.2341</v>
          </cell>
        </row>
        <row r="4117">
          <cell r="C4117">
            <v>2009</v>
          </cell>
          <cell r="D4117">
            <v>4</v>
          </cell>
          <cell r="F4117">
            <v>1.2354000000000001</v>
          </cell>
        </row>
        <row r="4118">
          <cell r="C4118">
            <v>2009</v>
          </cell>
          <cell r="D4118">
            <v>4</v>
          </cell>
          <cell r="F4118">
            <v>1.2274</v>
          </cell>
        </row>
        <row r="4119">
          <cell r="C4119">
            <v>2009</v>
          </cell>
          <cell r="D4119">
            <v>4</v>
          </cell>
          <cell r="F4119">
            <v>1.2274</v>
          </cell>
        </row>
        <row r="4120">
          <cell r="C4120">
            <v>2009</v>
          </cell>
          <cell r="D4120">
            <v>4</v>
          </cell>
          <cell r="F4120">
            <v>1.2274</v>
          </cell>
        </row>
        <row r="4121">
          <cell r="C4121">
            <v>2009</v>
          </cell>
          <cell r="D4121">
            <v>4</v>
          </cell>
          <cell r="F4121">
            <v>1.2274</v>
          </cell>
        </row>
        <row r="4122">
          <cell r="C4122">
            <v>2009</v>
          </cell>
          <cell r="D4122">
            <v>4</v>
          </cell>
          <cell r="F4122">
            <v>1.2212000000000001</v>
          </cell>
        </row>
        <row r="4123">
          <cell r="C4123">
            <v>2009</v>
          </cell>
          <cell r="D4123">
            <v>4</v>
          </cell>
          <cell r="F4123">
            <v>1.2092000000000001</v>
          </cell>
        </row>
        <row r="4124">
          <cell r="C4124">
            <v>2009</v>
          </cell>
          <cell r="D4124">
            <v>4</v>
          </cell>
          <cell r="F4124">
            <v>1.2038</v>
          </cell>
        </row>
        <row r="4125">
          <cell r="C4125">
            <v>2009</v>
          </cell>
          <cell r="D4125">
            <v>4</v>
          </cell>
          <cell r="F4125">
            <v>1.2061999999999999</v>
          </cell>
        </row>
        <row r="4126">
          <cell r="C4126">
            <v>2009</v>
          </cell>
          <cell r="D4126">
            <v>4</v>
          </cell>
          <cell r="F4126">
            <v>1.2145999999999999</v>
          </cell>
        </row>
        <row r="4127">
          <cell r="C4127">
            <v>2009</v>
          </cell>
          <cell r="D4127">
            <v>4</v>
          </cell>
          <cell r="F4127">
            <v>1.2145999999999999</v>
          </cell>
        </row>
        <row r="4128">
          <cell r="C4128">
            <v>2009</v>
          </cell>
          <cell r="D4128">
            <v>4</v>
          </cell>
          <cell r="F4128">
            <v>1.2145999999999999</v>
          </cell>
        </row>
        <row r="4129">
          <cell r="C4129">
            <v>2009</v>
          </cell>
          <cell r="D4129">
            <v>4</v>
          </cell>
          <cell r="F4129">
            <v>1.2343</v>
          </cell>
        </row>
        <row r="4130">
          <cell r="C4130">
            <v>2009</v>
          </cell>
          <cell r="D4130">
            <v>4</v>
          </cell>
          <cell r="F4130">
            <v>1.2358</v>
          </cell>
        </row>
        <row r="4131">
          <cell r="C4131">
            <v>2009</v>
          </cell>
          <cell r="D4131">
            <v>4</v>
          </cell>
          <cell r="F4131">
            <v>1.236</v>
          </cell>
        </row>
        <row r="4132">
          <cell r="C4132">
            <v>2009</v>
          </cell>
          <cell r="D4132">
            <v>4</v>
          </cell>
          <cell r="F4132">
            <v>1.2290000000000001</v>
          </cell>
        </row>
        <row r="4133">
          <cell r="C4133">
            <v>2009</v>
          </cell>
          <cell r="D4133">
            <v>4</v>
          </cell>
          <cell r="F4133">
            <v>1.2093</v>
          </cell>
        </row>
        <row r="4134">
          <cell r="C4134">
            <v>2009</v>
          </cell>
          <cell r="D4134">
            <v>4</v>
          </cell>
          <cell r="F4134">
            <v>1.2093</v>
          </cell>
        </row>
        <row r="4135">
          <cell r="C4135">
            <v>2009</v>
          </cell>
          <cell r="D4135">
            <v>4</v>
          </cell>
          <cell r="F4135">
            <v>1.2093</v>
          </cell>
        </row>
        <row r="4136">
          <cell r="C4136">
            <v>2009</v>
          </cell>
          <cell r="D4136">
            <v>4</v>
          </cell>
          <cell r="F4136">
            <v>1.2107000000000001</v>
          </cell>
        </row>
        <row r="4137">
          <cell r="C4137">
            <v>2009</v>
          </cell>
          <cell r="D4137">
            <v>4</v>
          </cell>
          <cell r="F4137">
            <v>1.2238</v>
          </cell>
        </row>
        <row r="4138">
          <cell r="C4138">
            <v>2009</v>
          </cell>
          <cell r="D4138">
            <v>4</v>
          </cell>
          <cell r="F4138">
            <v>1.2008000000000001</v>
          </cell>
        </row>
        <row r="4139">
          <cell r="C4139">
            <v>2009</v>
          </cell>
          <cell r="D4139">
            <v>5</v>
          </cell>
          <cell r="F4139">
            <v>1.194</v>
          </cell>
        </row>
        <row r="4140">
          <cell r="C4140">
            <v>2009</v>
          </cell>
          <cell r="D4140">
            <v>5</v>
          </cell>
          <cell r="F4140">
            <v>1.1872</v>
          </cell>
        </row>
        <row r="4141">
          <cell r="C4141">
            <v>2009</v>
          </cell>
          <cell r="D4141">
            <v>5</v>
          </cell>
          <cell r="F4141">
            <v>1.1872</v>
          </cell>
        </row>
        <row r="4142">
          <cell r="C4142">
            <v>2009</v>
          </cell>
          <cell r="D4142">
            <v>5</v>
          </cell>
          <cell r="F4142">
            <v>1.1872</v>
          </cell>
        </row>
        <row r="4143">
          <cell r="C4143">
            <v>2009</v>
          </cell>
          <cell r="D4143">
            <v>5</v>
          </cell>
          <cell r="F4143">
            <v>1.1780999999999999</v>
          </cell>
        </row>
        <row r="4144">
          <cell r="C4144">
            <v>2009</v>
          </cell>
          <cell r="D4144">
            <v>5</v>
          </cell>
          <cell r="F4144">
            <v>1.1759999999999999</v>
          </cell>
        </row>
        <row r="4145">
          <cell r="C4145">
            <v>2009</v>
          </cell>
          <cell r="D4145">
            <v>5</v>
          </cell>
          <cell r="F4145">
            <v>1.1731</v>
          </cell>
        </row>
        <row r="4146">
          <cell r="C4146">
            <v>2009</v>
          </cell>
          <cell r="D4146">
            <v>5</v>
          </cell>
          <cell r="F4146">
            <v>1.1714</v>
          </cell>
        </row>
        <row r="4147">
          <cell r="C4147">
            <v>2009</v>
          </cell>
          <cell r="D4147">
            <v>5</v>
          </cell>
          <cell r="F4147">
            <v>1.1580999999999999</v>
          </cell>
        </row>
        <row r="4148">
          <cell r="C4148">
            <v>2009</v>
          </cell>
          <cell r="D4148">
            <v>5</v>
          </cell>
          <cell r="F4148">
            <v>1.1580999999999999</v>
          </cell>
        </row>
        <row r="4149">
          <cell r="C4149">
            <v>2009</v>
          </cell>
          <cell r="D4149">
            <v>5</v>
          </cell>
          <cell r="F4149">
            <v>1.1580999999999999</v>
          </cell>
        </row>
        <row r="4150">
          <cell r="C4150">
            <v>2009</v>
          </cell>
          <cell r="D4150">
            <v>5</v>
          </cell>
          <cell r="F4150">
            <v>1.1591</v>
          </cell>
        </row>
        <row r="4151">
          <cell r="C4151">
            <v>2009</v>
          </cell>
          <cell r="D4151">
            <v>5</v>
          </cell>
          <cell r="F4151">
            <v>1.1676</v>
          </cell>
        </row>
        <row r="4152">
          <cell r="C4152">
            <v>2009</v>
          </cell>
          <cell r="D4152">
            <v>5</v>
          </cell>
          <cell r="F4152">
            <v>1.1682999999999999</v>
          </cell>
        </row>
        <row r="4153">
          <cell r="C4153">
            <v>2009</v>
          </cell>
          <cell r="D4153">
            <v>5</v>
          </cell>
          <cell r="F4153">
            <v>1.1727000000000001</v>
          </cell>
        </row>
        <row r="4154">
          <cell r="C4154">
            <v>2009</v>
          </cell>
          <cell r="D4154">
            <v>5</v>
          </cell>
          <cell r="F4154">
            <v>1.1756</v>
          </cell>
        </row>
        <row r="4155">
          <cell r="C4155">
            <v>2009</v>
          </cell>
          <cell r="D4155">
            <v>5</v>
          </cell>
          <cell r="F4155">
            <v>1.1756</v>
          </cell>
        </row>
        <row r="4156">
          <cell r="C4156">
            <v>2009</v>
          </cell>
          <cell r="D4156">
            <v>5</v>
          </cell>
          <cell r="F4156">
            <v>1.1756</v>
          </cell>
        </row>
        <row r="4157">
          <cell r="C4157">
            <v>2009</v>
          </cell>
          <cell r="D4157">
            <v>5</v>
          </cell>
          <cell r="F4157">
            <v>1.1756</v>
          </cell>
        </row>
        <row r="4158">
          <cell r="C4158">
            <v>2009</v>
          </cell>
          <cell r="D4158">
            <v>5</v>
          </cell>
          <cell r="F4158">
            <v>1.1569</v>
          </cell>
        </row>
        <row r="4159">
          <cell r="C4159">
            <v>2009</v>
          </cell>
          <cell r="D4159">
            <v>5</v>
          </cell>
          <cell r="F4159">
            <v>1.1434</v>
          </cell>
        </row>
        <row r="4160">
          <cell r="C4160">
            <v>2009</v>
          </cell>
          <cell r="D4160">
            <v>5</v>
          </cell>
          <cell r="F4160">
            <v>1.1414</v>
          </cell>
        </row>
        <row r="4161">
          <cell r="C4161">
            <v>2009</v>
          </cell>
          <cell r="D4161">
            <v>5</v>
          </cell>
          <cell r="F4161">
            <v>1.1233</v>
          </cell>
        </row>
        <row r="4162">
          <cell r="C4162">
            <v>2009</v>
          </cell>
          <cell r="D4162">
            <v>5</v>
          </cell>
          <cell r="F4162">
            <v>1.1233</v>
          </cell>
        </row>
        <row r="4163">
          <cell r="C4163">
            <v>2009</v>
          </cell>
          <cell r="D4163">
            <v>5</v>
          </cell>
          <cell r="F4163">
            <v>1.1233</v>
          </cell>
        </row>
        <row r="4164">
          <cell r="C4164">
            <v>2009</v>
          </cell>
          <cell r="D4164">
            <v>5</v>
          </cell>
          <cell r="F4164">
            <v>1.1233</v>
          </cell>
        </row>
        <row r="4165">
          <cell r="C4165">
            <v>2009</v>
          </cell>
          <cell r="D4165">
            <v>5</v>
          </cell>
          <cell r="F4165">
            <v>1.1198999999999999</v>
          </cell>
        </row>
        <row r="4166">
          <cell r="C4166">
            <v>2009</v>
          </cell>
          <cell r="D4166">
            <v>5</v>
          </cell>
          <cell r="F4166">
            <v>1.1120000000000001</v>
          </cell>
        </row>
        <row r="4167">
          <cell r="C4167">
            <v>2009</v>
          </cell>
          <cell r="D4167">
            <v>5</v>
          </cell>
          <cell r="F4167">
            <v>1.1124000000000001</v>
          </cell>
        </row>
        <row r="4168">
          <cell r="C4168">
            <v>2009</v>
          </cell>
          <cell r="D4168">
            <v>5</v>
          </cell>
          <cell r="F4168">
            <v>1.0961000000000001</v>
          </cell>
        </row>
        <row r="4169">
          <cell r="C4169">
            <v>2009</v>
          </cell>
          <cell r="D4169">
            <v>5</v>
          </cell>
          <cell r="F4169">
            <v>1.0961000000000001</v>
          </cell>
        </row>
        <row r="4170">
          <cell r="C4170">
            <v>2009</v>
          </cell>
          <cell r="D4170">
            <v>6</v>
          </cell>
          <cell r="F4170">
            <v>1.0961000000000001</v>
          </cell>
        </row>
        <row r="4171">
          <cell r="C4171">
            <v>2009</v>
          </cell>
          <cell r="D4171">
            <v>6</v>
          </cell>
          <cell r="F4171">
            <v>1.0871999999999999</v>
          </cell>
        </row>
        <row r="4172">
          <cell r="C4172">
            <v>2009</v>
          </cell>
          <cell r="D4172">
            <v>6</v>
          </cell>
          <cell r="F4172">
            <v>1.0827</v>
          </cell>
        </row>
        <row r="4173">
          <cell r="C4173">
            <v>2009</v>
          </cell>
          <cell r="D4173">
            <v>6</v>
          </cell>
          <cell r="F4173">
            <v>1.0975999999999999</v>
          </cell>
        </row>
        <row r="4174">
          <cell r="C4174">
            <v>2009</v>
          </cell>
          <cell r="D4174">
            <v>6</v>
          </cell>
          <cell r="F4174">
            <v>1.0999000000000001</v>
          </cell>
        </row>
        <row r="4175">
          <cell r="C4175">
            <v>2009</v>
          </cell>
          <cell r="D4175">
            <v>6</v>
          </cell>
          <cell r="F4175">
            <v>1.1146</v>
          </cell>
        </row>
        <row r="4176">
          <cell r="C4176">
            <v>2009</v>
          </cell>
          <cell r="D4176">
            <v>6</v>
          </cell>
          <cell r="F4176">
            <v>1.1146</v>
          </cell>
        </row>
        <row r="4177">
          <cell r="C4177">
            <v>2009</v>
          </cell>
          <cell r="D4177">
            <v>6</v>
          </cell>
          <cell r="F4177">
            <v>1.1146</v>
          </cell>
        </row>
        <row r="4178">
          <cell r="C4178">
            <v>2009</v>
          </cell>
          <cell r="D4178">
            <v>6</v>
          </cell>
          <cell r="F4178">
            <v>1.123</v>
          </cell>
        </row>
        <row r="4179">
          <cell r="C4179">
            <v>2009</v>
          </cell>
          <cell r="D4179">
            <v>6</v>
          </cell>
          <cell r="F4179">
            <v>1.1041000000000001</v>
          </cell>
        </row>
        <row r="4180">
          <cell r="C4180">
            <v>2009</v>
          </cell>
          <cell r="D4180">
            <v>6</v>
          </cell>
          <cell r="F4180">
            <v>1.1101000000000001</v>
          </cell>
        </row>
        <row r="4181">
          <cell r="C4181">
            <v>2009</v>
          </cell>
          <cell r="D4181">
            <v>6</v>
          </cell>
          <cell r="F4181">
            <v>1.0982000000000001</v>
          </cell>
        </row>
        <row r="4182">
          <cell r="C4182">
            <v>2009</v>
          </cell>
          <cell r="D4182">
            <v>6</v>
          </cell>
          <cell r="F4182">
            <v>1.1176999999999999</v>
          </cell>
        </row>
        <row r="4183">
          <cell r="C4183">
            <v>2009</v>
          </cell>
          <cell r="D4183">
            <v>6</v>
          </cell>
          <cell r="F4183">
            <v>1.1176999999999999</v>
          </cell>
        </row>
        <row r="4184">
          <cell r="C4184">
            <v>2009</v>
          </cell>
          <cell r="D4184">
            <v>6</v>
          </cell>
          <cell r="F4184">
            <v>1.1176999999999999</v>
          </cell>
        </row>
        <row r="4185">
          <cell r="C4185">
            <v>2009</v>
          </cell>
          <cell r="D4185">
            <v>6</v>
          </cell>
          <cell r="F4185">
            <v>1.1341000000000001</v>
          </cell>
        </row>
        <row r="4186">
          <cell r="C4186">
            <v>2009</v>
          </cell>
          <cell r="D4186">
            <v>6</v>
          </cell>
          <cell r="F4186">
            <v>1.1327</v>
          </cell>
        </row>
        <row r="4187">
          <cell r="C4187">
            <v>2009</v>
          </cell>
          <cell r="D4187">
            <v>6</v>
          </cell>
          <cell r="F4187">
            <v>1.1371</v>
          </cell>
        </row>
        <row r="4188">
          <cell r="C4188">
            <v>2009</v>
          </cell>
          <cell r="D4188">
            <v>6</v>
          </cell>
          <cell r="F4188">
            <v>1.1273</v>
          </cell>
        </row>
        <row r="4189">
          <cell r="C4189">
            <v>2009</v>
          </cell>
          <cell r="D4189">
            <v>6</v>
          </cell>
          <cell r="F4189">
            <v>1.1287</v>
          </cell>
        </row>
        <row r="4190">
          <cell r="C4190">
            <v>2009</v>
          </cell>
          <cell r="D4190">
            <v>6</v>
          </cell>
          <cell r="F4190">
            <v>1.1287</v>
          </cell>
        </row>
        <row r="4191">
          <cell r="C4191">
            <v>2009</v>
          </cell>
          <cell r="D4191">
            <v>6</v>
          </cell>
          <cell r="F4191">
            <v>1.1287</v>
          </cell>
        </row>
        <row r="4192">
          <cell r="C4192">
            <v>2009</v>
          </cell>
          <cell r="D4192">
            <v>6</v>
          </cell>
          <cell r="F4192">
            <v>1.1547000000000001</v>
          </cell>
        </row>
        <row r="4193">
          <cell r="C4193">
            <v>2009</v>
          </cell>
          <cell r="D4193">
            <v>6</v>
          </cell>
          <cell r="F4193">
            <v>1.1559999999999999</v>
          </cell>
        </row>
        <row r="4194">
          <cell r="C4194">
            <v>2009</v>
          </cell>
          <cell r="D4194">
            <v>6</v>
          </cell>
          <cell r="F4194">
            <v>1.1460999999999999</v>
          </cell>
        </row>
        <row r="4195">
          <cell r="C4195">
            <v>2009</v>
          </cell>
          <cell r="D4195">
            <v>6</v>
          </cell>
          <cell r="F4195">
            <v>1.1579999999999999</v>
          </cell>
        </row>
        <row r="4196">
          <cell r="C4196">
            <v>2009</v>
          </cell>
          <cell r="D4196">
            <v>6</v>
          </cell>
          <cell r="F4196">
            <v>1.1531</v>
          </cell>
        </row>
        <row r="4197">
          <cell r="C4197">
            <v>2009</v>
          </cell>
          <cell r="D4197">
            <v>6</v>
          </cell>
          <cell r="F4197">
            <v>1.1531</v>
          </cell>
        </row>
        <row r="4198">
          <cell r="C4198">
            <v>2009</v>
          </cell>
          <cell r="D4198">
            <v>6</v>
          </cell>
          <cell r="F4198">
            <v>1.1531</v>
          </cell>
        </row>
        <row r="4199">
          <cell r="C4199">
            <v>2009</v>
          </cell>
          <cell r="D4199">
            <v>6</v>
          </cell>
          <cell r="F4199">
            <v>1.1583000000000001</v>
          </cell>
        </row>
        <row r="4200">
          <cell r="C4200">
            <v>2009</v>
          </cell>
          <cell r="D4200">
            <v>7</v>
          </cell>
          <cell r="F4200">
            <v>1.1625000000000001</v>
          </cell>
        </row>
        <row r="4201">
          <cell r="C4201">
            <v>2009</v>
          </cell>
          <cell r="D4201">
            <v>7</v>
          </cell>
          <cell r="F4201">
            <v>1.1625000000000001</v>
          </cell>
        </row>
        <row r="4202">
          <cell r="C4202">
            <v>2009</v>
          </cell>
          <cell r="D4202">
            <v>7</v>
          </cell>
          <cell r="F4202">
            <v>1.1620999999999999</v>
          </cell>
        </row>
        <row r="4203">
          <cell r="C4203">
            <v>2009</v>
          </cell>
          <cell r="D4203">
            <v>7</v>
          </cell>
          <cell r="F4203">
            <v>1.1620999999999999</v>
          </cell>
        </row>
        <row r="4204">
          <cell r="C4204">
            <v>2009</v>
          </cell>
          <cell r="D4204">
            <v>7</v>
          </cell>
          <cell r="F4204">
            <v>1.1620999999999999</v>
          </cell>
        </row>
        <row r="4205">
          <cell r="C4205">
            <v>2009</v>
          </cell>
          <cell r="D4205">
            <v>7</v>
          </cell>
          <cell r="F4205">
            <v>1.1620999999999999</v>
          </cell>
        </row>
        <row r="4206">
          <cell r="C4206">
            <v>2009</v>
          </cell>
          <cell r="D4206">
            <v>7</v>
          </cell>
          <cell r="F4206">
            <v>1.1612</v>
          </cell>
        </row>
        <row r="4207">
          <cell r="C4207">
            <v>2009</v>
          </cell>
          <cell r="D4207">
            <v>7</v>
          </cell>
          <cell r="F4207">
            <v>1.1631</v>
          </cell>
        </row>
        <row r="4208">
          <cell r="C4208">
            <v>2009</v>
          </cell>
          <cell r="D4208">
            <v>7</v>
          </cell>
          <cell r="F4208">
            <v>1.1655</v>
          </cell>
        </row>
        <row r="4209">
          <cell r="C4209">
            <v>2009</v>
          </cell>
          <cell r="D4209">
            <v>7</v>
          </cell>
          <cell r="F4209">
            <v>1.1621999999999999</v>
          </cell>
        </row>
        <row r="4210">
          <cell r="C4210">
            <v>2009</v>
          </cell>
          <cell r="D4210">
            <v>7</v>
          </cell>
          <cell r="F4210">
            <v>1.165</v>
          </cell>
        </row>
        <row r="4211">
          <cell r="C4211">
            <v>2009</v>
          </cell>
          <cell r="D4211">
            <v>7</v>
          </cell>
          <cell r="F4211">
            <v>1.165</v>
          </cell>
        </row>
        <row r="4212">
          <cell r="C4212">
            <v>2009</v>
          </cell>
          <cell r="D4212">
            <v>7</v>
          </cell>
          <cell r="F4212">
            <v>1.165</v>
          </cell>
        </row>
        <row r="4213">
          <cell r="C4213">
            <v>2009</v>
          </cell>
          <cell r="D4213">
            <v>7</v>
          </cell>
          <cell r="F4213">
            <v>1.1538999999999999</v>
          </cell>
        </row>
        <row r="4214">
          <cell r="C4214">
            <v>2009</v>
          </cell>
          <cell r="D4214">
            <v>7</v>
          </cell>
          <cell r="F4214">
            <v>1.1368</v>
          </cell>
        </row>
        <row r="4215">
          <cell r="C4215">
            <v>2009</v>
          </cell>
          <cell r="D4215">
            <v>7</v>
          </cell>
          <cell r="F4215">
            <v>1.1194</v>
          </cell>
        </row>
        <row r="4216">
          <cell r="C4216">
            <v>2009</v>
          </cell>
          <cell r="D4216">
            <v>7</v>
          </cell>
          <cell r="F4216">
            <v>1.1171</v>
          </cell>
        </row>
        <row r="4217">
          <cell r="C4217">
            <v>2009</v>
          </cell>
          <cell r="D4217">
            <v>7</v>
          </cell>
          <cell r="F4217">
            <v>1.1168</v>
          </cell>
        </row>
        <row r="4218">
          <cell r="C4218">
            <v>2009</v>
          </cell>
          <cell r="D4218">
            <v>7</v>
          </cell>
          <cell r="F4218">
            <v>1.1168</v>
          </cell>
        </row>
        <row r="4219">
          <cell r="C4219">
            <v>2009</v>
          </cell>
          <cell r="D4219">
            <v>7</v>
          </cell>
          <cell r="F4219">
            <v>1.1168</v>
          </cell>
        </row>
        <row r="4220">
          <cell r="C4220">
            <v>2009</v>
          </cell>
          <cell r="D4220">
            <v>7</v>
          </cell>
          <cell r="F4220">
            <v>1.1067</v>
          </cell>
        </row>
        <row r="4221">
          <cell r="C4221">
            <v>2009</v>
          </cell>
          <cell r="D4221">
            <v>7</v>
          </cell>
          <cell r="F4221">
            <v>1.1077999999999999</v>
          </cell>
        </row>
        <row r="4222">
          <cell r="C4222">
            <v>2009</v>
          </cell>
          <cell r="D4222">
            <v>7</v>
          </cell>
          <cell r="F4222">
            <v>1.0981000000000001</v>
          </cell>
        </row>
        <row r="4223">
          <cell r="C4223">
            <v>2009</v>
          </cell>
          <cell r="D4223">
            <v>7</v>
          </cell>
          <cell r="F4223">
            <v>1.0867</v>
          </cell>
        </row>
        <row r="4224">
          <cell r="C4224">
            <v>2009</v>
          </cell>
          <cell r="D4224">
            <v>7</v>
          </cell>
          <cell r="F4224">
            <v>1.0842000000000001</v>
          </cell>
        </row>
        <row r="4225">
          <cell r="C4225">
            <v>2009</v>
          </cell>
          <cell r="D4225">
            <v>7</v>
          </cell>
          <cell r="F4225">
            <v>1.0842000000000001</v>
          </cell>
        </row>
        <row r="4226">
          <cell r="C4226">
            <v>2009</v>
          </cell>
          <cell r="D4226">
            <v>7</v>
          </cell>
          <cell r="F4226">
            <v>1.0842000000000001</v>
          </cell>
        </row>
        <row r="4227">
          <cell r="C4227">
            <v>2009</v>
          </cell>
          <cell r="D4227">
            <v>7</v>
          </cell>
          <cell r="F4227">
            <v>1.0834999999999999</v>
          </cell>
        </row>
        <row r="4228">
          <cell r="C4228">
            <v>2009</v>
          </cell>
          <cell r="D4228">
            <v>7</v>
          </cell>
          <cell r="F4228">
            <v>1.0880000000000001</v>
          </cell>
        </row>
        <row r="4229">
          <cell r="C4229">
            <v>2009</v>
          </cell>
          <cell r="D4229">
            <v>7</v>
          </cell>
          <cell r="F4229">
            <v>1.0889</v>
          </cell>
        </row>
        <row r="4230">
          <cell r="C4230">
            <v>2009</v>
          </cell>
          <cell r="D4230">
            <v>7</v>
          </cell>
          <cell r="F4230">
            <v>1.0814999999999999</v>
          </cell>
        </row>
        <row r="4231">
          <cell r="C4231">
            <v>2009</v>
          </cell>
          <cell r="D4231">
            <v>8</v>
          </cell>
          <cell r="F4231">
            <v>1.079</v>
          </cell>
        </row>
        <row r="4232">
          <cell r="C4232">
            <v>2009</v>
          </cell>
          <cell r="D4232">
            <v>8</v>
          </cell>
          <cell r="F4232">
            <v>1.079</v>
          </cell>
        </row>
        <row r="4233">
          <cell r="C4233">
            <v>2009</v>
          </cell>
          <cell r="D4233">
            <v>8</v>
          </cell>
          <cell r="F4233">
            <v>1.079</v>
          </cell>
        </row>
        <row r="4234">
          <cell r="C4234">
            <v>2009</v>
          </cell>
          <cell r="D4234">
            <v>8</v>
          </cell>
          <cell r="F4234">
            <v>1.079</v>
          </cell>
        </row>
        <row r="4235">
          <cell r="C4235">
            <v>2009</v>
          </cell>
          <cell r="D4235">
            <v>8</v>
          </cell>
          <cell r="F4235">
            <v>1.0686</v>
          </cell>
        </row>
        <row r="4236">
          <cell r="C4236">
            <v>2009</v>
          </cell>
          <cell r="D4236">
            <v>8</v>
          </cell>
          <cell r="F4236">
            <v>1.0720000000000001</v>
          </cell>
        </row>
        <row r="4237">
          <cell r="C4237">
            <v>2009</v>
          </cell>
          <cell r="D4237">
            <v>8</v>
          </cell>
          <cell r="F4237">
            <v>1.0759000000000001</v>
          </cell>
        </row>
        <row r="4238">
          <cell r="C4238">
            <v>2009</v>
          </cell>
          <cell r="D4238">
            <v>8</v>
          </cell>
          <cell r="F4238">
            <v>1.0837000000000001</v>
          </cell>
        </row>
        <row r="4239">
          <cell r="C4239">
            <v>2009</v>
          </cell>
          <cell r="D4239">
            <v>8</v>
          </cell>
          <cell r="F4239">
            <v>1.0837000000000001</v>
          </cell>
        </row>
        <row r="4240">
          <cell r="C4240">
            <v>2009</v>
          </cell>
          <cell r="D4240">
            <v>8</v>
          </cell>
          <cell r="F4240">
            <v>1.0837000000000001</v>
          </cell>
        </row>
        <row r="4241">
          <cell r="C4241">
            <v>2009</v>
          </cell>
          <cell r="D4241">
            <v>8</v>
          </cell>
          <cell r="F4241">
            <v>1.0848</v>
          </cell>
        </row>
        <row r="4242">
          <cell r="C4242">
            <v>2009</v>
          </cell>
          <cell r="D4242">
            <v>8</v>
          </cell>
          <cell r="F4242">
            <v>1.0988</v>
          </cell>
        </row>
        <row r="4243">
          <cell r="C4243">
            <v>2009</v>
          </cell>
          <cell r="D4243">
            <v>8</v>
          </cell>
          <cell r="F4243">
            <v>1.0874999999999999</v>
          </cell>
        </row>
        <row r="4244">
          <cell r="C4244">
            <v>2009</v>
          </cell>
          <cell r="D4244">
            <v>8</v>
          </cell>
          <cell r="F4244">
            <v>1.0851999999999999</v>
          </cell>
        </row>
        <row r="4245">
          <cell r="C4245">
            <v>2009</v>
          </cell>
          <cell r="D4245">
            <v>8</v>
          </cell>
          <cell r="F4245">
            <v>1.0971</v>
          </cell>
        </row>
        <row r="4246">
          <cell r="C4246">
            <v>2009</v>
          </cell>
          <cell r="D4246">
            <v>8</v>
          </cell>
          <cell r="F4246">
            <v>1.0971</v>
          </cell>
        </row>
        <row r="4247">
          <cell r="C4247">
            <v>2009</v>
          </cell>
          <cell r="D4247">
            <v>8</v>
          </cell>
          <cell r="F4247">
            <v>1.0971</v>
          </cell>
        </row>
        <row r="4248">
          <cell r="C4248">
            <v>2009</v>
          </cell>
          <cell r="D4248">
            <v>8</v>
          </cell>
          <cell r="F4248">
            <v>1.1079000000000001</v>
          </cell>
        </row>
        <row r="4249">
          <cell r="C4249">
            <v>2009</v>
          </cell>
          <cell r="D4249">
            <v>8</v>
          </cell>
          <cell r="F4249">
            <v>1.1035999999999999</v>
          </cell>
        </row>
        <row r="4250">
          <cell r="C4250">
            <v>2009</v>
          </cell>
          <cell r="D4250">
            <v>8</v>
          </cell>
          <cell r="F4250">
            <v>1.0969</v>
          </cell>
        </row>
        <row r="4251">
          <cell r="C4251">
            <v>2009</v>
          </cell>
          <cell r="D4251">
            <v>8</v>
          </cell>
          <cell r="F4251">
            <v>1.0902000000000001</v>
          </cell>
        </row>
        <row r="4252">
          <cell r="C4252">
            <v>2009</v>
          </cell>
          <cell r="D4252">
            <v>8</v>
          </cell>
          <cell r="F4252">
            <v>1.0799000000000001</v>
          </cell>
        </row>
        <row r="4253">
          <cell r="C4253">
            <v>2009</v>
          </cell>
          <cell r="D4253">
            <v>8</v>
          </cell>
          <cell r="F4253">
            <v>1.0799000000000001</v>
          </cell>
        </row>
        <row r="4254">
          <cell r="C4254">
            <v>2009</v>
          </cell>
          <cell r="D4254">
            <v>8</v>
          </cell>
          <cell r="F4254">
            <v>1.0799000000000001</v>
          </cell>
        </row>
        <row r="4255">
          <cell r="C4255">
            <v>2009</v>
          </cell>
          <cell r="D4255">
            <v>8</v>
          </cell>
          <cell r="F4255">
            <v>1.0742</v>
          </cell>
        </row>
        <row r="4256">
          <cell r="C4256">
            <v>2009</v>
          </cell>
          <cell r="D4256">
            <v>8</v>
          </cell>
          <cell r="F4256">
            <v>1.0782</v>
          </cell>
        </row>
        <row r="4257">
          <cell r="C4257">
            <v>2009</v>
          </cell>
          <cell r="D4257">
            <v>8</v>
          </cell>
          <cell r="F4257">
            <v>1.0991</v>
          </cell>
        </row>
        <row r="4258">
          <cell r="C4258">
            <v>2009</v>
          </cell>
          <cell r="D4258">
            <v>8</v>
          </cell>
          <cell r="F4258">
            <v>1.0960000000000001</v>
          </cell>
        </row>
        <row r="4259">
          <cell r="C4259">
            <v>2009</v>
          </cell>
          <cell r="D4259">
            <v>8</v>
          </cell>
          <cell r="F4259">
            <v>1.0879000000000001</v>
          </cell>
        </row>
        <row r="4260">
          <cell r="C4260">
            <v>2009</v>
          </cell>
          <cell r="D4260">
            <v>8</v>
          </cell>
          <cell r="F4260">
            <v>1.0879000000000001</v>
          </cell>
        </row>
        <row r="4261">
          <cell r="C4261">
            <v>2009</v>
          </cell>
          <cell r="D4261">
            <v>8</v>
          </cell>
          <cell r="F4261">
            <v>1.0879000000000001</v>
          </cell>
        </row>
        <row r="4262">
          <cell r="C4262">
            <v>2009</v>
          </cell>
          <cell r="D4262">
            <v>9</v>
          </cell>
          <cell r="F4262">
            <v>1.0967</v>
          </cell>
        </row>
        <row r="4263">
          <cell r="C4263">
            <v>2009</v>
          </cell>
          <cell r="D4263">
            <v>9</v>
          </cell>
          <cell r="F4263">
            <v>1.1031</v>
          </cell>
        </row>
        <row r="4264">
          <cell r="C4264">
            <v>2009</v>
          </cell>
          <cell r="D4264">
            <v>9</v>
          </cell>
          <cell r="F4264">
            <v>1.1065</v>
          </cell>
        </row>
        <row r="4265">
          <cell r="C4265">
            <v>2009</v>
          </cell>
          <cell r="D4265">
            <v>9</v>
          </cell>
          <cell r="F4265">
            <v>1.1033999999999999</v>
          </cell>
        </row>
        <row r="4266">
          <cell r="C4266">
            <v>2009</v>
          </cell>
          <cell r="D4266">
            <v>9</v>
          </cell>
          <cell r="F4266">
            <v>1.0889</v>
          </cell>
        </row>
        <row r="4267">
          <cell r="C4267">
            <v>2009</v>
          </cell>
          <cell r="D4267">
            <v>9</v>
          </cell>
          <cell r="F4267">
            <v>1.0889</v>
          </cell>
        </row>
        <row r="4268">
          <cell r="C4268">
            <v>2009</v>
          </cell>
          <cell r="D4268">
            <v>9</v>
          </cell>
          <cell r="F4268">
            <v>1.0889</v>
          </cell>
        </row>
        <row r="4269">
          <cell r="C4269">
            <v>2009</v>
          </cell>
          <cell r="D4269">
            <v>9</v>
          </cell>
          <cell r="F4269">
            <v>1.0889</v>
          </cell>
        </row>
        <row r="4270">
          <cell r="C4270">
            <v>2009</v>
          </cell>
          <cell r="D4270">
            <v>9</v>
          </cell>
          <cell r="F4270">
            <v>1.0764</v>
          </cell>
        </row>
        <row r="4271">
          <cell r="C4271">
            <v>2009</v>
          </cell>
          <cell r="D4271">
            <v>9</v>
          </cell>
          <cell r="F4271">
            <v>1.0787</v>
          </cell>
        </row>
        <row r="4272">
          <cell r="C4272">
            <v>2009</v>
          </cell>
          <cell r="D4272">
            <v>9</v>
          </cell>
          <cell r="F4272">
            <v>1.0811999999999999</v>
          </cell>
        </row>
        <row r="4273">
          <cell r="C4273">
            <v>2009</v>
          </cell>
          <cell r="D4273">
            <v>9</v>
          </cell>
          <cell r="F4273">
            <v>1.0746</v>
          </cell>
        </row>
        <row r="4274">
          <cell r="C4274">
            <v>2009</v>
          </cell>
          <cell r="D4274">
            <v>9</v>
          </cell>
          <cell r="F4274">
            <v>1.0746</v>
          </cell>
        </row>
        <row r="4275">
          <cell r="C4275">
            <v>2009</v>
          </cell>
          <cell r="D4275">
            <v>9</v>
          </cell>
          <cell r="F4275">
            <v>1.0746</v>
          </cell>
        </row>
        <row r="4276">
          <cell r="C4276">
            <v>2009</v>
          </cell>
          <cell r="D4276">
            <v>9</v>
          </cell>
          <cell r="F4276">
            <v>1.0857000000000001</v>
          </cell>
        </row>
        <row r="4277">
          <cell r="C4277">
            <v>2009</v>
          </cell>
          <cell r="D4277">
            <v>9</v>
          </cell>
          <cell r="F4277">
            <v>1.0763</v>
          </cell>
        </row>
        <row r="4278">
          <cell r="C4278">
            <v>2009</v>
          </cell>
          <cell r="D4278">
            <v>9</v>
          </cell>
          <cell r="F4278">
            <v>1.0663</v>
          </cell>
        </row>
        <row r="4279">
          <cell r="C4279">
            <v>2009</v>
          </cell>
          <cell r="D4279">
            <v>9</v>
          </cell>
          <cell r="F4279">
            <v>1.0612999999999999</v>
          </cell>
        </row>
        <row r="4280">
          <cell r="C4280">
            <v>2009</v>
          </cell>
          <cell r="D4280">
            <v>9</v>
          </cell>
          <cell r="F4280">
            <v>1.0724</v>
          </cell>
        </row>
        <row r="4281">
          <cell r="C4281">
            <v>2009</v>
          </cell>
          <cell r="D4281">
            <v>9</v>
          </cell>
          <cell r="F4281">
            <v>1.0724</v>
          </cell>
        </row>
        <row r="4282">
          <cell r="C4282">
            <v>2009</v>
          </cell>
          <cell r="D4282">
            <v>9</v>
          </cell>
          <cell r="F4282">
            <v>1.0724</v>
          </cell>
        </row>
        <row r="4283">
          <cell r="C4283">
            <v>2009</v>
          </cell>
          <cell r="D4283">
            <v>9</v>
          </cell>
          <cell r="F4283">
            <v>1.0777000000000001</v>
          </cell>
        </row>
        <row r="4284">
          <cell r="C4284">
            <v>2009</v>
          </cell>
          <cell r="D4284">
            <v>9</v>
          </cell>
          <cell r="F4284">
            <v>1.0683</v>
          </cell>
        </row>
        <row r="4285">
          <cell r="C4285">
            <v>2009</v>
          </cell>
          <cell r="D4285">
            <v>9</v>
          </cell>
          <cell r="F4285">
            <v>1.0724</v>
          </cell>
        </row>
        <row r="4286">
          <cell r="C4286">
            <v>2009</v>
          </cell>
          <cell r="D4286">
            <v>9</v>
          </cell>
          <cell r="F4286">
            <v>1.0869</v>
          </cell>
        </row>
        <row r="4287">
          <cell r="C4287">
            <v>2009</v>
          </cell>
          <cell r="D4287">
            <v>9</v>
          </cell>
          <cell r="F4287">
            <v>1.0914999999999999</v>
          </cell>
        </row>
        <row r="4288">
          <cell r="C4288">
            <v>2009</v>
          </cell>
          <cell r="D4288">
            <v>9</v>
          </cell>
          <cell r="F4288">
            <v>1.0914999999999999</v>
          </cell>
        </row>
        <row r="4289">
          <cell r="C4289">
            <v>2009</v>
          </cell>
          <cell r="D4289">
            <v>9</v>
          </cell>
          <cell r="F4289">
            <v>1.0914999999999999</v>
          </cell>
        </row>
        <row r="4290">
          <cell r="C4290">
            <v>2009</v>
          </cell>
          <cell r="D4290">
            <v>9</v>
          </cell>
          <cell r="F4290">
            <v>1.0861000000000001</v>
          </cell>
        </row>
        <row r="4291">
          <cell r="C4291">
            <v>2009</v>
          </cell>
          <cell r="D4291">
            <v>9</v>
          </cell>
          <cell r="F4291">
            <v>1.0871</v>
          </cell>
        </row>
        <row r="4292">
          <cell r="C4292">
            <v>2009</v>
          </cell>
          <cell r="D4292">
            <v>10</v>
          </cell>
          <cell r="F4292">
            <v>1.0722</v>
          </cell>
        </row>
        <row r="4293">
          <cell r="C4293">
            <v>2009</v>
          </cell>
          <cell r="D4293">
            <v>10</v>
          </cell>
          <cell r="F4293">
            <v>1.0773999999999999</v>
          </cell>
        </row>
        <row r="4294">
          <cell r="C4294">
            <v>2009</v>
          </cell>
          <cell r="D4294">
            <v>10</v>
          </cell>
          <cell r="F4294">
            <v>1.0845</v>
          </cell>
        </row>
        <row r="4295">
          <cell r="C4295">
            <v>2009</v>
          </cell>
          <cell r="D4295">
            <v>10</v>
          </cell>
          <cell r="F4295">
            <v>1.0845</v>
          </cell>
        </row>
        <row r="4296">
          <cell r="C4296">
            <v>2009</v>
          </cell>
          <cell r="D4296">
            <v>10</v>
          </cell>
          <cell r="F4296">
            <v>1.0845</v>
          </cell>
        </row>
        <row r="4297">
          <cell r="C4297">
            <v>2009</v>
          </cell>
          <cell r="D4297">
            <v>10</v>
          </cell>
          <cell r="F4297">
            <v>1.0757000000000001</v>
          </cell>
        </row>
        <row r="4298">
          <cell r="C4298">
            <v>2009</v>
          </cell>
          <cell r="D4298">
            <v>10</v>
          </cell>
          <cell r="F4298">
            <v>1.0570999999999999</v>
          </cell>
        </row>
        <row r="4299">
          <cell r="C4299">
            <v>2009</v>
          </cell>
          <cell r="D4299">
            <v>10</v>
          </cell>
          <cell r="F4299">
            <v>1.0619000000000001</v>
          </cell>
        </row>
        <row r="4300">
          <cell r="C4300">
            <v>2009</v>
          </cell>
          <cell r="D4300">
            <v>10</v>
          </cell>
          <cell r="F4300">
            <v>1.0535000000000001</v>
          </cell>
        </row>
        <row r="4301">
          <cell r="C4301">
            <v>2009</v>
          </cell>
          <cell r="D4301">
            <v>10</v>
          </cell>
          <cell r="F4301">
            <v>1.0424</v>
          </cell>
        </row>
        <row r="4302">
          <cell r="C4302">
            <v>2009</v>
          </cell>
          <cell r="D4302">
            <v>10</v>
          </cell>
          <cell r="F4302">
            <v>1.0424</v>
          </cell>
        </row>
        <row r="4303">
          <cell r="C4303">
            <v>2009</v>
          </cell>
          <cell r="D4303">
            <v>10</v>
          </cell>
          <cell r="F4303">
            <v>1.0424</v>
          </cell>
        </row>
        <row r="4304">
          <cell r="C4304">
            <v>2009</v>
          </cell>
          <cell r="D4304">
            <v>10</v>
          </cell>
          <cell r="F4304">
            <v>1.0424</v>
          </cell>
        </row>
        <row r="4305">
          <cell r="C4305">
            <v>2009</v>
          </cell>
          <cell r="D4305">
            <v>10</v>
          </cell>
          <cell r="F4305">
            <v>1.0298</v>
          </cell>
        </row>
        <row r="4306">
          <cell r="C4306">
            <v>2009</v>
          </cell>
          <cell r="D4306">
            <v>10</v>
          </cell>
          <cell r="F4306">
            <v>1.0291999999999999</v>
          </cell>
        </row>
        <row r="4307">
          <cell r="C4307">
            <v>2009</v>
          </cell>
          <cell r="D4307">
            <v>10</v>
          </cell>
          <cell r="F4307">
            <v>1.0303</v>
          </cell>
        </row>
        <row r="4308">
          <cell r="C4308">
            <v>2009</v>
          </cell>
          <cell r="D4308">
            <v>10</v>
          </cell>
          <cell r="F4308">
            <v>1.0388999999999999</v>
          </cell>
        </row>
        <row r="4309">
          <cell r="C4309">
            <v>2009</v>
          </cell>
          <cell r="D4309">
            <v>10</v>
          </cell>
          <cell r="F4309">
            <v>1.0388999999999999</v>
          </cell>
        </row>
        <row r="4310">
          <cell r="C4310">
            <v>2009</v>
          </cell>
          <cell r="D4310">
            <v>10</v>
          </cell>
          <cell r="F4310">
            <v>1.0388999999999999</v>
          </cell>
        </row>
        <row r="4311">
          <cell r="C4311">
            <v>2009</v>
          </cell>
          <cell r="D4311">
            <v>10</v>
          </cell>
          <cell r="F4311">
            <v>1.0307999999999999</v>
          </cell>
        </row>
        <row r="4312">
          <cell r="C4312">
            <v>2009</v>
          </cell>
          <cell r="D4312">
            <v>10</v>
          </cell>
          <cell r="F4312">
            <v>1.05</v>
          </cell>
        </row>
        <row r="4313">
          <cell r="C4313">
            <v>2009</v>
          </cell>
          <cell r="D4313">
            <v>10</v>
          </cell>
          <cell r="F4313">
            <v>1.0411999999999999</v>
          </cell>
        </row>
        <row r="4314">
          <cell r="C4314">
            <v>2009</v>
          </cell>
          <cell r="D4314">
            <v>10</v>
          </cell>
          <cell r="F4314">
            <v>1.0485</v>
          </cell>
        </row>
        <row r="4315">
          <cell r="C4315">
            <v>2009</v>
          </cell>
          <cell r="D4315">
            <v>10</v>
          </cell>
          <cell r="F4315">
            <v>1.0508</v>
          </cell>
        </row>
        <row r="4316">
          <cell r="C4316">
            <v>2009</v>
          </cell>
          <cell r="D4316">
            <v>10</v>
          </cell>
          <cell r="F4316">
            <v>1.0508</v>
          </cell>
        </row>
        <row r="4317">
          <cell r="C4317">
            <v>2009</v>
          </cell>
          <cell r="D4317">
            <v>10</v>
          </cell>
          <cell r="F4317">
            <v>1.0508</v>
          </cell>
        </row>
        <row r="4318">
          <cell r="C4318">
            <v>2009</v>
          </cell>
          <cell r="D4318">
            <v>10</v>
          </cell>
          <cell r="F4318">
            <v>1.0616000000000001</v>
          </cell>
        </row>
        <row r="4319">
          <cell r="C4319">
            <v>2009</v>
          </cell>
          <cell r="D4319">
            <v>10</v>
          </cell>
          <cell r="F4319">
            <v>1.0648</v>
          </cell>
        </row>
        <row r="4320">
          <cell r="C4320">
            <v>2009</v>
          </cell>
          <cell r="D4320">
            <v>10</v>
          </cell>
          <cell r="F4320">
            <v>1.0755999999999999</v>
          </cell>
        </row>
        <row r="4321">
          <cell r="C4321">
            <v>2009</v>
          </cell>
          <cell r="D4321">
            <v>10</v>
          </cell>
          <cell r="F4321">
            <v>1.0705</v>
          </cell>
        </row>
        <row r="4322">
          <cell r="C4322">
            <v>2009</v>
          </cell>
          <cell r="D4322">
            <v>10</v>
          </cell>
          <cell r="F4322">
            <v>1.0773999999999999</v>
          </cell>
        </row>
        <row r="4323">
          <cell r="C4323">
            <v>2009</v>
          </cell>
          <cell r="D4323">
            <v>11</v>
          </cell>
          <cell r="F4323">
            <v>1.0773999999999999</v>
          </cell>
        </row>
        <row r="4324">
          <cell r="C4324">
            <v>2009</v>
          </cell>
          <cell r="D4324">
            <v>11</v>
          </cell>
          <cell r="F4324">
            <v>1.0773999999999999</v>
          </cell>
        </row>
        <row r="4325">
          <cell r="C4325">
            <v>2009</v>
          </cell>
          <cell r="D4325">
            <v>11</v>
          </cell>
          <cell r="F4325">
            <v>1.0743</v>
          </cell>
        </row>
        <row r="4326">
          <cell r="C4326">
            <v>2009</v>
          </cell>
          <cell r="D4326">
            <v>11</v>
          </cell>
          <cell r="F4326">
            <v>1.0704</v>
          </cell>
        </row>
        <row r="4327">
          <cell r="C4327">
            <v>2009</v>
          </cell>
          <cell r="D4327">
            <v>11</v>
          </cell>
          <cell r="F4327">
            <v>1.0647</v>
          </cell>
        </row>
        <row r="4328">
          <cell r="C4328">
            <v>2009</v>
          </cell>
          <cell r="D4328">
            <v>11</v>
          </cell>
          <cell r="F4328">
            <v>1.0650999999999999</v>
          </cell>
        </row>
        <row r="4329">
          <cell r="C4329">
            <v>2009</v>
          </cell>
          <cell r="D4329">
            <v>11</v>
          </cell>
          <cell r="F4329">
            <v>1.0720000000000001</v>
          </cell>
        </row>
        <row r="4330">
          <cell r="C4330">
            <v>2009</v>
          </cell>
          <cell r="D4330">
            <v>11</v>
          </cell>
          <cell r="F4330">
            <v>1.0720000000000001</v>
          </cell>
        </row>
        <row r="4331">
          <cell r="C4331">
            <v>2009</v>
          </cell>
          <cell r="D4331">
            <v>11</v>
          </cell>
          <cell r="F4331">
            <v>1.0720000000000001</v>
          </cell>
        </row>
        <row r="4332">
          <cell r="C4332">
            <v>2009</v>
          </cell>
          <cell r="D4332">
            <v>11</v>
          </cell>
          <cell r="F4332">
            <v>1.0566</v>
          </cell>
        </row>
        <row r="4333">
          <cell r="C4333">
            <v>2009</v>
          </cell>
          <cell r="D4333">
            <v>11</v>
          </cell>
          <cell r="F4333">
            <v>1.0518000000000001</v>
          </cell>
        </row>
        <row r="4334">
          <cell r="C4334">
            <v>2009</v>
          </cell>
          <cell r="D4334">
            <v>11</v>
          </cell>
          <cell r="F4334">
            <v>1.0518000000000001</v>
          </cell>
        </row>
        <row r="4335">
          <cell r="C4335">
            <v>2009</v>
          </cell>
          <cell r="D4335">
            <v>11</v>
          </cell>
          <cell r="F4335">
            <v>1.0519000000000001</v>
          </cell>
        </row>
        <row r="4336">
          <cell r="C4336">
            <v>2009</v>
          </cell>
          <cell r="D4336">
            <v>11</v>
          </cell>
          <cell r="F4336">
            <v>1.0508</v>
          </cell>
        </row>
        <row r="4337">
          <cell r="C4337">
            <v>2009</v>
          </cell>
          <cell r="D4337">
            <v>11</v>
          </cell>
          <cell r="F4337">
            <v>1.0508</v>
          </cell>
        </row>
        <row r="4338">
          <cell r="C4338">
            <v>2009</v>
          </cell>
          <cell r="D4338">
            <v>11</v>
          </cell>
          <cell r="F4338">
            <v>1.0508</v>
          </cell>
        </row>
        <row r="4339">
          <cell r="C4339">
            <v>2009</v>
          </cell>
          <cell r="D4339">
            <v>11</v>
          </cell>
          <cell r="F4339">
            <v>1.046</v>
          </cell>
        </row>
        <row r="4340">
          <cell r="C4340">
            <v>2009</v>
          </cell>
          <cell r="D4340">
            <v>11</v>
          </cell>
          <cell r="F4340">
            <v>1.0591999999999999</v>
          </cell>
        </row>
        <row r="4341">
          <cell r="C4341">
            <v>2009</v>
          </cell>
          <cell r="D4341">
            <v>11</v>
          </cell>
          <cell r="F4341">
            <v>1.05</v>
          </cell>
        </row>
        <row r="4342">
          <cell r="C4342">
            <v>2009</v>
          </cell>
          <cell r="D4342">
            <v>11</v>
          </cell>
          <cell r="F4342">
            <v>1.0638000000000001</v>
          </cell>
        </row>
        <row r="4343">
          <cell r="C4343">
            <v>2009</v>
          </cell>
          <cell r="D4343">
            <v>11</v>
          </cell>
          <cell r="F4343">
            <v>1.0696000000000001</v>
          </cell>
        </row>
        <row r="4344">
          <cell r="C4344">
            <v>2009</v>
          </cell>
          <cell r="D4344">
            <v>11</v>
          </cell>
          <cell r="F4344">
            <v>1.0696000000000001</v>
          </cell>
        </row>
        <row r="4345">
          <cell r="C4345">
            <v>2009</v>
          </cell>
          <cell r="D4345">
            <v>11</v>
          </cell>
          <cell r="F4345">
            <v>1.0696000000000001</v>
          </cell>
        </row>
        <row r="4346">
          <cell r="C4346">
            <v>2009</v>
          </cell>
          <cell r="D4346">
            <v>11</v>
          </cell>
          <cell r="F4346">
            <v>1.0550999999999999</v>
          </cell>
        </row>
        <row r="4347">
          <cell r="C4347">
            <v>2009</v>
          </cell>
          <cell r="D4347">
            <v>11</v>
          </cell>
          <cell r="F4347">
            <v>1.0608</v>
          </cell>
        </row>
        <row r="4348">
          <cell r="C4348">
            <v>2009</v>
          </cell>
          <cell r="D4348">
            <v>11</v>
          </cell>
          <cell r="F4348">
            <v>1.0501</v>
          </cell>
        </row>
        <row r="4349">
          <cell r="C4349">
            <v>2009</v>
          </cell>
          <cell r="D4349">
            <v>11</v>
          </cell>
          <cell r="F4349">
            <v>1.0501</v>
          </cell>
        </row>
        <row r="4350">
          <cell r="C4350">
            <v>2009</v>
          </cell>
          <cell r="D4350">
            <v>11</v>
          </cell>
          <cell r="F4350">
            <v>1.0501</v>
          </cell>
        </row>
        <row r="4351">
          <cell r="C4351">
            <v>2009</v>
          </cell>
          <cell r="D4351">
            <v>11</v>
          </cell>
          <cell r="F4351">
            <v>1.0501</v>
          </cell>
        </row>
        <row r="4352">
          <cell r="C4352">
            <v>2009</v>
          </cell>
          <cell r="D4352">
            <v>11</v>
          </cell>
          <cell r="F4352">
            <v>1.0501</v>
          </cell>
        </row>
        <row r="4353">
          <cell r="C4353">
            <v>2009</v>
          </cell>
          <cell r="D4353">
            <v>12</v>
          </cell>
          <cell r="F4353">
            <v>1.0573999999999999</v>
          </cell>
        </row>
        <row r="4354">
          <cell r="C4354">
            <v>2009</v>
          </cell>
          <cell r="D4354">
            <v>12</v>
          </cell>
          <cell r="F4354">
            <v>1.0431999999999999</v>
          </cell>
        </row>
        <row r="4355">
          <cell r="C4355">
            <v>2009</v>
          </cell>
          <cell r="D4355">
            <v>12</v>
          </cell>
          <cell r="F4355">
            <v>1.0468</v>
          </cell>
        </row>
        <row r="4356">
          <cell r="C4356">
            <v>2009</v>
          </cell>
          <cell r="D4356">
            <v>12</v>
          </cell>
          <cell r="F4356">
            <v>1.0542</v>
          </cell>
        </row>
        <row r="4357">
          <cell r="C4357">
            <v>2009</v>
          </cell>
          <cell r="D4357">
            <v>12</v>
          </cell>
          <cell r="F4357">
            <v>1.0517000000000001</v>
          </cell>
        </row>
        <row r="4358">
          <cell r="C4358">
            <v>2009</v>
          </cell>
          <cell r="D4358">
            <v>12</v>
          </cell>
          <cell r="F4358">
            <v>1.0517000000000001</v>
          </cell>
        </row>
        <row r="4359">
          <cell r="C4359">
            <v>2009</v>
          </cell>
          <cell r="D4359">
            <v>12</v>
          </cell>
          <cell r="F4359">
            <v>1.0517000000000001</v>
          </cell>
        </row>
        <row r="4360">
          <cell r="C4360">
            <v>2009</v>
          </cell>
          <cell r="D4360">
            <v>12</v>
          </cell>
          <cell r="F4360">
            <v>1.0510999999999999</v>
          </cell>
        </row>
        <row r="4361">
          <cell r="C4361">
            <v>2009</v>
          </cell>
          <cell r="D4361">
            <v>12</v>
          </cell>
          <cell r="F4361">
            <v>1.0604</v>
          </cell>
        </row>
        <row r="4362">
          <cell r="C4362">
            <v>2009</v>
          </cell>
          <cell r="D4362">
            <v>12</v>
          </cell>
          <cell r="F4362">
            <v>1.0551999999999999</v>
          </cell>
        </row>
        <row r="4363">
          <cell r="C4363">
            <v>2009</v>
          </cell>
          <cell r="D4363">
            <v>12</v>
          </cell>
          <cell r="F4363">
            <v>1.0519000000000001</v>
          </cell>
        </row>
        <row r="4364">
          <cell r="C4364">
            <v>2009</v>
          </cell>
          <cell r="D4364">
            <v>12</v>
          </cell>
          <cell r="F4364">
            <v>1.0585</v>
          </cell>
        </row>
        <row r="4365">
          <cell r="C4365">
            <v>2009</v>
          </cell>
          <cell r="D4365">
            <v>12</v>
          </cell>
          <cell r="F4365">
            <v>1.0585</v>
          </cell>
        </row>
        <row r="4366">
          <cell r="C4366">
            <v>2009</v>
          </cell>
          <cell r="D4366">
            <v>12</v>
          </cell>
          <cell r="F4366">
            <v>1.0585</v>
          </cell>
        </row>
        <row r="4367">
          <cell r="C4367">
            <v>2009</v>
          </cell>
          <cell r="D4367">
            <v>12</v>
          </cell>
          <cell r="F4367">
            <v>1.0592999999999999</v>
          </cell>
        </row>
        <row r="4368">
          <cell r="C4368">
            <v>2009</v>
          </cell>
          <cell r="D4368">
            <v>12</v>
          </cell>
          <cell r="F4368">
            <v>1.0620000000000001</v>
          </cell>
        </row>
        <row r="4369">
          <cell r="C4369">
            <v>2009</v>
          </cell>
          <cell r="D4369">
            <v>12</v>
          </cell>
          <cell r="F4369">
            <v>1.0580000000000001</v>
          </cell>
        </row>
        <row r="4370">
          <cell r="C4370">
            <v>2009</v>
          </cell>
          <cell r="D4370">
            <v>12</v>
          </cell>
          <cell r="F4370">
            <v>1.0712999999999999</v>
          </cell>
        </row>
        <row r="4371">
          <cell r="C4371">
            <v>2009</v>
          </cell>
          <cell r="D4371">
            <v>12</v>
          </cell>
          <cell r="F4371">
            <v>1.0678000000000001</v>
          </cell>
        </row>
        <row r="4372">
          <cell r="C4372">
            <v>2009</v>
          </cell>
          <cell r="D4372">
            <v>12</v>
          </cell>
          <cell r="F4372">
            <v>1.0678000000000001</v>
          </cell>
        </row>
        <row r="4373">
          <cell r="C4373">
            <v>2009</v>
          </cell>
          <cell r="D4373">
            <v>12</v>
          </cell>
          <cell r="F4373">
            <v>1.0678000000000001</v>
          </cell>
        </row>
        <row r="4374">
          <cell r="C4374">
            <v>2009</v>
          </cell>
          <cell r="D4374">
            <v>12</v>
          </cell>
          <cell r="F4374">
            <v>1.0593999999999999</v>
          </cell>
        </row>
        <row r="4375">
          <cell r="C4375">
            <v>2009</v>
          </cell>
          <cell r="D4375">
            <v>12</v>
          </cell>
          <cell r="F4375">
            <v>1.0556000000000001</v>
          </cell>
        </row>
        <row r="4376">
          <cell r="C4376">
            <v>2009</v>
          </cell>
          <cell r="D4376">
            <v>12</v>
          </cell>
          <cell r="F4376">
            <v>1.0476000000000001</v>
          </cell>
        </row>
        <row r="4377">
          <cell r="C4377">
            <v>2009</v>
          </cell>
          <cell r="D4377">
            <v>12</v>
          </cell>
          <cell r="F4377">
            <v>1.0488</v>
          </cell>
        </row>
        <row r="4378">
          <cell r="C4378">
            <v>2009</v>
          </cell>
          <cell r="D4378">
            <v>12</v>
          </cell>
          <cell r="F4378">
            <v>1.0488</v>
          </cell>
        </row>
        <row r="4379">
          <cell r="C4379">
            <v>2009</v>
          </cell>
          <cell r="D4379">
            <v>12</v>
          </cell>
          <cell r="F4379">
            <v>1.0488</v>
          </cell>
        </row>
        <row r="4380">
          <cell r="C4380">
            <v>2009</v>
          </cell>
          <cell r="D4380">
            <v>12</v>
          </cell>
          <cell r="F4380">
            <v>1.0488</v>
          </cell>
        </row>
        <row r="4381">
          <cell r="C4381">
            <v>2009</v>
          </cell>
          <cell r="D4381">
            <v>12</v>
          </cell>
          <cell r="F4381">
            <v>1.0488</v>
          </cell>
        </row>
        <row r="4382">
          <cell r="C4382">
            <v>2009</v>
          </cell>
          <cell r="D4382">
            <v>12</v>
          </cell>
          <cell r="F4382">
            <v>1.0405</v>
          </cell>
        </row>
        <row r="4383">
          <cell r="C4383">
            <v>2009</v>
          </cell>
          <cell r="D4383">
            <v>12</v>
          </cell>
          <cell r="F4383">
            <v>1.0525</v>
          </cell>
        </row>
        <row r="4384">
          <cell r="C4384">
            <v>2010</v>
          </cell>
          <cell r="D4384">
            <v>1</v>
          </cell>
          <cell r="F4384">
            <v>1.0466</v>
          </cell>
        </row>
        <row r="4385">
          <cell r="C4385">
            <v>2010</v>
          </cell>
          <cell r="D4385">
            <v>1</v>
          </cell>
          <cell r="F4385">
            <v>1.0466</v>
          </cell>
        </row>
        <row r="4386">
          <cell r="C4386">
            <v>2010</v>
          </cell>
          <cell r="D4386">
            <v>1</v>
          </cell>
          <cell r="F4386">
            <v>1.0466</v>
          </cell>
        </row>
        <row r="4387">
          <cell r="C4387">
            <v>2010</v>
          </cell>
          <cell r="D4387">
            <v>1</v>
          </cell>
          <cell r="F4387">
            <v>1.0466</v>
          </cell>
        </row>
        <row r="4388">
          <cell r="C4388">
            <v>2010</v>
          </cell>
          <cell r="D4388">
            <v>1</v>
          </cell>
          <cell r="F4388">
            <v>1.0378000000000001</v>
          </cell>
        </row>
        <row r="4389">
          <cell r="C4389">
            <v>2010</v>
          </cell>
          <cell r="D4389">
            <v>1</v>
          </cell>
          <cell r="F4389">
            <v>1.0371999999999999</v>
          </cell>
        </row>
        <row r="4390">
          <cell r="C4390">
            <v>2010</v>
          </cell>
          <cell r="D4390">
            <v>1</v>
          </cell>
          <cell r="F4390">
            <v>1.0334000000000001</v>
          </cell>
        </row>
        <row r="4391">
          <cell r="C4391">
            <v>2010</v>
          </cell>
          <cell r="D4391">
            <v>1</v>
          </cell>
          <cell r="F4391">
            <v>1.0350999999999999</v>
          </cell>
        </row>
        <row r="4392">
          <cell r="C4392">
            <v>2010</v>
          </cell>
          <cell r="D4392">
            <v>1</v>
          </cell>
          <cell r="F4392">
            <v>1.0344</v>
          </cell>
        </row>
        <row r="4393">
          <cell r="C4393">
            <v>2010</v>
          </cell>
          <cell r="D4393">
            <v>1</v>
          </cell>
          <cell r="F4393">
            <v>1.0344</v>
          </cell>
        </row>
        <row r="4394">
          <cell r="C4394">
            <v>2010</v>
          </cell>
          <cell r="D4394">
            <v>1</v>
          </cell>
          <cell r="F4394">
            <v>1.0344</v>
          </cell>
        </row>
        <row r="4395">
          <cell r="C4395">
            <v>2010</v>
          </cell>
          <cell r="D4395">
            <v>1</v>
          </cell>
          <cell r="F4395">
            <v>1.0317000000000001</v>
          </cell>
        </row>
        <row r="4396">
          <cell r="C4396">
            <v>2010</v>
          </cell>
          <cell r="D4396">
            <v>1</v>
          </cell>
          <cell r="F4396">
            <v>1.0375000000000001</v>
          </cell>
        </row>
        <row r="4397">
          <cell r="C4397">
            <v>2010</v>
          </cell>
          <cell r="D4397">
            <v>1</v>
          </cell>
          <cell r="F4397">
            <v>1.0322</v>
          </cell>
        </row>
        <row r="4398">
          <cell r="C4398">
            <v>2010</v>
          </cell>
          <cell r="D4398">
            <v>1</v>
          </cell>
          <cell r="F4398">
            <v>1.0261</v>
          </cell>
        </row>
        <row r="4399">
          <cell r="C4399">
            <v>2010</v>
          </cell>
          <cell r="D4399">
            <v>1</v>
          </cell>
          <cell r="F4399">
            <v>1.0286999999999999</v>
          </cell>
        </row>
        <row r="4400">
          <cell r="C4400">
            <v>2010</v>
          </cell>
          <cell r="D4400">
            <v>1</v>
          </cell>
          <cell r="F4400">
            <v>1.0286999999999999</v>
          </cell>
        </row>
        <row r="4401">
          <cell r="C4401">
            <v>2010</v>
          </cell>
          <cell r="D4401">
            <v>1</v>
          </cell>
          <cell r="F4401">
            <v>1.0286999999999999</v>
          </cell>
        </row>
        <row r="4402">
          <cell r="C4402">
            <v>2010</v>
          </cell>
          <cell r="D4402">
            <v>1</v>
          </cell>
          <cell r="F4402">
            <v>1.0286999999999999</v>
          </cell>
        </row>
        <row r="4403">
          <cell r="C4403">
            <v>2010</v>
          </cell>
          <cell r="D4403">
            <v>1</v>
          </cell>
          <cell r="F4403">
            <v>1.0327999999999999</v>
          </cell>
        </row>
        <row r="4404">
          <cell r="C4404">
            <v>2010</v>
          </cell>
          <cell r="D4404">
            <v>1</v>
          </cell>
          <cell r="F4404">
            <v>1.0478000000000001</v>
          </cell>
        </row>
        <row r="4405">
          <cell r="C4405">
            <v>2010</v>
          </cell>
          <cell r="D4405">
            <v>1</v>
          </cell>
          <cell r="F4405">
            <v>1.0487</v>
          </cell>
        </row>
        <row r="4406">
          <cell r="C4406">
            <v>2010</v>
          </cell>
          <cell r="D4406">
            <v>1</v>
          </cell>
          <cell r="F4406">
            <v>1.0564</v>
          </cell>
        </row>
        <row r="4407">
          <cell r="C4407">
            <v>2010</v>
          </cell>
          <cell r="D4407">
            <v>1</v>
          </cell>
          <cell r="F4407">
            <v>1.0564</v>
          </cell>
        </row>
        <row r="4408">
          <cell r="C4408">
            <v>2010</v>
          </cell>
          <cell r="D4408">
            <v>1</v>
          </cell>
          <cell r="F4408">
            <v>1.0564</v>
          </cell>
        </row>
        <row r="4409">
          <cell r="C4409">
            <v>2010</v>
          </cell>
          <cell r="D4409">
            <v>1</v>
          </cell>
          <cell r="F4409">
            <v>1.0582</v>
          </cell>
        </row>
        <row r="4410">
          <cell r="C4410">
            <v>2010</v>
          </cell>
          <cell r="D4410">
            <v>1</v>
          </cell>
          <cell r="F4410">
            <v>1.0606</v>
          </cell>
        </row>
        <row r="4411">
          <cell r="C4411">
            <v>2010</v>
          </cell>
          <cell r="D4411">
            <v>1</v>
          </cell>
          <cell r="F4411">
            <v>1.0657000000000001</v>
          </cell>
        </row>
        <row r="4412">
          <cell r="C4412">
            <v>2010</v>
          </cell>
          <cell r="D4412">
            <v>1</v>
          </cell>
          <cell r="F4412">
            <v>1.0643</v>
          </cell>
        </row>
        <row r="4413">
          <cell r="C4413">
            <v>2010</v>
          </cell>
          <cell r="D4413">
            <v>1</v>
          </cell>
          <cell r="F4413">
            <v>1.0649999999999999</v>
          </cell>
        </row>
        <row r="4414">
          <cell r="C4414">
            <v>2010</v>
          </cell>
          <cell r="D4414">
            <v>1</v>
          </cell>
          <cell r="F4414">
            <v>1.0649999999999999</v>
          </cell>
        </row>
        <row r="4415">
          <cell r="C4415">
            <v>2010</v>
          </cell>
          <cell r="D4415">
            <v>2</v>
          </cell>
          <cell r="F4415">
            <v>1.0649999999999999</v>
          </cell>
        </row>
        <row r="4416">
          <cell r="C4416">
            <v>2010</v>
          </cell>
          <cell r="D4416">
            <v>2</v>
          </cell>
          <cell r="F4416">
            <v>1.0652999999999999</v>
          </cell>
        </row>
        <row r="4417">
          <cell r="C4417">
            <v>2010</v>
          </cell>
          <cell r="D4417">
            <v>2</v>
          </cell>
          <cell r="F4417">
            <v>1.0607</v>
          </cell>
        </row>
        <row r="4418">
          <cell r="C4418">
            <v>2010</v>
          </cell>
          <cell r="D4418">
            <v>2</v>
          </cell>
          <cell r="F4418">
            <v>1.0609</v>
          </cell>
        </row>
        <row r="4419">
          <cell r="C4419">
            <v>2010</v>
          </cell>
          <cell r="D4419">
            <v>2</v>
          </cell>
          <cell r="F4419">
            <v>1.0733999999999999</v>
          </cell>
        </row>
        <row r="4420">
          <cell r="C4420">
            <v>2010</v>
          </cell>
          <cell r="D4420">
            <v>2</v>
          </cell>
          <cell r="F4420">
            <v>1.0725</v>
          </cell>
        </row>
        <row r="4421">
          <cell r="C4421">
            <v>2010</v>
          </cell>
          <cell r="D4421">
            <v>2</v>
          </cell>
          <cell r="F4421">
            <v>1.0725</v>
          </cell>
        </row>
        <row r="4422">
          <cell r="C4422">
            <v>2010</v>
          </cell>
          <cell r="D4422">
            <v>2</v>
          </cell>
          <cell r="F4422">
            <v>1.0725</v>
          </cell>
        </row>
        <row r="4423">
          <cell r="C4423">
            <v>2010</v>
          </cell>
          <cell r="D4423">
            <v>2</v>
          </cell>
          <cell r="F4423">
            <v>1.0691999999999999</v>
          </cell>
        </row>
        <row r="4424">
          <cell r="C4424">
            <v>2010</v>
          </cell>
          <cell r="D4424">
            <v>2</v>
          </cell>
          <cell r="F4424">
            <v>1.069</v>
          </cell>
        </row>
        <row r="4425">
          <cell r="C4425">
            <v>2010</v>
          </cell>
          <cell r="D4425">
            <v>2</v>
          </cell>
          <cell r="F4425">
            <v>1.0670999999999999</v>
          </cell>
        </row>
        <row r="4426">
          <cell r="C4426">
            <v>2010</v>
          </cell>
          <cell r="D4426">
            <v>2</v>
          </cell>
          <cell r="F4426">
            <v>1.0523</v>
          </cell>
        </row>
        <row r="4427">
          <cell r="C4427">
            <v>2010</v>
          </cell>
          <cell r="D4427">
            <v>2</v>
          </cell>
          <cell r="F4427">
            <v>1.0530999999999999</v>
          </cell>
        </row>
        <row r="4428">
          <cell r="C4428">
            <v>2010</v>
          </cell>
          <cell r="D4428">
            <v>2</v>
          </cell>
          <cell r="F4428">
            <v>1.0530999999999999</v>
          </cell>
        </row>
        <row r="4429">
          <cell r="C4429">
            <v>2010</v>
          </cell>
          <cell r="D4429">
            <v>2</v>
          </cell>
          <cell r="F4429">
            <v>1.0530999999999999</v>
          </cell>
        </row>
        <row r="4430">
          <cell r="C4430">
            <v>2010</v>
          </cell>
          <cell r="D4430">
            <v>2</v>
          </cell>
          <cell r="F4430">
            <v>1.0530999999999999</v>
          </cell>
        </row>
        <row r="4431">
          <cell r="C4431">
            <v>2010</v>
          </cell>
          <cell r="D4431">
            <v>2</v>
          </cell>
          <cell r="F4431">
            <v>1.0426</v>
          </cell>
        </row>
        <row r="4432">
          <cell r="C4432">
            <v>2010</v>
          </cell>
          <cell r="D4432">
            <v>2</v>
          </cell>
          <cell r="F4432">
            <v>1.0455000000000001</v>
          </cell>
        </row>
        <row r="4433">
          <cell r="C4433">
            <v>2010</v>
          </cell>
          <cell r="D4433">
            <v>2</v>
          </cell>
          <cell r="F4433">
            <v>1.0451999999999999</v>
          </cell>
        </row>
        <row r="4434">
          <cell r="C4434">
            <v>2010</v>
          </cell>
          <cell r="D4434">
            <v>2</v>
          </cell>
          <cell r="F4434">
            <v>1.042</v>
          </cell>
        </row>
        <row r="4435">
          <cell r="C4435">
            <v>2010</v>
          </cell>
          <cell r="D4435">
            <v>2</v>
          </cell>
          <cell r="F4435">
            <v>1.042</v>
          </cell>
        </row>
        <row r="4436">
          <cell r="C4436">
            <v>2010</v>
          </cell>
          <cell r="D4436">
            <v>2</v>
          </cell>
          <cell r="F4436">
            <v>1.042</v>
          </cell>
        </row>
        <row r="4437">
          <cell r="C4437">
            <v>2010</v>
          </cell>
          <cell r="D4437">
            <v>2</v>
          </cell>
          <cell r="F4437">
            <v>1.0427999999999999</v>
          </cell>
        </row>
        <row r="4438">
          <cell r="C4438">
            <v>2010</v>
          </cell>
          <cell r="D4438">
            <v>2</v>
          </cell>
          <cell r="F4438">
            <v>1.0517000000000001</v>
          </cell>
        </row>
        <row r="4439">
          <cell r="C4439">
            <v>2010</v>
          </cell>
          <cell r="D4439">
            <v>2</v>
          </cell>
          <cell r="F4439">
            <v>1.0549999999999999</v>
          </cell>
        </row>
        <row r="4440">
          <cell r="C4440">
            <v>2010</v>
          </cell>
          <cell r="D4440">
            <v>2</v>
          </cell>
          <cell r="F4440">
            <v>1.0674999999999999</v>
          </cell>
        </row>
        <row r="4441">
          <cell r="C4441">
            <v>2010</v>
          </cell>
          <cell r="D4441">
            <v>2</v>
          </cell>
          <cell r="F4441">
            <v>1.0526</v>
          </cell>
        </row>
        <row r="4442">
          <cell r="C4442">
            <v>2010</v>
          </cell>
          <cell r="D4442">
            <v>2</v>
          </cell>
          <cell r="F4442">
            <v>1.0526</v>
          </cell>
        </row>
        <row r="4443">
          <cell r="C4443">
            <v>2010</v>
          </cell>
          <cell r="D4443">
            <v>3</v>
          </cell>
          <cell r="F4443">
            <v>1.0526</v>
          </cell>
        </row>
        <row r="4444">
          <cell r="C4444">
            <v>2010</v>
          </cell>
          <cell r="D4444">
            <v>3</v>
          </cell>
          <cell r="F4444">
            <v>1.0421</v>
          </cell>
        </row>
        <row r="4445">
          <cell r="C4445">
            <v>2010</v>
          </cell>
          <cell r="D4445">
            <v>3</v>
          </cell>
          <cell r="F4445">
            <v>1.0286999999999999</v>
          </cell>
        </row>
        <row r="4446">
          <cell r="C4446">
            <v>2010</v>
          </cell>
          <cell r="D4446">
            <v>3</v>
          </cell>
          <cell r="F4446">
            <v>1.0286999999999999</v>
          </cell>
        </row>
        <row r="4447">
          <cell r="C4447">
            <v>2010</v>
          </cell>
          <cell r="D4447">
            <v>3</v>
          </cell>
          <cell r="F4447">
            <v>1.0308999999999999</v>
          </cell>
        </row>
        <row r="4448">
          <cell r="C4448">
            <v>2010</v>
          </cell>
          <cell r="D4448">
            <v>3</v>
          </cell>
          <cell r="F4448">
            <v>1.0286</v>
          </cell>
        </row>
        <row r="4449">
          <cell r="C4449">
            <v>2010</v>
          </cell>
          <cell r="D4449">
            <v>3</v>
          </cell>
          <cell r="F4449">
            <v>1.0286</v>
          </cell>
        </row>
        <row r="4450">
          <cell r="C4450">
            <v>2010</v>
          </cell>
          <cell r="D4450">
            <v>3</v>
          </cell>
          <cell r="F4450">
            <v>1.0286</v>
          </cell>
        </row>
        <row r="4451">
          <cell r="C4451">
            <v>2010</v>
          </cell>
          <cell r="D4451">
            <v>3</v>
          </cell>
          <cell r="F4451">
            <v>1.0286</v>
          </cell>
        </row>
        <row r="4452">
          <cell r="C4452">
            <v>2010</v>
          </cell>
          <cell r="D4452">
            <v>3</v>
          </cell>
          <cell r="F4452">
            <v>1.0250999999999999</v>
          </cell>
        </row>
        <row r="4453">
          <cell r="C4453">
            <v>2010</v>
          </cell>
          <cell r="D4453">
            <v>3</v>
          </cell>
          <cell r="F4453">
            <v>1.0243</v>
          </cell>
        </row>
        <row r="4454">
          <cell r="C4454">
            <v>2010</v>
          </cell>
          <cell r="D4454">
            <v>3</v>
          </cell>
          <cell r="F4454">
            <v>1.0265</v>
          </cell>
        </row>
        <row r="4455">
          <cell r="C4455">
            <v>2010</v>
          </cell>
          <cell r="D4455">
            <v>3</v>
          </cell>
          <cell r="F4455">
            <v>1.0186999999999999</v>
          </cell>
        </row>
        <row r="4456">
          <cell r="C4456">
            <v>2010</v>
          </cell>
          <cell r="D4456">
            <v>3</v>
          </cell>
          <cell r="F4456">
            <v>1.0186999999999999</v>
          </cell>
        </row>
        <row r="4457">
          <cell r="C4457">
            <v>2010</v>
          </cell>
          <cell r="D4457">
            <v>3</v>
          </cell>
          <cell r="F4457">
            <v>1.0186999999999999</v>
          </cell>
        </row>
        <row r="4458">
          <cell r="C4458">
            <v>2010</v>
          </cell>
          <cell r="D4458">
            <v>3</v>
          </cell>
          <cell r="F4458">
            <v>1.0217000000000001</v>
          </cell>
        </row>
        <row r="4459">
          <cell r="C4459">
            <v>2010</v>
          </cell>
          <cell r="D4459">
            <v>3</v>
          </cell>
          <cell r="F4459">
            <v>1.0147999999999999</v>
          </cell>
        </row>
        <row r="4460">
          <cell r="C4460">
            <v>2010</v>
          </cell>
          <cell r="D4460">
            <v>3</v>
          </cell>
          <cell r="F4460">
            <v>1.0113000000000001</v>
          </cell>
        </row>
        <row r="4461">
          <cell r="C4461">
            <v>2010</v>
          </cell>
          <cell r="D4461">
            <v>3</v>
          </cell>
          <cell r="F4461">
            <v>1.0139</v>
          </cell>
        </row>
        <row r="4462">
          <cell r="C4462">
            <v>2010</v>
          </cell>
          <cell r="D4462">
            <v>3</v>
          </cell>
          <cell r="F4462">
            <v>1.0155000000000001</v>
          </cell>
        </row>
        <row r="4463">
          <cell r="C4463">
            <v>2010</v>
          </cell>
          <cell r="D4463">
            <v>3</v>
          </cell>
          <cell r="F4463">
            <v>1.0155000000000001</v>
          </cell>
        </row>
        <row r="4464">
          <cell r="C4464">
            <v>2010</v>
          </cell>
          <cell r="D4464">
            <v>3</v>
          </cell>
          <cell r="F4464">
            <v>1.0155000000000001</v>
          </cell>
        </row>
        <row r="4465">
          <cell r="C4465">
            <v>2010</v>
          </cell>
          <cell r="D4465">
            <v>3</v>
          </cell>
          <cell r="F4465">
            <v>1.0193000000000001</v>
          </cell>
        </row>
        <row r="4466">
          <cell r="C4466">
            <v>2010</v>
          </cell>
          <cell r="D4466">
            <v>3</v>
          </cell>
          <cell r="F4466">
            <v>1.0178</v>
          </cell>
        </row>
        <row r="4467">
          <cell r="C4467">
            <v>2010</v>
          </cell>
          <cell r="D4467">
            <v>3</v>
          </cell>
          <cell r="F4467">
            <v>1.0266999999999999</v>
          </cell>
        </row>
        <row r="4468">
          <cell r="C4468">
            <v>2010</v>
          </cell>
          <cell r="D4468">
            <v>3</v>
          </cell>
          <cell r="F4468">
            <v>1.0187999999999999</v>
          </cell>
        </row>
        <row r="4469">
          <cell r="C4469">
            <v>2010</v>
          </cell>
          <cell r="D4469">
            <v>3</v>
          </cell>
          <cell r="F4469">
            <v>1.0285</v>
          </cell>
        </row>
        <row r="4470">
          <cell r="C4470">
            <v>2010</v>
          </cell>
          <cell r="D4470">
            <v>3</v>
          </cell>
          <cell r="F4470">
            <v>1.0285</v>
          </cell>
        </row>
        <row r="4471">
          <cell r="C4471">
            <v>2010</v>
          </cell>
          <cell r="D4471">
            <v>3</v>
          </cell>
          <cell r="F4471">
            <v>1.0285</v>
          </cell>
        </row>
        <row r="4472">
          <cell r="C4472">
            <v>2010</v>
          </cell>
          <cell r="D4472">
            <v>3</v>
          </cell>
          <cell r="F4472">
            <v>1.0203</v>
          </cell>
        </row>
        <row r="4473">
          <cell r="C4473">
            <v>2010</v>
          </cell>
          <cell r="D4473">
            <v>3</v>
          </cell>
          <cell r="F4473">
            <v>1.0187999999999999</v>
          </cell>
        </row>
        <row r="4474">
          <cell r="C4474">
            <v>2010</v>
          </cell>
          <cell r="D4474">
            <v>4</v>
          </cell>
          <cell r="F4474">
            <v>1.0156000000000001</v>
          </cell>
        </row>
        <row r="4475">
          <cell r="C4475">
            <v>2010</v>
          </cell>
          <cell r="D4475">
            <v>4</v>
          </cell>
          <cell r="F4475">
            <v>1.0075000000000001</v>
          </cell>
        </row>
        <row r="4476">
          <cell r="C4476">
            <v>2010</v>
          </cell>
          <cell r="D4476">
            <v>4</v>
          </cell>
          <cell r="F4476">
            <v>1.0075000000000001</v>
          </cell>
        </row>
        <row r="4477">
          <cell r="C4477">
            <v>2010</v>
          </cell>
          <cell r="D4477">
            <v>4</v>
          </cell>
          <cell r="F4477">
            <v>1.0075000000000001</v>
          </cell>
        </row>
        <row r="4478">
          <cell r="C4478">
            <v>2010</v>
          </cell>
          <cell r="D4478">
            <v>4</v>
          </cell>
          <cell r="F4478">
            <v>1.0075000000000001</v>
          </cell>
        </row>
        <row r="4479">
          <cell r="C4479">
            <v>2010</v>
          </cell>
          <cell r="D4479">
            <v>4</v>
          </cell>
          <cell r="F4479">
            <v>1.0024999999999999</v>
          </cell>
        </row>
        <row r="4480">
          <cell r="C4480">
            <v>2010</v>
          </cell>
          <cell r="D4480">
            <v>4</v>
          </cell>
          <cell r="F4480">
            <v>1.0001</v>
          </cell>
        </row>
        <row r="4481">
          <cell r="C4481">
            <v>2010</v>
          </cell>
          <cell r="D4481">
            <v>4</v>
          </cell>
          <cell r="F4481">
            <v>1.0029999999999999</v>
          </cell>
        </row>
        <row r="4482">
          <cell r="C4482">
            <v>2010</v>
          </cell>
          <cell r="D4482">
            <v>4</v>
          </cell>
          <cell r="F4482">
            <v>1.002</v>
          </cell>
        </row>
        <row r="4483">
          <cell r="C4483">
            <v>2010</v>
          </cell>
          <cell r="D4483">
            <v>4</v>
          </cell>
          <cell r="F4483">
            <v>1.0055000000000001</v>
          </cell>
        </row>
        <row r="4484">
          <cell r="C4484">
            <v>2010</v>
          </cell>
          <cell r="D4484">
            <v>4</v>
          </cell>
          <cell r="F4484">
            <v>1.0055000000000001</v>
          </cell>
        </row>
        <row r="4485">
          <cell r="C4485">
            <v>2010</v>
          </cell>
          <cell r="D4485">
            <v>4</v>
          </cell>
          <cell r="F4485">
            <v>1.0055000000000001</v>
          </cell>
        </row>
        <row r="4486">
          <cell r="C4486">
            <v>2010</v>
          </cell>
          <cell r="D4486">
            <v>4</v>
          </cell>
          <cell r="F4486">
            <v>1.0015000000000001</v>
          </cell>
        </row>
        <row r="4487">
          <cell r="C4487">
            <v>2010</v>
          </cell>
          <cell r="D4487">
            <v>4</v>
          </cell>
          <cell r="F4487">
            <v>1.0027999999999999</v>
          </cell>
        </row>
        <row r="4488">
          <cell r="C4488">
            <v>2010</v>
          </cell>
          <cell r="D4488">
            <v>4</v>
          </cell>
          <cell r="F4488">
            <v>0.99609999999999999</v>
          </cell>
        </row>
        <row r="4489">
          <cell r="C4489">
            <v>2010</v>
          </cell>
          <cell r="D4489">
            <v>4</v>
          </cell>
          <cell r="F4489">
            <v>1.0014000000000001</v>
          </cell>
        </row>
        <row r="4490">
          <cell r="C4490">
            <v>2010</v>
          </cell>
          <cell r="D4490">
            <v>4</v>
          </cell>
          <cell r="F4490">
            <v>1.0147999999999999</v>
          </cell>
        </row>
        <row r="4491">
          <cell r="C4491">
            <v>2010</v>
          </cell>
          <cell r="D4491">
            <v>4</v>
          </cell>
          <cell r="F4491">
            <v>1.0147999999999999</v>
          </cell>
        </row>
        <row r="4492">
          <cell r="C4492">
            <v>2010</v>
          </cell>
          <cell r="D4492">
            <v>4</v>
          </cell>
          <cell r="F4492">
            <v>1.0147999999999999</v>
          </cell>
        </row>
        <row r="4493">
          <cell r="C4493">
            <v>2010</v>
          </cell>
          <cell r="D4493">
            <v>4</v>
          </cell>
          <cell r="F4493">
            <v>1.0201</v>
          </cell>
        </row>
        <row r="4494">
          <cell r="C4494">
            <v>2010</v>
          </cell>
          <cell r="D4494">
            <v>4</v>
          </cell>
          <cell r="F4494">
            <v>0.99860000000000004</v>
          </cell>
        </row>
        <row r="4495">
          <cell r="C4495">
            <v>2010</v>
          </cell>
          <cell r="D4495">
            <v>4</v>
          </cell>
          <cell r="F4495">
            <v>0.99839999999999995</v>
          </cell>
        </row>
        <row r="4496">
          <cell r="C4496">
            <v>2010</v>
          </cell>
          <cell r="D4496">
            <v>4</v>
          </cell>
          <cell r="F4496">
            <v>1.0013000000000001</v>
          </cell>
        </row>
        <row r="4497">
          <cell r="C4497">
            <v>2010</v>
          </cell>
          <cell r="D4497">
            <v>4</v>
          </cell>
          <cell r="F4497">
            <v>1.0026999999999999</v>
          </cell>
        </row>
        <row r="4498">
          <cell r="C4498">
            <v>2010</v>
          </cell>
          <cell r="D4498">
            <v>4</v>
          </cell>
          <cell r="F4498">
            <v>1.0026999999999999</v>
          </cell>
        </row>
        <row r="4499">
          <cell r="C4499">
            <v>2010</v>
          </cell>
          <cell r="D4499">
            <v>4</v>
          </cell>
          <cell r="F4499">
            <v>1.0026999999999999</v>
          </cell>
        </row>
        <row r="4500">
          <cell r="C4500">
            <v>2010</v>
          </cell>
          <cell r="D4500">
            <v>4</v>
          </cell>
          <cell r="F4500">
            <v>1.0008999999999999</v>
          </cell>
        </row>
        <row r="4501">
          <cell r="C4501">
            <v>2010</v>
          </cell>
          <cell r="D4501">
            <v>4</v>
          </cell>
          <cell r="F4501">
            <v>1.0173000000000001</v>
          </cell>
        </row>
        <row r="4502">
          <cell r="C4502">
            <v>2010</v>
          </cell>
          <cell r="D4502">
            <v>4</v>
          </cell>
          <cell r="F4502">
            <v>1.0127999999999999</v>
          </cell>
        </row>
        <row r="4503">
          <cell r="C4503">
            <v>2010</v>
          </cell>
          <cell r="D4503">
            <v>4</v>
          </cell>
          <cell r="F4503">
            <v>1.0054000000000001</v>
          </cell>
        </row>
        <row r="4504">
          <cell r="C4504">
            <v>2010</v>
          </cell>
          <cell r="D4504">
            <v>5</v>
          </cell>
          <cell r="F4504">
            <v>1.0116000000000001</v>
          </cell>
        </row>
        <row r="4505">
          <cell r="C4505">
            <v>2010</v>
          </cell>
          <cell r="D4505">
            <v>5</v>
          </cell>
          <cell r="F4505">
            <v>1.0116000000000001</v>
          </cell>
        </row>
        <row r="4506">
          <cell r="C4506">
            <v>2010</v>
          </cell>
          <cell r="D4506">
            <v>5</v>
          </cell>
          <cell r="F4506">
            <v>1.0116000000000001</v>
          </cell>
        </row>
        <row r="4507">
          <cell r="C4507">
            <v>2010</v>
          </cell>
          <cell r="D4507">
            <v>5</v>
          </cell>
          <cell r="F4507">
            <v>1.0134000000000001</v>
          </cell>
        </row>
        <row r="4508">
          <cell r="C4508">
            <v>2010</v>
          </cell>
          <cell r="D4508">
            <v>5</v>
          </cell>
          <cell r="F4508">
            <v>1.0216000000000001</v>
          </cell>
        </row>
        <row r="4509">
          <cell r="C4509">
            <v>2010</v>
          </cell>
          <cell r="D4509">
            <v>5</v>
          </cell>
          <cell r="F4509">
            <v>1.0266</v>
          </cell>
        </row>
        <row r="4510">
          <cell r="C4510">
            <v>2010</v>
          </cell>
          <cell r="D4510">
            <v>5</v>
          </cell>
          <cell r="F4510">
            <v>1.0437000000000001</v>
          </cell>
        </row>
        <row r="4511">
          <cell r="C4511">
            <v>2010</v>
          </cell>
          <cell r="D4511">
            <v>5</v>
          </cell>
          <cell r="F4511">
            <v>1.0430999999999999</v>
          </cell>
        </row>
        <row r="4512">
          <cell r="C4512">
            <v>2010</v>
          </cell>
          <cell r="D4512">
            <v>5</v>
          </cell>
          <cell r="F4512">
            <v>1.0430999999999999</v>
          </cell>
        </row>
        <row r="4513">
          <cell r="C4513">
            <v>2010</v>
          </cell>
          <cell r="D4513">
            <v>5</v>
          </cell>
          <cell r="F4513">
            <v>1.0430999999999999</v>
          </cell>
        </row>
        <row r="4514">
          <cell r="C4514">
            <v>2010</v>
          </cell>
          <cell r="D4514">
            <v>5</v>
          </cell>
          <cell r="F4514">
            <v>1.0246</v>
          </cell>
        </row>
        <row r="4515">
          <cell r="C4515">
            <v>2010</v>
          </cell>
          <cell r="D4515">
            <v>5</v>
          </cell>
          <cell r="F4515">
            <v>1.0195000000000001</v>
          </cell>
        </row>
        <row r="4516">
          <cell r="C4516">
            <v>2010</v>
          </cell>
          <cell r="D4516">
            <v>5</v>
          </cell>
          <cell r="F4516">
            <v>1.0201</v>
          </cell>
        </row>
        <row r="4517">
          <cell r="C4517">
            <v>2010</v>
          </cell>
          <cell r="D4517">
            <v>5</v>
          </cell>
          <cell r="F4517">
            <v>1.0148999999999999</v>
          </cell>
        </row>
        <row r="4518">
          <cell r="C4518">
            <v>2010</v>
          </cell>
          <cell r="D4518">
            <v>5</v>
          </cell>
          <cell r="F4518">
            <v>1.0344</v>
          </cell>
        </row>
        <row r="4519">
          <cell r="C4519">
            <v>2010</v>
          </cell>
          <cell r="D4519">
            <v>5</v>
          </cell>
          <cell r="F4519">
            <v>1.0344</v>
          </cell>
        </row>
        <row r="4520">
          <cell r="C4520">
            <v>2010</v>
          </cell>
          <cell r="D4520">
            <v>5</v>
          </cell>
          <cell r="F4520">
            <v>1.0344</v>
          </cell>
        </row>
        <row r="4521">
          <cell r="C4521">
            <v>2010</v>
          </cell>
          <cell r="D4521">
            <v>5</v>
          </cell>
          <cell r="F4521">
            <v>1.0405</v>
          </cell>
        </row>
        <row r="4522">
          <cell r="C4522">
            <v>2010</v>
          </cell>
          <cell r="D4522">
            <v>5</v>
          </cell>
          <cell r="F4522">
            <v>1.0329999999999999</v>
          </cell>
        </row>
        <row r="4523">
          <cell r="C4523">
            <v>2010</v>
          </cell>
          <cell r="D4523">
            <v>5</v>
          </cell>
          <cell r="F4523">
            <v>1.0515000000000001</v>
          </cell>
        </row>
        <row r="4524">
          <cell r="C4524">
            <v>2010</v>
          </cell>
          <cell r="D4524">
            <v>5</v>
          </cell>
          <cell r="F4524">
            <v>1.0659000000000001</v>
          </cell>
        </row>
        <row r="4525">
          <cell r="C4525">
            <v>2010</v>
          </cell>
          <cell r="D4525">
            <v>5</v>
          </cell>
          <cell r="F4525">
            <v>1.0569999999999999</v>
          </cell>
        </row>
        <row r="4526">
          <cell r="C4526">
            <v>2010</v>
          </cell>
          <cell r="D4526">
            <v>5</v>
          </cell>
          <cell r="F4526">
            <v>1.0569999999999999</v>
          </cell>
        </row>
        <row r="4527">
          <cell r="C4527">
            <v>2010</v>
          </cell>
          <cell r="D4527">
            <v>5</v>
          </cell>
          <cell r="F4527">
            <v>1.0569999999999999</v>
          </cell>
        </row>
        <row r="4528">
          <cell r="C4528">
            <v>2010</v>
          </cell>
          <cell r="D4528">
            <v>5</v>
          </cell>
          <cell r="F4528">
            <v>1.0569999999999999</v>
          </cell>
        </row>
        <row r="4529">
          <cell r="C4529">
            <v>2010</v>
          </cell>
          <cell r="D4529">
            <v>5</v>
          </cell>
          <cell r="F4529">
            <v>1.0778000000000001</v>
          </cell>
        </row>
        <row r="4530">
          <cell r="C4530">
            <v>2010</v>
          </cell>
          <cell r="D4530">
            <v>5</v>
          </cell>
          <cell r="F4530">
            <v>1.0650999999999999</v>
          </cell>
        </row>
        <row r="4531">
          <cell r="C4531">
            <v>2010</v>
          </cell>
          <cell r="D4531">
            <v>5</v>
          </cell>
          <cell r="F4531">
            <v>1.0496000000000001</v>
          </cell>
        </row>
        <row r="4532">
          <cell r="C4532">
            <v>2010</v>
          </cell>
          <cell r="D4532">
            <v>5</v>
          </cell>
          <cell r="F4532">
            <v>1.0499000000000001</v>
          </cell>
        </row>
        <row r="4533">
          <cell r="C4533">
            <v>2010</v>
          </cell>
          <cell r="D4533">
            <v>5</v>
          </cell>
          <cell r="F4533">
            <v>1.0499000000000001</v>
          </cell>
        </row>
        <row r="4534">
          <cell r="C4534">
            <v>2010</v>
          </cell>
          <cell r="D4534">
            <v>5</v>
          </cell>
          <cell r="F4534">
            <v>1.0499000000000001</v>
          </cell>
        </row>
        <row r="4535">
          <cell r="C4535">
            <v>2010</v>
          </cell>
          <cell r="D4535">
            <v>6</v>
          </cell>
          <cell r="F4535">
            <v>1.0499000000000001</v>
          </cell>
        </row>
        <row r="4536">
          <cell r="C4536">
            <v>2010</v>
          </cell>
          <cell r="D4536">
            <v>6</v>
          </cell>
          <cell r="F4536">
            <v>1.0479000000000001</v>
          </cell>
        </row>
        <row r="4537">
          <cell r="C4537">
            <v>2010</v>
          </cell>
          <cell r="D4537">
            <v>6</v>
          </cell>
          <cell r="F4537">
            <v>1.0404</v>
          </cell>
        </row>
        <row r="4538">
          <cell r="C4538">
            <v>2010</v>
          </cell>
          <cell r="D4538">
            <v>6</v>
          </cell>
          <cell r="F4538">
            <v>1.0416000000000001</v>
          </cell>
        </row>
        <row r="4539">
          <cell r="C4539">
            <v>2010</v>
          </cell>
          <cell r="D4539">
            <v>6</v>
          </cell>
          <cell r="F4539">
            <v>1.0516000000000001</v>
          </cell>
        </row>
        <row r="4540">
          <cell r="C4540">
            <v>2010</v>
          </cell>
          <cell r="D4540">
            <v>6</v>
          </cell>
          <cell r="F4540">
            <v>1.0516000000000001</v>
          </cell>
        </row>
        <row r="4541">
          <cell r="C4541">
            <v>2010</v>
          </cell>
          <cell r="D4541">
            <v>6</v>
          </cell>
          <cell r="F4541">
            <v>1.0516000000000001</v>
          </cell>
        </row>
        <row r="4542">
          <cell r="C4542">
            <v>2010</v>
          </cell>
          <cell r="D4542">
            <v>6</v>
          </cell>
          <cell r="F4542">
            <v>1.054</v>
          </cell>
        </row>
        <row r="4543">
          <cell r="C4543">
            <v>2010</v>
          </cell>
          <cell r="D4543">
            <v>6</v>
          </cell>
          <cell r="F4543">
            <v>1.0518000000000001</v>
          </cell>
        </row>
        <row r="4544">
          <cell r="C4544">
            <v>2010</v>
          </cell>
          <cell r="D4544">
            <v>6</v>
          </cell>
          <cell r="F4544">
            <v>1.0395000000000001</v>
          </cell>
        </row>
        <row r="4545">
          <cell r="C4545">
            <v>2010</v>
          </cell>
          <cell r="D4545">
            <v>6</v>
          </cell>
          <cell r="F4545">
            <v>1.0337000000000001</v>
          </cell>
        </row>
        <row r="4546">
          <cell r="C4546">
            <v>2010</v>
          </cell>
          <cell r="D4546">
            <v>6</v>
          </cell>
          <cell r="F4546">
            <v>1.0333000000000001</v>
          </cell>
        </row>
        <row r="4547">
          <cell r="C4547">
            <v>2010</v>
          </cell>
          <cell r="D4547">
            <v>6</v>
          </cell>
          <cell r="F4547">
            <v>1.0333000000000001</v>
          </cell>
        </row>
        <row r="4548">
          <cell r="C4548">
            <v>2010</v>
          </cell>
          <cell r="D4548">
            <v>6</v>
          </cell>
          <cell r="F4548">
            <v>1.0333000000000001</v>
          </cell>
        </row>
        <row r="4549">
          <cell r="C4549">
            <v>2010</v>
          </cell>
          <cell r="D4549">
            <v>6</v>
          </cell>
          <cell r="F4549">
            <v>1.0253000000000001</v>
          </cell>
        </row>
        <row r="4550">
          <cell r="C4550">
            <v>2010</v>
          </cell>
          <cell r="D4550">
            <v>6</v>
          </cell>
          <cell r="F4550">
            <v>1.0287999999999999</v>
          </cell>
        </row>
        <row r="4551">
          <cell r="C4551">
            <v>2010</v>
          </cell>
          <cell r="D4551">
            <v>6</v>
          </cell>
          <cell r="F4551">
            <v>1.0236000000000001</v>
          </cell>
        </row>
        <row r="4552">
          <cell r="C4552">
            <v>2010</v>
          </cell>
          <cell r="D4552">
            <v>6</v>
          </cell>
          <cell r="F4552">
            <v>1.0284</v>
          </cell>
        </row>
        <row r="4553">
          <cell r="C4553">
            <v>2010</v>
          </cell>
          <cell r="D4553">
            <v>6</v>
          </cell>
          <cell r="F4553">
            <v>1.0238</v>
          </cell>
        </row>
        <row r="4554">
          <cell r="C4554">
            <v>2010</v>
          </cell>
          <cell r="D4554">
            <v>6</v>
          </cell>
          <cell r="F4554">
            <v>1.0238</v>
          </cell>
        </row>
        <row r="4555">
          <cell r="C4555">
            <v>2010</v>
          </cell>
          <cell r="D4555">
            <v>6</v>
          </cell>
          <cell r="F4555">
            <v>1.0238</v>
          </cell>
        </row>
        <row r="4556">
          <cell r="C4556">
            <v>2010</v>
          </cell>
          <cell r="D4556">
            <v>6</v>
          </cell>
          <cell r="F4556">
            <v>1.0199</v>
          </cell>
        </row>
        <row r="4557">
          <cell r="C4557">
            <v>2010</v>
          </cell>
          <cell r="D4557">
            <v>6</v>
          </cell>
          <cell r="F4557">
            <v>1.0201</v>
          </cell>
        </row>
        <row r="4558">
          <cell r="C4558">
            <v>2010</v>
          </cell>
          <cell r="D4558">
            <v>6</v>
          </cell>
          <cell r="F4558">
            <v>1.0434000000000001</v>
          </cell>
        </row>
        <row r="4559">
          <cell r="C4559">
            <v>2010</v>
          </cell>
          <cell r="D4559">
            <v>6</v>
          </cell>
          <cell r="F4559">
            <v>1.0431999999999999</v>
          </cell>
        </row>
        <row r="4560">
          <cell r="C4560">
            <v>2010</v>
          </cell>
          <cell r="D4560">
            <v>6</v>
          </cell>
          <cell r="F4560">
            <v>1.0369999999999999</v>
          </cell>
        </row>
        <row r="4561">
          <cell r="C4561">
            <v>2010</v>
          </cell>
          <cell r="D4561">
            <v>6</v>
          </cell>
          <cell r="F4561">
            <v>1.0369999999999999</v>
          </cell>
        </row>
        <row r="4562">
          <cell r="C4562">
            <v>2010</v>
          </cell>
          <cell r="D4562">
            <v>6</v>
          </cell>
          <cell r="F4562">
            <v>1.0369999999999999</v>
          </cell>
        </row>
        <row r="4563">
          <cell r="C4563">
            <v>2010</v>
          </cell>
          <cell r="D4563">
            <v>6</v>
          </cell>
          <cell r="F4563">
            <v>1.0337000000000001</v>
          </cell>
        </row>
        <row r="4564">
          <cell r="C4564">
            <v>2010</v>
          </cell>
          <cell r="D4564">
            <v>6</v>
          </cell>
          <cell r="F4564">
            <v>1.0528999999999999</v>
          </cell>
        </row>
        <row r="4565">
          <cell r="C4565">
            <v>2010</v>
          </cell>
          <cell r="D4565">
            <v>7</v>
          </cell>
          <cell r="F4565">
            <v>1.0606</v>
          </cell>
        </row>
        <row r="4566">
          <cell r="C4566">
            <v>2010</v>
          </cell>
          <cell r="D4566">
            <v>7</v>
          </cell>
          <cell r="F4566">
            <v>1.0606</v>
          </cell>
        </row>
        <row r="4567">
          <cell r="C4567">
            <v>2010</v>
          </cell>
          <cell r="D4567">
            <v>7</v>
          </cell>
          <cell r="F4567">
            <v>1.0649</v>
          </cell>
        </row>
        <row r="4568">
          <cell r="C4568">
            <v>2010</v>
          </cell>
          <cell r="D4568">
            <v>7</v>
          </cell>
          <cell r="F4568">
            <v>1.0649</v>
          </cell>
        </row>
        <row r="4569">
          <cell r="C4569">
            <v>2010</v>
          </cell>
          <cell r="D4569">
            <v>7</v>
          </cell>
          <cell r="F4569">
            <v>1.0649</v>
          </cell>
        </row>
        <row r="4570">
          <cell r="C4570">
            <v>2010</v>
          </cell>
          <cell r="D4570">
            <v>7</v>
          </cell>
          <cell r="F4570">
            <v>1.0649</v>
          </cell>
        </row>
        <row r="4571">
          <cell r="C4571">
            <v>2010</v>
          </cell>
          <cell r="D4571">
            <v>7</v>
          </cell>
          <cell r="F4571">
            <v>1.0498000000000001</v>
          </cell>
        </row>
        <row r="4572">
          <cell r="C4572">
            <v>2010</v>
          </cell>
          <cell r="D4572">
            <v>7</v>
          </cell>
          <cell r="F4572">
            <v>1.0527</v>
          </cell>
        </row>
        <row r="4573">
          <cell r="C4573">
            <v>2010</v>
          </cell>
          <cell r="D4573">
            <v>7</v>
          </cell>
          <cell r="F4573">
            <v>1.0446</v>
          </cell>
        </row>
        <row r="4574">
          <cell r="C4574">
            <v>2010</v>
          </cell>
          <cell r="D4574">
            <v>7</v>
          </cell>
          <cell r="F4574">
            <v>1.0327999999999999</v>
          </cell>
        </row>
        <row r="4575">
          <cell r="C4575">
            <v>2010</v>
          </cell>
          <cell r="D4575">
            <v>7</v>
          </cell>
          <cell r="F4575">
            <v>1.0327999999999999</v>
          </cell>
        </row>
        <row r="4576">
          <cell r="C4576">
            <v>2010</v>
          </cell>
          <cell r="D4576">
            <v>7</v>
          </cell>
          <cell r="F4576">
            <v>1.0327999999999999</v>
          </cell>
        </row>
        <row r="4577">
          <cell r="C4577">
            <v>2010</v>
          </cell>
          <cell r="D4577">
            <v>7</v>
          </cell>
          <cell r="F4577">
            <v>1.0379</v>
          </cell>
        </row>
        <row r="4578">
          <cell r="C4578">
            <v>2010</v>
          </cell>
          <cell r="D4578">
            <v>7</v>
          </cell>
          <cell r="F4578">
            <v>1.0284</v>
          </cell>
        </row>
        <row r="4579">
          <cell r="C4579">
            <v>2010</v>
          </cell>
          <cell r="D4579">
            <v>7</v>
          </cell>
          <cell r="F4579">
            <v>1.0306</v>
          </cell>
        </row>
        <row r="4580">
          <cell r="C4580">
            <v>2010</v>
          </cell>
          <cell r="D4580">
            <v>7</v>
          </cell>
          <cell r="F4580">
            <v>1.0403</v>
          </cell>
        </row>
        <row r="4581">
          <cell r="C4581">
            <v>2010</v>
          </cell>
          <cell r="D4581">
            <v>7</v>
          </cell>
          <cell r="F4581">
            <v>1.0537000000000001</v>
          </cell>
        </row>
        <row r="4582">
          <cell r="C4582">
            <v>2010</v>
          </cell>
          <cell r="D4582">
            <v>7</v>
          </cell>
          <cell r="F4582">
            <v>1.0537000000000001</v>
          </cell>
        </row>
        <row r="4583">
          <cell r="C4583">
            <v>2010</v>
          </cell>
          <cell r="D4583">
            <v>7</v>
          </cell>
          <cell r="F4583">
            <v>1.0537000000000001</v>
          </cell>
        </row>
        <row r="4584">
          <cell r="C4584">
            <v>2010</v>
          </cell>
          <cell r="D4584">
            <v>7</v>
          </cell>
          <cell r="F4584">
            <v>1.0559000000000001</v>
          </cell>
        </row>
        <row r="4585">
          <cell r="C4585">
            <v>2010</v>
          </cell>
          <cell r="D4585">
            <v>7</v>
          </cell>
          <cell r="F4585">
            <v>1.0526</v>
          </cell>
        </row>
        <row r="4586">
          <cell r="C4586">
            <v>2010</v>
          </cell>
          <cell r="D4586">
            <v>7</v>
          </cell>
          <cell r="F4586">
            <v>1.0427</v>
          </cell>
        </row>
        <row r="4587">
          <cell r="C4587">
            <v>2010</v>
          </cell>
          <cell r="D4587">
            <v>7</v>
          </cell>
          <cell r="F4587">
            <v>1.0376000000000001</v>
          </cell>
        </row>
        <row r="4588">
          <cell r="C4588">
            <v>2010</v>
          </cell>
          <cell r="D4588">
            <v>7</v>
          </cell>
          <cell r="F4588">
            <v>1.0373000000000001</v>
          </cell>
        </row>
        <row r="4589">
          <cell r="C4589">
            <v>2010</v>
          </cell>
          <cell r="D4589">
            <v>7</v>
          </cell>
          <cell r="F4589">
            <v>1.0373000000000001</v>
          </cell>
        </row>
        <row r="4590">
          <cell r="C4590">
            <v>2010</v>
          </cell>
          <cell r="D4590">
            <v>7</v>
          </cell>
          <cell r="F4590">
            <v>1.0373000000000001</v>
          </cell>
        </row>
        <row r="4591">
          <cell r="C4591">
            <v>2010</v>
          </cell>
          <cell r="D4591">
            <v>7</v>
          </cell>
          <cell r="F4591">
            <v>1.0311999999999999</v>
          </cell>
        </row>
        <row r="4592">
          <cell r="C4592">
            <v>2010</v>
          </cell>
          <cell r="D4592">
            <v>7</v>
          </cell>
          <cell r="F4592">
            <v>1.0357000000000001</v>
          </cell>
        </row>
        <row r="4593">
          <cell r="C4593">
            <v>2010</v>
          </cell>
          <cell r="D4593">
            <v>7</v>
          </cell>
          <cell r="F4593">
            <v>1.0357000000000001</v>
          </cell>
        </row>
        <row r="4594">
          <cell r="C4594">
            <v>2010</v>
          </cell>
          <cell r="D4594">
            <v>7</v>
          </cell>
          <cell r="F4594">
            <v>1.0369999999999999</v>
          </cell>
        </row>
        <row r="4595">
          <cell r="C4595">
            <v>2010</v>
          </cell>
          <cell r="D4595">
            <v>7</v>
          </cell>
          <cell r="F4595">
            <v>1.0289999999999999</v>
          </cell>
        </row>
        <row r="4596">
          <cell r="C4596">
            <v>2010</v>
          </cell>
          <cell r="D4596">
            <v>8</v>
          </cell>
          <cell r="F4596">
            <v>1.0289999999999999</v>
          </cell>
        </row>
        <row r="4597">
          <cell r="C4597">
            <v>2010</v>
          </cell>
          <cell r="D4597">
            <v>8</v>
          </cell>
          <cell r="F4597">
            <v>1.0289999999999999</v>
          </cell>
        </row>
        <row r="4598">
          <cell r="C4598">
            <v>2010</v>
          </cell>
          <cell r="D4598">
            <v>8</v>
          </cell>
          <cell r="F4598">
            <v>1.0289999999999999</v>
          </cell>
        </row>
        <row r="4599">
          <cell r="C4599">
            <v>2010</v>
          </cell>
          <cell r="D4599">
            <v>8</v>
          </cell>
          <cell r="F4599">
            <v>1.0225</v>
          </cell>
        </row>
        <row r="4600">
          <cell r="C4600">
            <v>2010</v>
          </cell>
          <cell r="D4600">
            <v>8</v>
          </cell>
          <cell r="F4600">
            <v>1.0185</v>
          </cell>
        </row>
        <row r="4601">
          <cell r="C4601">
            <v>2010</v>
          </cell>
          <cell r="D4601">
            <v>8</v>
          </cell>
          <cell r="F4601">
            <v>1.0158</v>
          </cell>
        </row>
        <row r="4602">
          <cell r="C4602">
            <v>2010</v>
          </cell>
          <cell r="D4602">
            <v>8</v>
          </cell>
          <cell r="F4602">
            <v>1.0273000000000001</v>
          </cell>
        </row>
        <row r="4603">
          <cell r="C4603">
            <v>2010</v>
          </cell>
          <cell r="D4603">
            <v>8</v>
          </cell>
          <cell r="F4603">
            <v>1.0273000000000001</v>
          </cell>
        </row>
        <row r="4604">
          <cell r="C4604">
            <v>2010</v>
          </cell>
          <cell r="D4604">
            <v>8</v>
          </cell>
          <cell r="F4604">
            <v>1.0273000000000001</v>
          </cell>
        </row>
        <row r="4605">
          <cell r="C4605">
            <v>2010</v>
          </cell>
          <cell r="D4605">
            <v>8</v>
          </cell>
          <cell r="F4605">
            <v>1.0266</v>
          </cell>
        </row>
        <row r="4606">
          <cell r="C4606">
            <v>2010</v>
          </cell>
          <cell r="D4606">
            <v>8</v>
          </cell>
          <cell r="F4606">
            <v>1.0347999999999999</v>
          </cell>
        </row>
        <row r="4607">
          <cell r="C4607">
            <v>2010</v>
          </cell>
          <cell r="D4607">
            <v>8</v>
          </cell>
          <cell r="F4607">
            <v>1.0456000000000001</v>
          </cell>
        </row>
        <row r="4608">
          <cell r="C4608">
            <v>2010</v>
          </cell>
          <cell r="D4608">
            <v>8</v>
          </cell>
          <cell r="F4608">
            <v>1.0434000000000001</v>
          </cell>
        </row>
        <row r="4609">
          <cell r="C4609">
            <v>2010</v>
          </cell>
          <cell r="D4609">
            <v>8</v>
          </cell>
          <cell r="F4609">
            <v>1.0402</v>
          </cell>
        </row>
        <row r="4610">
          <cell r="C4610">
            <v>2010</v>
          </cell>
          <cell r="D4610">
            <v>8</v>
          </cell>
          <cell r="F4610">
            <v>1.0402</v>
          </cell>
        </row>
        <row r="4611">
          <cell r="C4611">
            <v>2010</v>
          </cell>
          <cell r="D4611">
            <v>8</v>
          </cell>
          <cell r="F4611">
            <v>1.0402</v>
          </cell>
        </row>
        <row r="4612">
          <cell r="C4612">
            <v>2010</v>
          </cell>
          <cell r="D4612">
            <v>8</v>
          </cell>
          <cell r="F4612">
            <v>1.0431999999999999</v>
          </cell>
        </row>
        <row r="4613">
          <cell r="C4613">
            <v>2010</v>
          </cell>
          <cell r="D4613">
            <v>8</v>
          </cell>
          <cell r="F4613">
            <v>1.0311999999999999</v>
          </cell>
        </row>
        <row r="4614">
          <cell r="C4614">
            <v>2010</v>
          </cell>
          <cell r="D4614">
            <v>8</v>
          </cell>
          <cell r="F4614">
            <v>1.0288999999999999</v>
          </cell>
        </row>
        <row r="4615">
          <cell r="C4615">
            <v>2010</v>
          </cell>
          <cell r="D4615">
            <v>8</v>
          </cell>
          <cell r="F4615">
            <v>1.0399</v>
          </cell>
        </row>
        <row r="4616">
          <cell r="C4616">
            <v>2010</v>
          </cell>
          <cell r="D4616">
            <v>8</v>
          </cell>
          <cell r="F4616">
            <v>1.05</v>
          </cell>
        </row>
        <row r="4617">
          <cell r="C4617">
            <v>2010</v>
          </cell>
          <cell r="D4617">
            <v>8</v>
          </cell>
          <cell r="F4617">
            <v>1.05</v>
          </cell>
        </row>
        <row r="4618">
          <cell r="C4618">
            <v>2010</v>
          </cell>
          <cell r="D4618">
            <v>8</v>
          </cell>
          <cell r="F4618">
            <v>1.05</v>
          </cell>
        </row>
        <row r="4619">
          <cell r="C4619">
            <v>2010</v>
          </cell>
          <cell r="D4619">
            <v>8</v>
          </cell>
          <cell r="F4619">
            <v>1.0513999999999999</v>
          </cell>
        </row>
        <row r="4620">
          <cell r="C4620">
            <v>2010</v>
          </cell>
          <cell r="D4620">
            <v>8</v>
          </cell>
          <cell r="F4620">
            <v>1.0563</v>
          </cell>
        </row>
        <row r="4621">
          <cell r="C4621">
            <v>2010</v>
          </cell>
          <cell r="D4621">
            <v>8</v>
          </cell>
          <cell r="F4621">
            <v>1.0642</v>
          </cell>
        </row>
        <row r="4622">
          <cell r="C4622">
            <v>2010</v>
          </cell>
          <cell r="D4622">
            <v>8</v>
          </cell>
          <cell r="F4622">
            <v>1.0546</v>
          </cell>
        </row>
        <row r="4623">
          <cell r="C4623">
            <v>2010</v>
          </cell>
          <cell r="D4623">
            <v>8</v>
          </cell>
          <cell r="F4623">
            <v>1.0546</v>
          </cell>
        </row>
        <row r="4624">
          <cell r="C4624">
            <v>2010</v>
          </cell>
          <cell r="D4624">
            <v>8</v>
          </cell>
          <cell r="F4624">
            <v>1.0546</v>
          </cell>
        </row>
        <row r="4625">
          <cell r="C4625">
            <v>2010</v>
          </cell>
          <cell r="D4625">
            <v>8</v>
          </cell>
          <cell r="F4625">
            <v>1.0546</v>
          </cell>
        </row>
        <row r="4626">
          <cell r="C4626">
            <v>2010</v>
          </cell>
          <cell r="D4626">
            <v>8</v>
          </cell>
          <cell r="F4626">
            <v>1.0562</v>
          </cell>
        </row>
        <row r="4627">
          <cell r="C4627">
            <v>2010</v>
          </cell>
          <cell r="D4627">
            <v>9</v>
          </cell>
          <cell r="F4627">
            <v>1.0639000000000001</v>
          </cell>
        </row>
        <row r="4628">
          <cell r="C4628">
            <v>2010</v>
          </cell>
          <cell r="D4628">
            <v>9</v>
          </cell>
          <cell r="F4628">
            <v>1.0497000000000001</v>
          </cell>
        </row>
        <row r="4629">
          <cell r="C4629">
            <v>2010</v>
          </cell>
          <cell r="D4629">
            <v>9</v>
          </cell>
          <cell r="F4629">
            <v>1.052</v>
          </cell>
        </row>
        <row r="4630">
          <cell r="C4630">
            <v>2010</v>
          </cell>
          <cell r="D4630">
            <v>9</v>
          </cell>
          <cell r="F4630">
            <v>1.0410999999999999</v>
          </cell>
        </row>
        <row r="4631">
          <cell r="C4631">
            <v>2010</v>
          </cell>
          <cell r="D4631">
            <v>9</v>
          </cell>
          <cell r="F4631">
            <v>1.0410999999999999</v>
          </cell>
        </row>
        <row r="4632">
          <cell r="C4632">
            <v>2010</v>
          </cell>
          <cell r="D4632">
            <v>9</v>
          </cell>
          <cell r="F4632">
            <v>1.0410999999999999</v>
          </cell>
        </row>
        <row r="4633">
          <cell r="C4633">
            <v>2010</v>
          </cell>
          <cell r="D4633">
            <v>9</v>
          </cell>
          <cell r="F4633">
            <v>1.0410999999999999</v>
          </cell>
        </row>
        <row r="4634">
          <cell r="C4634">
            <v>2010</v>
          </cell>
          <cell r="D4634">
            <v>9</v>
          </cell>
          <cell r="F4634">
            <v>1.0427</v>
          </cell>
        </row>
        <row r="4635">
          <cell r="C4635">
            <v>2010</v>
          </cell>
          <cell r="D4635">
            <v>9</v>
          </cell>
          <cell r="F4635">
            <v>1.0359</v>
          </cell>
        </row>
        <row r="4636">
          <cell r="C4636">
            <v>2010</v>
          </cell>
          <cell r="D4636">
            <v>9</v>
          </cell>
          <cell r="F4636">
            <v>1.0327999999999999</v>
          </cell>
        </row>
        <row r="4637">
          <cell r="C4637">
            <v>2010</v>
          </cell>
          <cell r="D4637">
            <v>9</v>
          </cell>
          <cell r="F4637">
            <v>1.0358000000000001</v>
          </cell>
        </row>
        <row r="4638">
          <cell r="C4638">
            <v>2010</v>
          </cell>
          <cell r="D4638">
            <v>9</v>
          </cell>
          <cell r="F4638">
            <v>1.0358000000000001</v>
          </cell>
        </row>
        <row r="4639">
          <cell r="C4639">
            <v>2010</v>
          </cell>
          <cell r="D4639">
            <v>9</v>
          </cell>
          <cell r="F4639">
            <v>1.0358000000000001</v>
          </cell>
        </row>
        <row r="4640">
          <cell r="C4640">
            <v>2010</v>
          </cell>
          <cell r="D4640">
            <v>9</v>
          </cell>
          <cell r="F4640">
            <v>1.0279</v>
          </cell>
        </row>
        <row r="4641">
          <cell r="C4641">
            <v>2010</v>
          </cell>
          <cell r="D4641">
            <v>9</v>
          </cell>
          <cell r="F4641">
            <v>1.0222</v>
          </cell>
        </row>
        <row r="4642">
          <cell r="C4642">
            <v>2010</v>
          </cell>
          <cell r="D4642">
            <v>9</v>
          </cell>
          <cell r="F4642">
            <v>1.0282</v>
          </cell>
        </row>
        <row r="4643">
          <cell r="C4643">
            <v>2010</v>
          </cell>
          <cell r="D4643">
            <v>9</v>
          </cell>
          <cell r="F4643">
            <v>1.0274000000000001</v>
          </cell>
        </row>
        <row r="4644">
          <cell r="C4644">
            <v>2010</v>
          </cell>
          <cell r="D4644">
            <v>9</v>
          </cell>
          <cell r="F4644">
            <v>1.0330999999999999</v>
          </cell>
        </row>
        <row r="4645">
          <cell r="C4645">
            <v>2010</v>
          </cell>
          <cell r="D4645">
            <v>9</v>
          </cell>
          <cell r="F4645">
            <v>1.0330999999999999</v>
          </cell>
        </row>
        <row r="4646">
          <cell r="C4646">
            <v>2010</v>
          </cell>
          <cell r="D4646">
            <v>9</v>
          </cell>
          <cell r="F4646">
            <v>1.0330999999999999</v>
          </cell>
        </row>
        <row r="4647">
          <cell r="C4647">
            <v>2010</v>
          </cell>
          <cell r="D4647">
            <v>9</v>
          </cell>
          <cell r="F4647">
            <v>1.0281</v>
          </cell>
        </row>
        <row r="4648">
          <cell r="C4648">
            <v>2010</v>
          </cell>
          <cell r="D4648">
            <v>9</v>
          </cell>
          <cell r="F4648">
            <v>1.0315000000000001</v>
          </cell>
        </row>
        <row r="4649">
          <cell r="C4649">
            <v>2010</v>
          </cell>
          <cell r="D4649">
            <v>9</v>
          </cell>
          <cell r="F4649">
            <v>1.0327</v>
          </cell>
        </row>
        <row r="4650">
          <cell r="C4650">
            <v>2010</v>
          </cell>
          <cell r="D4650">
            <v>9</v>
          </cell>
          <cell r="F4650">
            <v>1.0309999999999999</v>
          </cell>
        </row>
        <row r="4651">
          <cell r="C4651">
            <v>2010</v>
          </cell>
          <cell r="D4651">
            <v>9</v>
          </cell>
          <cell r="F4651">
            <v>1.0263</v>
          </cell>
        </row>
        <row r="4652">
          <cell r="C4652">
            <v>2010</v>
          </cell>
          <cell r="D4652">
            <v>9</v>
          </cell>
          <cell r="F4652">
            <v>1.0263</v>
          </cell>
        </row>
        <row r="4653">
          <cell r="C4653">
            <v>2010</v>
          </cell>
          <cell r="D4653">
            <v>9</v>
          </cell>
          <cell r="F4653">
            <v>1.0263</v>
          </cell>
        </row>
        <row r="4654">
          <cell r="C4654">
            <v>2010</v>
          </cell>
          <cell r="D4654">
            <v>9</v>
          </cell>
          <cell r="F4654">
            <v>1.026</v>
          </cell>
        </row>
        <row r="4655">
          <cell r="C4655">
            <v>2010</v>
          </cell>
          <cell r="D4655">
            <v>9</v>
          </cell>
          <cell r="F4655">
            <v>1.0306</v>
          </cell>
        </row>
        <row r="4656">
          <cell r="C4656">
            <v>2010</v>
          </cell>
          <cell r="D4656">
            <v>9</v>
          </cell>
          <cell r="F4656">
            <v>1.03</v>
          </cell>
        </row>
        <row r="4657">
          <cell r="C4657">
            <v>2010</v>
          </cell>
          <cell r="D4657">
            <v>10</v>
          </cell>
          <cell r="F4657">
            <v>1.0298</v>
          </cell>
        </row>
        <row r="4658">
          <cell r="C4658">
            <v>2010</v>
          </cell>
          <cell r="D4658">
            <v>10</v>
          </cell>
          <cell r="F4658">
            <v>1.0215000000000001</v>
          </cell>
        </row>
        <row r="4659">
          <cell r="C4659">
            <v>2010</v>
          </cell>
          <cell r="D4659">
            <v>10</v>
          </cell>
          <cell r="F4659">
            <v>1.0215000000000001</v>
          </cell>
        </row>
        <row r="4660">
          <cell r="C4660">
            <v>2010</v>
          </cell>
          <cell r="D4660">
            <v>10</v>
          </cell>
          <cell r="F4660">
            <v>1.0215000000000001</v>
          </cell>
        </row>
        <row r="4661">
          <cell r="C4661">
            <v>2010</v>
          </cell>
          <cell r="D4661">
            <v>10</v>
          </cell>
          <cell r="F4661">
            <v>1.0234000000000001</v>
          </cell>
        </row>
        <row r="4662">
          <cell r="C4662">
            <v>2010</v>
          </cell>
          <cell r="D4662">
            <v>10</v>
          </cell>
          <cell r="F4662">
            <v>1.0167999999999999</v>
          </cell>
        </row>
        <row r="4663">
          <cell r="C4663">
            <v>2010</v>
          </cell>
          <cell r="D4663">
            <v>10</v>
          </cell>
          <cell r="F4663">
            <v>1.0073000000000001</v>
          </cell>
        </row>
        <row r="4664">
          <cell r="C4664">
            <v>2010</v>
          </cell>
          <cell r="D4664">
            <v>10</v>
          </cell>
          <cell r="F4664">
            <v>1.0165999999999999</v>
          </cell>
        </row>
        <row r="4665">
          <cell r="C4665">
            <v>2010</v>
          </cell>
          <cell r="D4665">
            <v>10</v>
          </cell>
          <cell r="F4665">
            <v>1.0136000000000001</v>
          </cell>
        </row>
        <row r="4666">
          <cell r="C4666">
            <v>2010</v>
          </cell>
          <cell r="D4666">
            <v>10</v>
          </cell>
          <cell r="F4666">
            <v>1.0136000000000001</v>
          </cell>
        </row>
        <row r="4667">
          <cell r="C4667">
            <v>2010</v>
          </cell>
          <cell r="D4667">
            <v>10</v>
          </cell>
          <cell r="F4667">
            <v>1.0136000000000001</v>
          </cell>
        </row>
        <row r="4668">
          <cell r="C4668">
            <v>2010</v>
          </cell>
          <cell r="D4668">
            <v>10</v>
          </cell>
          <cell r="F4668">
            <v>1.0136000000000001</v>
          </cell>
        </row>
        <row r="4669">
          <cell r="C4669">
            <v>2010</v>
          </cell>
          <cell r="D4669">
            <v>10</v>
          </cell>
          <cell r="F4669">
            <v>1.0109999999999999</v>
          </cell>
        </row>
        <row r="4670">
          <cell r="C4670">
            <v>2010</v>
          </cell>
          <cell r="D4670">
            <v>10</v>
          </cell>
          <cell r="F4670">
            <v>1.0029999999999999</v>
          </cell>
        </row>
        <row r="4671">
          <cell r="C4671">
            <v>2010</v>
          </cell>
          <cell r="D4671">
            <v>10</v>
          </cell>
          <cell r="F4671">
            <v>1.0036</v>
          </cell>
        </row>
        <row r="4672">
          <cell r="C4672">
            <v>2010</v>
          </cell>
          <cell r="D4672">
            <v>10</v>
          </cell>
          <cell r="F4672">
            <v>1.0107999999999999</v>
          </cell>
        </row>
        <row r="4673">
          <cell r="C4673">
            <v>2010</v>
          </cell>
          <cell r="D4673">
            <v>10</v>
          </cell>
          <cell r="F4673">
            <v>1.0107999999999999</v>
          </cell>
        </row>
        <row r="4674">
          <cell r="C4674">
            <v>2010</v>
          </cell>
          <cell r="D4674">
            <v>10</v>
          </cell>
          <cell r="F4674">
            <v>1.0107999999999999</v>
          </cell>
        </row>
        <row r="4675">
          <cell r="C4675">
            <v>2010</v>
          </cell>
          <cell r="D4675">
            <v>10</v>
          </cell>
          <cell r="F4675">
            <v>1.0148999999999999</v>
          </cell>
        </row>
        <row r="4676">
          <cell r="C4676">
            <v>2010</v>
          </cell>
          <cell r="D4676">
            <v>10</v>
          </cell>
          <cell r="F4676">
            <v>1.0298</v>
          </cell>
        </row>
        <row r="4677">
          <cell r="C4677">
            <v>2010</v>
          </cell>
          <cell r="D4677">
            <v>10</v>
          </cell>
          <cell r="F4677">
            <v>1.0245</v>
          </cell>
        </row>
        <row r="4678">
          <cell r="C4678">
            <v>2010</v>
          </cell>
          <cell r="D4678">
            <v>10</v>
          </cell>
          <cell r="F4678">
            <v>1.0233000000000001</v>
          </cell>
        </row>
        <row r="4679">
          <cell r="C4679">
            <v>2010</v>
          </cell>
          <cell r="D4679">
            <v>10</v>
          </cell>
          <cell r="F4679">
            <v>1.0263</v>
          </cell>
        </row>
        <row r="4680">
          <cell r="C4680">
            <v>2010</v>
          </cell>
          <cell r="D4680">
            <v>10</v>
          </cell>
          <cell r="F4680">
            <v>1.0263</v>
          </cell>
        </row>
        <row r="4681">
          <cell r="C4681">
            <v>2010</v>
          </cell>
          <cell r="D4681">
            <v>10</v>
          </cell>
          <cell r="F4681">
            <v>1.0263</v>
          </cell>
        </row>
        <row r="4682">
          <cell r="C4682">
            <v>2010</v>
          </cell>
          <cell r="D4682">
            <v>10</v>
          </cell>
          <cell r="F4682">
            <v>1.0198</v>
          </cell>
        </row>
        <row r="4683">
          <cell r="C4683">
            <v>2010</v>
          </cell>
          <cell r="D4683">
            <v>10</v>
          </cell>
          <cell r="F4683">
            <v>1.0223</v>
          </cell>
        </row>
        <row r="4684">
          <cell r="C4684">
            <v>2010</v>
          </cell>
          <cell r="D4684">
            <v>10</v>
          </cell>
          <cell r="F4684">
            <v>1.032</v>
          </cell>
        </row>
        <row r="4685">
          <cell r="C4685">
            <v>2010</v>
          </cell>
          <cell r="D4685">
            <v>10</v>
          </cell>
          <cell r="F4685">
            <v>1.0202</v>
          </cell>
        </row>
        <row r="4686">
          <cell r="C4686">
            <v>2010</v>
          </cell>
          <cell r="D4686">
            <v>10</v>
          </cell>
          <cell r="F4686">
            <v>1.0187999999999999</v>
          </cell>
        </row>
        <row r="4687">
          <cell r="C4687">
            <v>2010</v>
          </cell>
          <cell r="D4687">
            <v>10</v>
          </cell>
          <cell r="F4687">
            <v>1.0187999999999999</v>
          </cell>
        </row>
        <row r="4688">
          <cell r="C4688">
            <v>2010</v>
          </cell>
          <cell r="D4688">
            <v>11</v>
          </cell>
          <cell r="F4688">
            <v>1.0187999999999999</v>
          </cell>
        </row>
        <row r="4689">
          <cell r="C4689">
            <v>2010</v>
          </cell>
          <cell r="D4689">
            <v>11</v>
          </cell>
          <cell r="F4689">
            <v>1.0136000000000001</v>
          </cell>
        </row>
        <row r="4690">
          <cell r="C4690">
            <v>2010</v>
          </cell>
          <cell r="D4690">
            <v>11</v>
          </cell>
          <cell r="F4690">
            <v>1.0099</v>
          </cell>
        </row>
        <row r="4691">
          <cell r="C4691">
            <v>2010</v>
          </cell>
          <cell r="D4691">
            <v>11</v>
          </cell>
          <cell r="F4691">
            <v>1.0092000000000001</v>
          </cell>
        </row>
        <row r="4692">
          <cell r="C4692">
            <v>2010</v>
          </cell>
          <cell r="D4692">
            <v>11</v>
          </cell>
          <cell r="F4692">
            <v>1.0024</v>
          </cell>
        </row>
        <row r="4693">
          <cell r="C4693">
            <v>2010</v>
          </cell>
          <cell r="D4693">
            <v>11</v>
          </cell>
          <cell r="F4693">
            <v>1.0015000000000001</v>
          </cell>
        </row>
        <row r="4694">
          <cell r="C4694">
            <v>2010</v>
          </cell>
          <cell r="D4694">
            <v>11</v>
          </cell>
          <cell r="F4694">
            <v>1.0015000000000001</v>
          </cell>
        </row>
        <row r="4695">
          <cell r="C4695">
            <v>2010</v>
          </cell>
          <cell r="D4695">
            <v>11</v>
          </cell>
          <cell r="F4695">
            <v>1.0015000000000001</v>
          </cell>
        </row>
        <row r="4696">
          <cell r="C4696">
            <v>2010</v>
          </cell>
          <cell r="D4696">
            <v>11</v>
          </cell>
          <cell r="F4696">
            <v>1.0022</v>
          </cell>
        </row>
        <row r="4697">
          <cell r="C4697">
            <v>2010</v>
          </cell>
          <cell r="D4697">
            <v>11</v>
          </cell>
          <cell r="F4697">
            <v>1.0013000000000001</v>
          </cell>
        </row>
        <row r="4698">
          <cell r="C4698">
            <v>2010</v>
          </cell>
          <cell r="D4698">
            <v>11</v>
          </cell>
          <cell r="F4698">
            <v>1.0017</v>
          </cell>
        </row>
        <row r="4699">
          <cell r="C4699">
            <v>2010</v>
          </cell>
          <cell r="D4699">
            <v>11</v>
          </cell>
          <cell r="F4699">
            <v>1.0017</v>
          </cell>
        </row>
        <row r="4700">
          <cell r="C4700">
            <v>2010</v>
          </cell>
          <cell r="D4700">
            <v>11</v>
          </cell>
          <cell r="F4700">
            <v>1.008</v>
          </cell>
        </row>
        <row r="4701">
          <cell r="C4701">
            <v>2010</v>
          </cell>
          <cell r="D4701">
            <v>11</v>
          </cell>
          <cell r="F4701">
            <v>1.008</v>
          </cell>
        </row>
        <row r="4702">
          <cell r="C4702">
            <v>2010</v>
          </cell>
          <cell r="D4702">
            <v>11</v>
          </cell>
          <cell r="F4702">
            <v>1.008</v>
          </cell>
        </row>
        <row r="4703">
          <cell r="C4703">
            <v>2010</v>
          </cell>
          <cell r="D4703">
            <v>11</v>
          </cell>
          <cell r="F4703">
            <v>1.0065</v>
          </cell>
        </row>
        <row r="4704">
          <cell r="C4704">
            <v>2010</v>
          </cell>
          <cell r="D4704">
            <v>11</v>
          </cell>
          <cell r="F4704">
            <v>1.0230999999999999</v>
          </cell>
        </row>
        <row r="4705">
          <cell r="C4705">
            <v>2010</v>
          </cell>
          <cell r="D4705">
            <v>11</v>
          </cell>
          <cell r="F4705">
            <v>1.0206999999999999</v>
          </cell>
        </row>
        <row r="4706">
          <cell r="C4706">
            <v>2010</v>
          </cell>
          <cell r="D4706">
            <v>11</v>
          </cell>
          <cell r="F4706">
            <v>1.0174000000000001</v>
          </cell>
        </row>
        <row r="4707">
          <cell r="C4707">
            <v>2010</v>
          </cell>
          <cell r="D4707">
            <v>11</v>
          </cell>
          <cell r="F4707">
            <v>1.0207999999999999</v>
          </cell>
        </row>
        <row r="4708">
          <cell r="C4708">
            <v>2010</v>
          </cell>
          <cell r="D4708">
            <v>11</v>
          </cell>
          <cell r="F4708">
            <v>1.0207999999999999</v>
          </cell>
        </row>
        <row r="4709">
          <cell r="C4709">
            <v>2010</v>
          </cell>
          <cell r="D4709">
            <v>11</v>
          </cell>
          <cell r="F4709">
            <v>1.0207999999999999</v>
          </cell>
        </row>
        <row r="4710">
          <cell r="C4710">
            <v>2010</v>
          </cell>
          <cell r="D4710">
            <v>11</v>
          </cell>
          <cell r="F4710">
            <v>1.0186999999999999</v>
          </cell>
        </row>
        <row r="4711">
          <cell r="C4711">
            <v>2010</v>
          </cell>
          <cell r="D4711">
            <v>11</v>
          </cell>
          <cell r="F4711">
            <v>1.0245</v>
          </cell>
        </row>
        <row r="4712">
          <cell r="C4712">
            <v>2010</v>
          </cell>
          <cell r="D4712">
            <v>11</v>
          </cell>
          <cell r="F4712">
            <v>1.0107999999999999</v>
          </cell>
        </row>
        <row r="4713">
          <cell r="C4713">
            <v>2010</v>
          </cell>
          <cell r="D4713">
            <v>11</v>
          </cell>
          <cell r="F4713">
            <v>1.0107999999999999</v>
          </cell>
        </row>
        <row r="4714">
          <cell r="C4714">
            <v>2010</v>
          </cell>
          <cell r="D4714">
            <v>11</v>
          </cell>
          <cell r="F4714">
            <v>1.0107999999999999</v>
          </cell>
        </row>
        <row r="4715">
          <cell r="C4715">
            <v>2010</v>
          </cell>
          <cell r="D4715">
            <v>11</v>
          </cell>
          <cell r="F4715">
            <v>1.0107999999999999</v>
          </cell>
        </row>
        <row r="4716">
          <cell r="C4716">
            <v>2010</v>
          </cell>
          <cell r="D4716">
            <v>11</v>
          </cell>
          <cell r="F4716">
            <v>1.0107999999999999</v>
          </cell>
        </row>
        <row r="4717">
          <cell r="C4717">
            <v>2010</v>
          </cell>
          <cell r="D4717">
            <v>11</v>
          </cell>
          <cell r="F4717">
            <v>1.0226999999999999</v>
          </cell>
        </row>
        <row r="4718">
          <cell r="C4718">
            <v>2010</v>
          </cell>
          <cell r="D4718">
            <v>12</v>
          </cell>
          <cell r="F4718">
            <v>1.0264</v>
          </cell>
        </row>
        <row r="4719">
          <cell r="C4719">
            <v>2010</v>
          </cell>
          <cell r="D4719">
            <v>12</v>
          </cell>
          <cell r="F4719">
            <v>1.016</v>
          </cell>
        </row>
        <row r="4720">
          <cell r="C4720">
            <v>2010</v>
          </cell>
          <cell r="D4720">
            <v>12</v>
          </cell>
          <cell r="F4720">
            <v>1.0045999999999999</v>
          </cell>
        </row>
        <row r="4721">
          <cell r="C4721">
            <v>2010</v>
          </cell>
          <cell r="D4721">
            <v>12</v>
          </cell>
          <cell r="F4721">
            <v>1.006</v>
          </cell>
        </row>
        <row r="4722">
          <cell r="C4722">
            <v>2010</v>
          </cell>
          <cell r="D4722">
            <v>12</v>
          </cell>
          <cell r="F4722">
            <v>1.006</v>
          </cell>
        </row>
        <row r="4723">
          <cell r="C4723">
            <v>2010</v>
          </cell>
          <cell r="D4723">
            <v>12</v>
          </cell>
          <cell r="F4723">
            <v>1.006</v>
          </cell>
        </row>
        <row r="4724">
          <cell r="C4724">
            <v>2010</v>
          </cell>
          <cell r="D4724">
            <v>12</v>
          </cell>
          <cell r="F4724">
            <v>1.0058</v>
          </cell>
        </row>
        <row r="4725">
          <cell r="C4725">
            <v>2010</v>
          </cell>
          <cell r="D4725">
            <v>12</v>
          </cell>
          <cell r="F4725">
            <v>1.0093000000000001</v>
          </cell>
        </row>
        <row r="4726">
          <cell r="C4726">
            <v>2010</v>
          </cell>
          <cell r="D4726">
            <v>12</v>
          </cell>
          <cell r="F4726">
            <v>1.0099</v>
          </cell>
        </row>
        <row r="4727">
          <cell r="C4727">
            <v>2010</v>
          </cell>
          <cell r="D4727">
            <v>12</v>
          </cell>
          <cell r="F4727">
            <v>1.0098</v>
          </cell>
        </row>
        <row r="4728">
          <cell r="C4728">
            <v>2010</v>
          </cell>
          <cell r="D4728">
            <v>12</v>
          </cell>
          <cell r="F4728">
            <v>1.0093000000000001</v>
          </cell>
        </row>
        <row r="4729">
          <cell r="C4729">
            <v>2010</v>
          </cell>
          <cell r="D4729">
            <v>12</v>
          </cell>
          <cell r="F4729">
            <v>1.0093000000000001</v>
          </cell>
        </row>
        <row r="4730">
          <cell r="C4730">
            <v>2010</v>
          </cell>
          <cell r="D4730">
            <v>12</v>
          </cell>
          <cell r="F4730">
            <v>1.0093000000000001</v>
          </cell>
        </row>
        <row r="4731">
          <cell r="C4731">
            <v>2010</v>
          </cell>
          <cell r="D4731">
            <v>12</v>
          </cell>
          <cell r="F4731">
            <v>1.0045999999999999</v>
          </cell>
        </row>
        <row r="4732">
          <cell r="C4732">
            <v>2010</v>
          </cell>
          <cell r="D4732">
            <v>12</v>
          </cell>
          <cell r="F4732">
            <v>1.0041</v>
          </cell>
        </row>
        <row r="4733">
          <cell r="C4733">
            <v>2010</v>
          </cell>
          <cell r="D4733">
            <v>12</v>
          </cell>
          <cell r="F4733">
            <v>1.0035000000000001</v>
          </cell>
        </row>
        <row r="4734">
          <cell r="C4734">
            <v>2010</v>
          </cell>
          <cell r="D4734">
            <v>12</v>
          </cell>
          <cell r="F4734">
            <v>1.0056</v>
          </cell>
        </row>
        <row r="4735">
          <cell r="C4735">
            <v>2010</v>
          </cell>
          <cell r="D4735">
            <v>12</v>
          </cell>
          <cell r="F4735">
            <v>1.0124</v>
          </cell>
        </row>
        <row r="4736">
          <cell r="C4736">
            <v>2010</v>
          </cell>
          <cell r="D4736">
            <v>12</v>
          </cell>
          <cell r="F4736">
            <v>1.0124</v>
          </cell>
        </row>
        <row r="4737">
          <cell r="C4737">
            <v>2010</v>
          </cell>
          <cell r="D4737">
            <v>12</v>
          </cell>
          <cell r="F4737">
            <v>1.0124</v>
          </cell>
        </row>
        <row r="4738">
          <cell r="C4738">
            <v>2010</v>
          </cell>
          <cell r="D4738">
            <v>12</v>
          </cell>
          <cell r="F4738">
            <v>1.0124</v>
          </cell>
        </row>
        <row r="4739">
          <cell r="C4739">
            <v>2010</v>
          </cell>
          <cell r="D4739">
            <v>12</v>
          </cell>
          <cell r="F4739">
            <v>1.0175000000000001</v>
          </cell>
        </row>
        <row r="4740">
          <cell r="C4740">
            <v>2010</v>
          </cell>
          <cell r="D4740">
            <v>12</v>
          </cell>
          <cell r="F4740">
            <v>1.0147999999999999</v>
          </cell>
        </row>
        <row r="4741">
          <cell r="C4741">
            <v>2010</v>
          </cell>
          <cell r="D4741">
            <v>12</v>
          </cell>
          <cell r="F4741">
            <v>1.0095000000000001</v>
          </cell>
        </row>
        <row r="4742">
          <cell r="C4742">
            <v>2010</v>
          </cell>
          <cell r="D4742">
            <v>12</v>
          </cell>
          <cell r="F4742">
            <v>1.0095000000000001</v>
          </cell>
        </row>
        <row r="4743">
          <cell r="C4743">
            <v>2010</v>
          </cell>
          <cell r="D4743">
            <v>12</v>
          </cell>
          <cell r="F4743">
            <v>1.0095000000000001</v>
          </cell>
        </row>
        <row r="4744">
          <cell r="C4744">
            <v>2010</v>
          </cell>
          <cell r="D4744">
            <v>12</v>
          </cell>
          <cell r="F4744">
            <v>1.0095000000000001</v>
          </cell>
        </row>
        <row r="4745">
          <cell r="C4745">
            <v>2010</v>
          </cell>
          <cell r="D4745">
            <v>12</v>
          </cell>
          <cell r="F4745">
            <v>1.0064</v>
          </cell>
        </row>
        <row r="4746">
          <cell r="C4746">
            <v>2010</v>
          </cell>
          <cell r="D4746">
            <v>12</v>
          </cell>
          <cell r="F4746">
            <v>1.0064</v>
          </cell>
        </row>
        <row r="4747">
          <cell r="C4747">
            <v>2010</v>
          </cell>
          <cell r="D4747">
            <v>12</v>
          </cell>
          <cell r="F4747">
            <v>1.0003</v>
          </cell>
        </row>
        <row r="4748">
          <cell r="C4748">
            <v>2010</v>
          </cell>
          <cell r="D4748">
            <v>12</v>
          </cell>
          <cell r="F4748">
            <v>1.0008999999999999</v>
          </cell>
        </row>
        <row r="4749">
          <cell r="C4749">
            <v>2011</v>
          </cell>
          <cell r="D4749">
            <v>1</v>
          </cell>
          <cell r="F4749">
            <v>1.0008999999999999</v>
          </cell>
        </row>
        <row r="4750">
          <cell r="C4750">
            <v>2011</v>
          </cell>
          <cell r="D4750">
            <v>1</v>
          </cell>
          <cell r="F4750">
            <v>1.0008999999999999</v>
          </cell>
        </row>
        <row r="4751">
          <cell r="C4751">
            <v>2011</v>
          </cell>
          <cell r="D4751">
            <v>1</v>
          </cell>
          <cell r="F4751">
            <v>1.0008999999999999</v>
          </cell>
        </row>
        <row r="4752">
          <cell r="C4752">
            <v>2011</v>
          </cell>
          <cell r="D4752">
            <v>1</v>
          </cell>
          <cell r="F4752">
            <v>0.99460000000000004</v>
          </cell>
        </row>
        <row r="4753">
          <cell r="C4753">
            <v>2011</v>
          </cell>
          <cell r="D4753">
            <v>1</v>
          </cell>
          <cell r="F4753">
            <v>0.99860000000000004</v>
          </cell>
        </row>
        <row r="4754">
          <cell r="C4754">
            <v>2011</v>
          </cell>
          <cell r="D4754">
            <v>1</v>
          </cell>
          <cell r="F4754">
            <v>0.99470000000000003</v>
          </cell>
        </row>
        <row r="4755">
          <cell r="C4755">
            <v>2011</v>
          </cell>
          <cell r="D4755">
            <v>1</v>
          </cell>
          <cell r="F4755">
            <v>0.99539999999999995</v>
          </cell>
        </row>
        <row r="4756">
          <cell r="C4756">
            <v>2011</v>
          </cell>
          <cell r="D4756">
            <v>1</v>
          </cell>
          <cell r="F4756">
            <v>0.99339999999999995</v>
          </cell>
        </row>
        <row r="4757">
          <cell r="C4757">
            <v>2011</v>
          </cell>
          <cell r="D4757">
            <v>1</v>
          </cell>
          <cell r="F4757">
            <v>0.99339999999999995</v>
          </cell>
        </row>
        <row r="4758">
          <cell r="C4758">
            <v>2011</v>
          </cell>
          <cell r="D4758">
            <v>1</v>
          </cell>
          <cell r="F4758">
            <v>0.99339999999999995</v>
          </cell>
        </row>
        <row r="4759">
          <cell r="C4759">
            <v>2011</v>
          </cell>
          <cell r="D4759">
            <v>1</v>
          </cell>
          <cell r="F4759">
            <v>0.99250000000000005</v>
          </cell>
        </row>
        <row r="4760">
          <cell r="C4760">
            <v>2011</v>
          </cell>
          <cell r="D4760">
            <v>1</v>
          </cell>
          <cell r="F4760">
            <v>0.99029999999999996</v>
          </cell>
        </row>
        <row r="4761">
          <cell r="C4761">
            <v>2011</v>
          </cell>
          <cell r="D4761">
            <v>1</v>
          </cell>
          <cell r="F4761">
            <v>0.98640000000000005</v>
          </cell>
        </row>
        <row r="4762">
          <cell r="C4762">
            <v>2011</v>
          </cell>
          <cell r="D4762">
            <v>1</v>
          </cell>
          <cell r="F4762">
            <v>0.98680000000000001</v>
          </cell>
        </row>
        <row r="4763">
          <cell r="C4763">
            <v>2011</v>
          </cell>
          <cell r="D4763">
            <v>1</v>
          </cell>
          <cell r="F4763">
            <v>0.99039999999999995</v>
          </cell>
        </row>
        <row r="4764">
          <cell r="C4764">
            <v>2011</v>
          </cell>
          <cell r="D4764">
            <v>1</v>
          </cell>
          <cell r="F4764">
            <v>0.99039999999999995</v>
          </cell>
        </row>
        <row r="4765">
          <cell r="C4765">
            <v>2011</v>
          </cell>
          <cell r="D4765">
            <v>1</v>
          </cell>
          <cell r="F4765">
            <v>0.99039999999999995</v>
          </cell>
        </row>
        <row r="4766">
          <cell r="C4766">
            <v>2011</v>
          </cell>
          <cell r="D4766">
            <v>1</v>
          </cell>
          <cell r="F4766">
            <v>0.99039999999999995</v>
          </cell>
        </row>
        <row r="4767">
          <cell r="C4767">
            <v>2011</v>
          </cell>
          <cell r="D4767">
            <v>1</v>
          </cell>
          <cell r="F4767">
            <v>0.99109999999999998</v>
          </cell>
        </row>
        <row r="4768">
          <cell r="C4768">
            <v>2011</v>
          </cell>
          <cell r="D4768">
            <v>1</v>
          </cell>
          <cell r="F4768">
            <v>0.99390000000000001</v>
          </cell>
        </row>
        <row r="4769">
          <cell r="C4769">
            <v>2011</v>
          </cell>
          <cell r="D4769">
            <v>1</v>
          </cell>
          <cell r="F4769">
            <v>1.0001</v>
          </cell>
        </row>
        <row r="4770">
          <cell r="C4770">
            <v>2011</v>
          </cell>
          <cell r="D4770">
            <v>1</v>
          </cell>
          <cell r="F4770">
            <v>0.99450000000000005</v>
          </cell>
        </row>
        <row r="4771">
          <cell r="C4771">
            <v>2011</v>
          </cell>
          <cell r="D4771">
            <v>1</v>
          </cell>
          <cell r="F4771">
            <v>0.99450000000000005</v>
          </cell>
        </row>
        <row r="4772">
          <cell r="C4772">
            <v>2011</v>
          </cell>
          <cell r="D4772">
            <v>1</v>
          </cell>
          <cell r="F4772">
            <v>0.99450000000000005</v>
          </cell>
        </row>
        <row r="4773">
          <cell r="C4773">
            <v>2011</v>
          </cell>
          <cell r="D4773">
            <v>1</v>
          </cell>
          <cell r="F4773">
            <v>0.99339999999999995</v>
          </cell>
        </row>
        <row r="4774">
          <cell r="C4774">
            <v>2011</v>
          </cell>
          <cell r="D4774">
            <v>1</v>
          </cell>
          <cell r="F4774">
            <v>0.99860000000000004</v>
          </cell>
        </row>
        <row r="4775">
          <cell r="C4775">
            <v>2011</v>
          </cell>
          <cell r="D4775">
            <v>1</v>
          </cell>
          <cell r="F4775">
            <v>0.99529999999999996</v>
          </cell>
        </row>
        <row r="4776">
          <cell r="C4776">
            <v>2011</v>
          </cell>
          <cell r="D4776">
            <v>1</v>
          </cell>
          <cell r="F4776">
            <v>0.99409999999999998</v>
          </cell>
        </row>
        <row r="4777">
          <cell r="C4777">
            <v>2011</v>
          </cell>
          <cell r="D4777">
            <v>1</v>
          </cell>
          <cell r="F4777">
            <v>0.999</v>
          </cell>
        </row>
        <row r="4778">
          <cell r="C4778">
            <v>2011</v>
          </cell>
          <cell r="D4778">
            <v>1</v>
          </cell>
          <cell r="F4778">
            <v>0.999</v>
          </cell>
        </row>
        <row r="4779">
          <cell r="C4779">
            <v>2011</v>
          </cell>
          <cell r="D4779">
            <v>1</v>
          </cell>
          <cell r="F4779">
            <v>0.999</v>
          </cell>
        </row>
        <row r="4780">
          <cell r="C4780">
            <v>2011</v>
          </cell>
          <cell r="D4780">
            <v>2</v>
          </cell>
          <cell r="F4780">
            <v>1.0022</v>
          </cell>
        </row>
        <row r="4781">
          <cell r="C4781">
            <v>2011</v>
          </cell>
          <cell r="D4781">
            <v>2</v>
          </cell>
          <cell r="F4781">
            <v>0.99219999999999997</v>
          </cell>
        </row>
        <row r="4782">
          <cell r="C4782">
            <v>2011</v>
          </cell>
          <cell r="D4782">
            <v>2</v>
          </cell>
          <cell r="F4782">
            <v>0.98829999999999996</v>
          </cell>
        </row>
        <row r="4783">
          <cell r="C4783">
            <v>2011</v>
          </cell>
          <cell r="D4783">
            <v>2</v>
          </cell>
          <cell r="F4783">
            <v>0.99009999999999998</v>
          </cell>
        </row>
        <row r="4784">
          <cell r="C4784">
            <v>2011</v>
          </cell>
          <cell r="D4784">
            <v>2</v>
          </cell>
          <cell r="F4784">
            <v>0.99009999999999998</v>
          </cell>
        </row>
        <row r="4785">
          <cell r="C4785">
            <v>2011</v>
          </cell>
          <cell r="D4785">
            <v>2</v>
          </cell>
          <cell r="F4785">
            <v>0.99009999999999998</v>
          </cell>
        </row>
        <row r="4786">
          <cell r="C4786">
            <v>2011</v>
          </cell>
          <cell r="D4786">
            <v>2</v>
          </cell>
          <cell r="F4786">
            <v>0.99009999999999998</v>
          </cell>
        </row>
        <row r="4787">
          <cell r="C4787">
            <v>2011</v>
          </cell>
          <cell r="D4787">
            <v>2</v>
          </cell>
          <cell r="F4787">
            <v>0.98860000000000003</v>
          </cell>
        </row>
        <row r="4788">
          <cell r="C4788">
            <v>2011</v>
          </cell>
          <cell r="D4788">
            <v>2</v>
          </cell>
          <cell r="F4788">
            <v>0.99060000000000004</v>
          </cell>
        </row>
        <row r="4789">
          <cell r="C4789">
            <v>2011</v>
          </cell>
          <cell r="D4789">
            <v>2</v>
          </cell>
          <cell r="F4789">
            <v>0.99470000000000003</v>
          </cell>
        </row>
        <row r="4790">
          <cell r="C4790">
            <v>2011</v>
          </cell>
          <cell r="D4790">
            <v>2</v>
          </cell>
          <cell r="F4790">
            <v>0.99550000000000005</v>
          </cell>
        </row>
        <row r="4791">
          <cell r="C4791">
            <v>2011</v>
          </cell>
          <cell r="D4791">
            <v>2</v>
          </cell>
          <cell r="F4791">
            <v>0.99029999999999996</v>
          </cell>
        </row>
        <row r="4792">
          <cell r="C4792">
            <v>2011</v>
          </cell>
          <cell r="D4792">
            <v>2</v>
          </cell>
          <cell r="F4792">
            <v>0.99029999999999996</v>
          </cell>
        </row>
        <row r="4793">
          <cell r="C4793">
            <v>2011</v>
          </cell>
          <cell r="D4793">
            <v>2</v>
          </cell>
          <cell r="F4793">
            <v>0.99029999999999996</v>
          </cell>
        </row>
        <row r="4794">
          <cell r="C4794">
            <v>2011</v>
          </cell>
          <cell r="D4794">
            <v>2</v>
          </cell>
          <cell r="F4794">
            <v>0.98850000000000005</v>
          </cell>
        </row>
        <row r="4795">
          <cell r="C4795">
            <v>2011</v>
          </cell>
          <cell r="D4795">
            <v>2</v>
          </cell>
          <cell r="F4795">
            <v>0.98870000000000002</v>
          </cell>
        </row>
        <row r="4796">
          <cell r="C4796">
            <v>2011</v>
          </cell>
          <cell r="D4796">
            <v>2</v>
          </cell>
          <cell r="F4796">
            <v>0.98550000000000004</v>
          </cell>
        </row>
        <row r="4797">
          <cell r="C4797">
            <v>2011</v>
          </cell>
          <cell r="D4797">
            <v>2</v>
          </cell>
          <cell r="F4797">
            <v>0.9839</v>
          </cell>
        </row>
        <row r="4798">
          <cell r="C4798">
            <v>2011</v>
          </cell>
          <cell r="D4798">
            <v>2</v>
          </cell>
          <cell r="F4798">
            <v>0.98299999999999998</v>
          </cell>
        </row>
        <row r="4799">
          <cell r="C4799">
            <v>2011</v>
          </cell>
          <cell r="D4799">
            <v>2</v>
          </cell>
          <cell r="F4799">
            <v>0.98299999999999998</v>
          </cell>
        </row>
        <row r="4800">
          <cell r="C4800">
            <v>2011</v>
          </cell>
          <cell r="D4800">
            <v>2</v>
          </cell>
          <cell r="F4800">
            <v>0.98299999999999998</v>
          </cell>
        </row>
        <row r="4801">
          <cell r="C4801">
            <v>2011</v>
          </cell>
          <cell r="D4801">
            <v>2</v>
          </cell>
          <cell r="F4801">
            <v>0.98299999999999998</v>
          </cell>
        </row>
        <row r="4802">
          <cell r="C4802">
            <v>2011</v>
          </cell>
          <cell r="D4802">
            <v>2</v>
          </cell>
          <cell r="F4802">
            <v>0.9859</v>
          </cell>
        </row>
        <row r="4803">
          <cell r="C4803">
            <v>2011</v>
          </cell>
          <cell r="D4803">
            <v>2</v>
          </cell>
          <cell r="F4803">
            <v>0.99239999999999995</v>
          </cell>
        </row>
        <row r="4804">
          <cell r="C4804">
            <v>2011</v>
          </cell>
          <cell r="D4804">
            <v>2</v>
          </cell>
          <cell r="F4804">
            <v>0.98419999999999996</v>
          </cell>
        </row>
        <row r="4805">
          <cell r="C4805">
            <v>2011</v>
          </cell>
          <cell r="D4805">
            <v>2</v>
          </cell>
          <cell r="F4805">
            <v>0.98089999999999999</v>
          </cell>
        </row>
        <row r="4806">
          <cell r="C4806">
            <v>2011</v>
          </cell>
          <cell r="D4806">
            <v>2</v>
          </cell>
          <cell r="F4806">
            <v>0.98089999999999999</v>
          </cell>
        </row>
        <row r="4807">
          <cell r="C4807">
            <v>2011</v>
          </cell>
          <cell r="D4807">
            <v>2</v>
          </cell>
          <cell r="F4807">
            <v>0.98089999999999999</v>
          </cell>
        </row>
        <row r="4808">
          <cell r="C4808">
            <v>2011</v>
          </cell>
          <cell r="D4808">
            <v>3</v>
          </cell>
          <cell r="F4808">
            <v>0.97389999999999999</v>
          </cell>
        </row>
        <row r="4809">
          <cell r="C4809">
            <v>2011</v>
          </cell>
          <cell r="D4809">
            <v>3</v>
          </cell>
          <cell r="F4809">
            <v>0.97430000000000005</v>
          </cell>
        </row>
        <row r="4810">
          <cell r="C4810">
            <v>2011</v>
          </cell>
          <cell r="D4810">
            <v>3</v>
          </cell>
          <cell r="F4810">
            <v>0.97340000000000004</v>
          </cell>
        </row>
        <row r="4811">
          <cell r="C4811">
            <v>2011</v>
          </cell>
          <cell r="D4811">
            <v>3</v>
          </cell>
          <cell r="F4811">
            <v>0.97470000000000001</v>
          </cell>
        </row>
        <row r="4812">
          <cell r="C4812">
            <v>2011</v>
          </cell>
          <cell r="D4812">
            <v>3</v>
          </cell>
          <cell r="F4812">
            <v>0.97140000000000004</v>
          </cell>
        </row>
        <row r="4813">
          <cell r="C4813">
            <v>2011</v>
          </cell>
          <cell r="D4813">
            <v>3</v>
          </cell>
          <cell r="F4813">
            <v>0.97140000000000004</v>
          </cell>
        </row>
        <row r="4814">
          <cell r="C4814">
            <v>2011</v>
          </cell>
          <cell r="D4814">
            <v>3</v>
          </cell>
          <cell r="F4814">
            <v>0.97140000000000004</v>
          </cell>
        </row>
        <row r="4815">
          <cell r="C4815">
            <v>2011</v>
          </cell>
          <cell r="D4815">
            <v>3</v>
          </cell>
          <cell r="F4815">
            <v>0.9738</v>
          </cell>
        </row>
        <row r="4816">
          <cell r="C4816">
            <v>2011</v>
          </cell>
          <cell r="D4816">
            <v>3</v>
          </cell>
          <cell r="F4816">
            <v>0.97130000000000005</v>
          </cell>
        </row>
        <row r="4817">
          <cell r="C4817">
            <v>2011</v>
          </cell>
          <cell r="D4817">
            <v>3</v>
          </cell>
          <cell r="F4817">
            <v>0.96860000000000002</v>
          </cell>
        </row>
        <row r="4818">
          <cell r="C4818">
            <v>2011</v>
          </cell>
          <cell r="D4818">
            <v>3</v>
          </cell>
          <cell r="F4818">
            <v>0.97309999999999997</v>
          </cell>
        </row>
        <row r="4819">
          <cell r="C4819">
            <v>2011</v>
          </cell>
          <cell r="D4819">
            <v>3</v>
          </cell>
          <cell r="F4819">
            <v>0.97340000000000004</v>
          </cell>
        </row>
        <row r="4820">
          <cell r="C4820">
            <v>2011</v>
          </cell>
          <cell r="D4820">
            <v>3</v>
          </cell>
          <cell r="F4820">
            <v>0.97340000000000004</v>
          </cell>
        </row>
        <row r="4821">
          <cell r="C4821">
            <v>2011</v>
          </cell>
          <cell r="D4821">
            <v>3</v>
          </cell>
          <cell r="F4821">
            <v>0.97340000000000004</v>
          </cell>
        </row>
        <row r="4822">
          <cell r="C4822">
            <v>2011</v>
          </cell>
          <cell r="D4822">
            <v>3</v>
          </cell>
          <cell r="F4822">
            <v>0.97589999999999999</v>
          </cell>
        </row>
        <row r="4823">
          <cell r="C4823">
            <v>2011</v>
          </cell>
          <cell r="D4823">
            <v>3</v>
          </cell>
          <cell r="F4823">
            <v>0.98299999999999998</v>
          </cell>
        </row>
        <row r="4824">
          <cell r="C4824">
            <v>2011</v>
          </cell>
          <cell r="D4824">
            <v>3</v>
          </cell>
          <cell r="F4824">
            <v>0.99180000000000001</v>
          </cell>
        </row>
        <row r="4825">
          <cell r="C4825">
            <v>2011</v>
          </cell>
          <cell r="D4825">
            <v>3</v>
          </cell>
          <cell r="F4825">
            <v>0.98850000000000005</v>
          </cell>
        </row>
        <row r="4826">
          <cell r="C4826">
            <v>2011</v>
          </cell>
          <cell r="D4826">
            <v>3</v>
          </cell>
          <cell r="F4826">
            <v>0.98440000000000005</v>
          </cell>
        </row>
        <row r="4827">
          <cell r="C4827">
            <v>2011</v>
          </cell>
          <cell r="D4827">
            <v>3</v>
          </cell>
          <cell r="F4827">
            <v>0.98440000000000005</v>
          </cell>
        </row>
        <row r="4828">
          <cell r="C4828">
            <v>2011</v>
          </cell>
          <cell r="D4828">
            <v>3</v>
          </cell>
          <cell r="F4828">
            <v>0.98440000000000005</v>
          </cell>
        </row>
        <row r="4829">
          <cell r="C4829">
            <v>2011</v>
          </cell>
          <cell r="D4829">
            <v>3</v>
          </cell>
          <cell r="F4829">
            <v>0.97740000000000005</v>
          </cell>
        </row>
        <row r="4830">
          <cell r="C4830">
            <v>2011</v>
          </cell>
          <cell r="D4830">
            <v>3</v>
          </cell>
          <cell r="F4830">
            <v>0.9768</v>
          </cell>
        </row>
        <row r="4831">
          <cell r="C4831">
            <v>2011</v>
          </cell>
          <cell r="D4831">
            <v>3</v>
          </cell>
          <cell r="F4831">
            <v>0.98209999999999997</v>
          </cell>
        </row>
        <row r="4832">
          <cell r="C4832">
            <v>2011</v>
          </cell>
          <cell r="D4832">
            <v>3</v>
          </cell>
          <cell r="F4832">
            <v>0.9748</v>
          </cell>
        </row>
        <row r="4833">
          <cell r="C4833">
            <v>2011</v>
          </cell>
          <cell r="D4833">
            <v>3</v>
          </cell>
          <cell r="F4833">
            <v>0.9778</v>
          </cell>
        </row>
        <row r="4834">
          <cell r="C4834">
            <v>2011</v>
          </cell>
          <cell r="D4834">
            <v>3</v>
          </cell>
          <cell r="F4834">
            <v>0.9778</v>
          </cell>
        </row>
        <row r="4835">
          <cell r="C4835">
            <v>2011</v>
          </cell>
          <cell r="D4835">
            <v>3</v>
          </cell>
          <cell r="F4835">
            <v>0.9778</v>
          </cell>
        </row>
        <row r="4836">
          <cell r="C4836">
            <v>2011</v>
          </cell>
          <cell r="D4836">
            <v>3</v>
          </cell>
          <cell r="F4836">
            <v>0.9758</v>
          </cell>
        </row>
        <row r="4837">
          <cell r="C4837">
            <v>2011</v>
          </cell>
          <cell r="D4837">
            <v>3</v>
          </cell>
          <cell r="F4837">
            <v>0.97609999999999997</v>
          </cell>
        </row>
        <row r="4838">
          <cell r="C4838">
            <v>2011</v>
          </cell>
          <cell r="D4838">
            <v>3</v>
          </cell>
          <cell r="F4838">
            <v>0.97140000000000004</v>
          </cell>
        </row>
        <row r="4839">
          <cell r="C4839">
            <v>2011</v>
          </cell>
          <cell r="D4839">
            <v>4</v>
          </cell>
          <cell r="F4839">
            <v>0.9718</v>
          </cell>
        </row>
        <row r="4840">
          <cell r="C4840">
            <v>2011</v>
          </cell>
          <cell r="D4840">
            <v>4</v>
          </cell>
          <cell r="F4840">
            <v>0.96289999999999998</v>
          </cell>
        </row>
        <row r="4841">
          <cell r="C4841">
            <v>2011</v>
          </cell>
          <cell r="D4841">
            <v>4</v>
          </cell>
          <cell r="F4841">
            <v>0.96289999999999998</v>
          </cell>
        </row>
        <row r="4842">
          <cell r="C4842">
            <v>2011</v>
          </cell>
          <cell r="D4842">
            <v>4</v>
          </cell>
          <cell r="F4842">
            <v>0.96289999999999998</v>
          </cell>
        </row>
        <row r="4843">
          <cell r="C4843">
            <v>2011</v>
          </cell>
          <cell r="D4843">
            <v>4</v>
          </cell>
          <cell r="F4843">
            <v>0.96789999999999998</v>
          </cell>
        </row>
        <row r="4844">
          <cell r="C4844">
            <v>2011</v>
          </cell>
          <cell r="D4844">
            <v>4</v>
          </cell>
          <cell r="F4844">
            <v>0.96360000000000001</v>
          </cell>
        </row>
        <row r="4845">
          <cell r="C4845">
            <v>2011</v>
          </cell>
          <cell r="D4845">
            <v>4</v>
          </cell>
          <cell r="F4845">
            <v>0.95879999999999999</v>
          </cell>
        </row>
        <row r="4846">
          <cell r="C4846">
            <v>2011</v>
          </cell>
          <cell r="D4846">
            <v>4</v>
          </cell>
          <cell r="F4846">
            <v>0.95930000000000004</v>
          </cell>
        </row>
        <row r="4847">
          <cell r="C4847">
            <v>2011</v>
          </cell>
          <cell r="D4847">
            <v>4</v>
          </cell>
          <cell r="F4847">
            <v>0.95660000000000001</v>
          </cell>
        </row>
        <row r="4848">
          <cell r="C4848">
            <v>2011</v>
          </cell>
          <cell r="D4848">
            <v>4</v>
          </cell>
          <cell r="F4848">
            <v>0.95660000000000001</v>
          </cell>
        </row>
        <row r="4849">
          <cell r="C4849">
            <v>2011</v>
          </cell>
          <cell r="D4849">
            <v>4</v>
          </cell>
          <cell r="F4849">
            <v>0.95660000000000001</v>
          </cell>
        </row>
        <row r="4850">
          <cell r="C4850">
            <v>2011</v>
          </cell>
          <cell r="D4850">
            <v>4</v>
          </cell>
          <cell r="F4850">
            <v>0.95469999999999999</v>
          </cell>
        </row>
        <row r="4851">
          <cell r="C4851">
            <v>2011</v>
          </cell>
          <cell r="D4851">
            <v>4</v>
          </cell>
          <cell r="F4851">
            <v>0.96250000000000002</v>
          </cell>
        </row>
        <row r="4852">
          <cell r="C4852">
            <v>2011</v>
          </cell>
          <cell r="D4852">
            <v>4</v>
          </cell>
          <cell r="F4852">
            <v>0.96399999999999997</v>
          </cell>
        </row>
        <row r="4853">
          <cell r="C4853">
            <v>2011</v>
          </cell>
          <cell r="D4853">
            <v>4</v>
          </cell>
          <cell r="F4853">
            <v>0.96260000000000001</v>
          </cell>
        </row>
        <row r="4854">
          <cell r="C4854">
            <v>2011</v>
          </cell>
          <cell r="D4854">
            <v>4</v>
          </cell>
          <cell r="F4854">
            <v>0.96150000000000002</v>
          </cell>
        </row>
        <row r="4855">
          <cell r="C4855">
            <v>2011</v>
          </cell>
          <cell r="D4855">
            <v>4</v>
          </cell>
          <cell r="F4855">
            <v>0.96150000000000002</v>
          </cell>
        </row>
        <row r="4856">
          <cell r="C4856">
            <v>2011</v>
          </cell>
          <cell r="D4856">
            <v>4</v>
          </cell>
          <cell r="F4856">
            <v>0.96150000000000002</v>
          </cell>
        </row>
        <row r="4857">
          <cell r="C4857">
            <v>2011</v>
          </cell>
          <cell r="D4857">
            <v>4</v>
          </cell>
          <cell r="F4857">
            <v>0.96909999999999996</v>
          </cell>
        </row>
        <row r="4858">
          <cell r="C4858">
            <v>2011</v>
          </cell>
          <cell r="D4858">
            <v>4</v>
          </cell>
          <cell r="F4858">
            <v>0.95709999999999995</v>
          </cell>
        </row>
        <row r="4859">
          <cell r="C4859">
            <v>2011</v>
          </cell>
          <cell r="D4859">
            <v>4</v>
          </cell>
          <cell r="F4859">
            <v>0.95240000000000002</v>
          </cell>
        </row>
        <row r="4860">
          <cell r="C4860">
            <v>2011</v>
          </cell>
          <cell r="D4860">
            <v>4</v>
          </cell>
          <cell r="F4860">
            <v>0.95189999999999997</v>
          </cell>
        </row>
        <row r="4861">
          <cell r="C4861">
            <v>2011</v>
          </cell>
          <cell r="D4861">
            <v>4</v>
          </cell>
          <cell r="F4861">
            <v>0.95189999999999997</v>
          </cell>
        </row>
        <row r="4862">
          <cell r="C4862">
            <v>2011</v>
          </cell>
          <cell r="D4862">
            <v>4</v>
          </cell>
          <cell r="F4862">
            <v>0.95189999999999997</v>
          </cell>
        </row>
        <row r="4863">
          <cell r="C4863">
            <v>2011</v>
          </cell>
          <cell r="D4863">
            <v>4</v>
          </cell>
          <cell r="F4863">
            <v>0.95189999999999997</v>
          </cell>
        </row>
        <row r="4864">
          <cell r="C4864">
            <v>2011</v>
          </cell>
          <cell r="D4864">
            <v>4</v>
          </cell>
          <cell r="F4864">
            <v>0.95409999999999995</v>
          </cell>
        </row>
        <row r="4865">
          <cell r="C4865">
            <v>2011</v>
          </cell>
          <cell r="D4865">
            <v>4</v>
          </cell>
          <cell r="F4865">
            <v>0.95069999999999999</v>
          </cell>
        </row>
        <row r="4866">
          <cell r="C4866">
            <v>2011</v>
          </cell>
          <cell r="D4866">
            <v>4</v>
          </cell>
          <cell r="F4866">
            <v>0.95489999999999997</v>
          </cell>
        </row>
        <row r="4867">
          <cell r="C4867">
            <v>2011</v>
          </cell>
          <cell r="D4867">
            <v>4</v>
          </cell>
          <cell r="F4867">
            <v>0.95109999999999995</v>
          </cell>
        </row>
        <row r="4868">
          <cell r="C4868">
            <v>2011</v>
          </cell>
          <cell r="D4868">
            <v>4</v>
          </cell>
          <cell r="F4868">
            <v>0.9486</v>
          </cell>
        </row>
        <row r="4869">
          <cell r="C4869">
            <v>2011</v>
          </cell>
          <cell r="D4869">
            <v>5</v>
          </cell>
          <cell r="F4869">
            <v>0.9486</v>
          </cell>
        </row>
        <row r="4870">
          <cell r="C4870">
            <v>2011</v>
          </cell>
          <cell r="D4870">
            <v>5</v>
          </cell>
          <cell r="F4870">
            <v>0.9486</v>
          </cell>
        </row>
        <row r="4871">
          <cell r="C4871">
            <v>2011</v>
          </cell>
          <cell r="D4871">
            <v>5</v>
          </cell>
          <cell r="F4871">
            <v>0.94920000000000004</v>
          </cell>
        </row>
        <row r="4872">
          <cell r="C4872">
            <v>2011</v>
          </cell>
          <cell r="D4872">
            <v>5</v>
          </cell>
          <cell r="F4872">
            <v>0.94899999999999995</v>
          </cell>
        </row>
        <row r="4873">
          <cell r="C4873">
            <v>2011</v>
          </cell>
          <cell r="D4873">
            <v>5</v>
          </cell>
          <cell r="F4873">
            <v>0.95799999999999996</v>
          </cell>
        </row>
        <row r="4874">
          <cell r="C4874">
            <v>2011</v>
          </cell>
          <cell r="D4874">
            <v>5</v>
          </cell>
          <cell r="F4874">
            <v>0.96689999999999998</v>
          </cell>
        </row>
        <row r="4875">
          <cell r="C4875">
            <v>2011</v>
          </cell>
          <cell r="D4875">
            <v>5</v>
          </cell>
          <cell r="F4875">
            <v>0.9617</v>
          </cell>
        </row>
        <row r="4876">
          <cell r="C4876">
            <v>2011</v>
          </cell>
          <cell r="D4876">
            <v>5</v>
          </cell>
          <cell r="F4876">
            <v>0.9617</v>
          </cell>
        </row>
        <row r="4877">
          <cell r="C4877">
            <v>2011</v>
          </cell>
          <cell r="D4877">
            <v>5</v>
          </cell>
          <cell r="F4877">
            <v>0.9617</v>
          </cell>
        </row>
        <row r="4878">
          <cell r="C4878">
            <v>2011</v>
          </cell>
          <cell r="D4878">
            <v>5</v>
          </cell>
          <cell r="F4878">
            <v>0.96609999999999996</v>
          </cell>
        </row>
        <row r="4879">
          <cell r="C4879">
            <v>2011</v>
          </cell>
          <cell r="D4879">
            <v>5</v>
          </cell>
          <cell r="F4879">
            <v>0.96099999999999997</v>
          </cell>
        </row>
        <row r="4880">
          <cell r="C4880">
            <v>2011</v>
          </cell>
          <cell r="D4880">
            <v>5</v>
          </cell>
          <cell r="F4880">
            <v>0.95820000000000005</v>
          </cell>
        </row>
        <row r="4881">
          <cell r="C4881">
            <v>2011</v>
          </cell>
          <cell r="D4881">
            <v>5</v>
          </cell>
          <cell r="F4881">
            <v>0.96579999999999999</v>
          </cell>
        </row>
        <row r="4882">
          <cell r="C4882">
            <v>2011</v>
          </cell>
          <cell r="D4882">
            <v>5</v>
          </cell>
          <cell r="F4882">
            <v>0.97089999999999999</v>
          </cell>
        </row>
        <row r="4883">
          <cell r="C4883">
            <v>2011</v>
          </cell>
          <cell r="D4883">
            <v>5</v>
          </cell>
          <cell r="F4883">
            <v>0.97089999999999999</v>
          </cell>
        </row>
        <row r="4884">
          <cell r="C4884">
            <v>2011</v>
          </cell>
          <cell r="D4884">
            <v>5</v>
          </cell>
          <cell r="F4884">
            <v>0.97089999999999999</v>
          </cell>
        </row>
        <row r="4885">
          <cell r="C4885">
            <v>2011</v>
          </cell>
          <cell r="D4885">
            <v>5</v>
          </cell>
          <cell r="F4885">
            <v>0.97030000000000005</v>
          </cell>
        </row>
        <row r="4886">
          <cell r="C4886">
            <v>2011</v>
          </cell>
          <cell r="D4886">
            <v>5</v>
          </cell>
          <cell r="F4886">
            <v>0.97729999999999995</v>
          </cell>
        </row>
        <row r="4887">
          <cell r="C4887">
            <v>2011</v>
          </cell>
          <cell r="D4887">
            <v>5</v>
          </cell>
          <cell r="F4887">
            <v>0.97230000000000005</v>
          </cell>
        </row>
        <row r="4888">
          <cell r="C4888">
            <v>2011</v>
          </cell>
          <cell r="D4888">
            <v>5</v>
          </cell>
          <cell r="F4888">
            <v>0.97009999999999996</v>
          </cell>
        </row>
        <row r="4889">
          <cell r="C4889">
            <v>2011</v>
          </cell>
          <cell r="D4889">
            <v>5</v>
          </cell>
          <cell r="F4889">
            <v>0.97350000000000003</v>
          </cell>
        </row>
        <row r="4890">
          <cell r="C4890">
            <v>2011</v>
          </cell>
          <cell r="D4890">
            <v>5</v>
          </cell>
          <cell r="F4890">
            <v>0.97350000000000003</v>
          </cell>
        </row>
        <row r="4891">
          <cell r="C4891">
            <v>2011</v>
          </cell>
          <cell r="D4891">
            <v>5</v>
          </cell>
          <cell r="F4891">
            <v>0.97350000000000003</v>
          </cell>
        </row>
        <row r="4892">
          <cell r="C4892">
            <v>2011</v>
          </cell>
          <cell r="D4892">
            <v>5</v>
          </cell>
          <cell r="F4892">
            <v>0.97350000000000003</v>
          </cell>
        </row>
        <row r="4893">
          <cell r="C4893">
            <v>2011</v>
          </cell>
          <cell r="D4893">
            <v>5</v>
          </cell>
          <cell r="F4893">
            <v>0.97740000000000005</v>
          </cell>
        </row>
        <row r="4894">
          <cell r="C4894">
            <v>2011</v>
          </cell>
          <cell r="D4894">
            <v>5</v>
          </cell>
          <cell r="F4894">
            <v>0.97650000000000003</v>
          </cell>
        </row>
        <row r="4895">
          <cell r="C4895">
            <v>2011</v>
          </cell>
          <cell r="D4895">
            <v>5</v>
          </cell>
          <cell r="F4895">
            <v>0.98089999999999999</v>
          </cell>
        </row>
        <row r="4896">
          <cell r="C4896">
            <v>2011</v>
          </cell>
          <cell r="D4896">
            <v>5</v>
          </cell>
          <cell r="F4896">
            <v>0.97709999999999997</v>
          </cell>
        </row>
        <row r="4897">
          <cell r="C4897">
            <v>2011</v>
          </cell>
          <cell r="D4897">
            <v>5</v>
          </cell>
          <cell r="F4897">
            <v>0.97709999999999997</v>
          </cell>
        </row>
        <row r="4898">
          <cell r="C4898">
            <v>2011</v>
          </cell>
          <cell r="D4898">
            <v>5</v>
          </cell>
          <cell r="F4898">
            <v>0.97709999999999997</v>
          </cell>
        </row>
        <row r="4899">
          <cell r="C4899">
            <v>2011</v>
          </cell>
          <cell r="D4899">
            <v>5</v>
          </cell>
          <cell r="F4899">
            <v>0.97709999999999997</v>
          </cell>
        </row>
        <row r="4900">
          <cell r="C4900">
            <v>2011</v>
          </cell>
          <cell r="D4900">
            <v>6</v>
          </cell>
          <cell r="F4900">
            <v>0.96879999999999999</v>
          </cell>
        </row>
        <row r="4901">
          <cell r="C4901">
            <v>2011</v>
          </cell>
          <cell r="D4901">
            <v>6</v>
          </cell>
          <cell r="F4901">
            <v>0.97140000000000004</v>
          </cell>
        </row>
        <row r="4902">
          <cell r="C4902">
            <v>2011</v>
          </cell>
          <cell r="D4902">
            <v>6</v>
          </cell>
          <cell r="F4902">
            <v>0.97929999999999995</v>
          </cell>
        </row>
        <row r="4903">
          <cell r="C4903">
            <v>2011</v>
          </cell>
          <cell r="D4903">
            <v>6</v>
          </cell>
          <cell r="F4903">
            <v>0.97699999999999998</v>
          </cell>
        </row>
        <row r="4904">
          <cell r="C4904">
            <v>2011</v>
          </cell>
          <cell r="D4904">
            <v>6</v>
          </cell>
          <cell r="F4904">
            <v>0.97699999999999998</v>
          </cell>
        </row>
        <row r="4905">
          <cell r="C4905">
            <v>2011</v>
          </cell>
          <cell r="D4905">
            <v>6</v>
          </cell>
          <cell r="F4905">
            <v>0.97699999999999998</v>
          </cell>
        </row>
        <row r="4906">
          <cell r="C4906">
            <v>2011</v>
          </cell>
          <cell r="D4906">
            <v>6</v>
          </cell>
          <cell r="F4906">
            <v>0.97850000000000004</v>
          </cell>
        </row>
        <row r="4907">
          <cell r="C4907">
            <v>2011</v>
          </cell>
          <cell r="D4907">
            <v>6</v>
          </cell>
          <cell r="F4907">
            <v>0.97450000000000003</v>
          </cell>
        </row>
        <row r="4908">
          <cell r="C4908">
            <v>2011</v>
          </cell>
          <cell r="D4908">
            <v>6</v>
          </cell>
          <cell r="F4908">
            <v>0.97799999999999998</v>
          </cell>
        </row>
        <row r="4909">
          <cell r="C4909">
            <v>2011</v>
          </cell>
          <cell r="D4909">
            <v>6</v>
          </cell>
          <cell r="F4909">
            <v>0.97319999999999995</v>
          </cell>
        </row>
        <row r="4910">
          <cell r="C4910">
            <v>2011</v>
          </cell>
          <cell r="D4910">
            <v>6</v>
          </cell>
          <cell r="F4910">
            <v>0.9768</v>
          </cell>
        </row>
        <row r="4911">
          <cell r="C4911">
            <v>2011</v>
          </cell>
          <cell r="D4911">
            <v>6</v>
          </cell>
          <cell r="F4911">
            <v>0.9768</v>
          </cell>
        </row>
        <row r="4912">
          <cell r="C4912">
            <v>2011</v>
          </cell>
          <cell r="D4912">
            <v>6</v>
          </cell>
          <cell r="F4912">
            <v>0.9768</v>
          </cell>
        </row>
        <row r="4913">
          <cell r="C4913">
            <v>2011</v>
          </cell>
          <cell r="D4913">
            <v>6</v>
          </cell>
          <cell r="F4913">
            <v>0.97789999999999999</v>
          </cell>
        </row>
        <row r="4914">
          <cell r="C4914">
            <v>2011</v>
          </cell>
          <cell r="D4914">
            <v>6</v>
          </cell>
          <cell r="F4914">
            <v>0.96860000000000002</v>
          </cell>
        </row>
        <row r="4915">
          <cell r="C4915">
            <v>2011</v>
          </cell>
          <cell r="D4915">
            <v>6</v>
          </cell>
          <cell r="F4915">
            <v>0.97799999999999998</v>
          </cell>
        </row>
        <row r="4916">
          <cell r="C4916">
            <v>2011</v>
          </cell>
          <cell r="D4916">
            <v>6</v>
          </cell>
          <cell r="F4916">
            <v>0.98429999999999995</v>
          </cell>
        </row>
        <row r="4917">
          <cell r="C4917">
            <v>2011</v>
          </cell>
          <cell r="D4917">
            <v>6</v>
          </cell>
          <cell r="F4917">
            <v>0.97970000000000002</v>
          </cell>
        </row>
        <row r="4918">
          <cell r="C4918">
            <v>2011</v>
          </cell>
          <cell r="D4918">
            <v>6</v>
          </cell>
          <cell r="F4918">
            <v>0.97970000000000002</v>
          </cell>
        </row>
        <row r="4919">
          <cell r="C4919">
            <v>2011</v>
          </cell>
          <cell r="D4919">
            <v>6</v>
          </cell>
          <cell r="F4919">
            <v>0.97970000000000002</v>
          </cell>
        </row>
        <row r="4920">
          <cell r="C4920">
            <v>2011</v>
          </cell>
          <cell r="D4920">
            <v>6</v>
          </cell>
          <cell r="F4920">
            <v>0.97850000000000004</v>
          </cell>
        </row>
        <row r="4921">
          <cell r="C4921">
            <v>2011</v>
          </cell>
          <cell r="D4921">
            <v>6</v>
          </cell>
          <cell r="F4921">
            <v>0.97850000000000004</v>
          </cell>
        </row>
        <row r="4922">
          <cell r="C4922">
            <v>2011</v>
          </cell>
          <cell r="D4922">
            <v>6</v>
          </cell>
          <cell r="F4922">
            <v>0.97240000000000004</v>
          </cell>
        </row>
        <row r="4923">
          <cell r="C4923">
            <v>2011</v>
          </cell>
          <cell r="D4923">
            <v>6</v>
          </cell>
          <cell r="F4923">
            <v>0.97260000000000002</v>
          </cell>
        </row>
        <row r="4924">
          <cell r="C4924">
            <v>2011</v>
          </cell>
          <cell r="D4924">
            <v>6</v>
          </cell>
          <cell r="F4924">
            <v>0.97989999999999999</v>
          </cell>
        </row>
        <row r="4925">
          <cell r="C4925">
            <v>2011</v>
          </cell>
          <cell r="D4925">
            <v>6</v>
          </cell>
          <cell r="F4925">
            <v>0.9849</v>
          </cell>
        </row>
        <row r="4926">
          <cell r="C4926">
            <v>2011</v>
          </cell>
          <cell r="D4926">
            <v>6</v>
          </cell>
          <cell r="F4926">
            <v>0.9849</v>
          </cell>
        </row>
        <row r="4927">
          <cell r="C4927">
            <v>2011</v>
          </cell>
          <cell r="D4927">
            <v>6</v>
          </cell>
          <cell r="F4927">
            <v>0.9849</v>
          </cell>
        </row>
        <row r="4928">
          <cell r="C4928">
            <v>2011</v>
          </cell>
          <cell r="D4928">
            <v>6</v>
          </cell>
          <cell r="F4928">
            <v>0.98609999999999998</v>
          </cell>
        </row>
        <row r="4929">
          <cell r="C4929">
            <v>2011</v>
          </cell>
          <cell r="D4929">
            <v>6</v>
          </cell>
          <cell r="F4929">
            <v>0.98209999999999997</v>
          </cell>
        </row>
        <row r="4930">
          <cell r="C4930">
            <v>2011</v>
          </cell>
          <cell r="D4930">
            <v>6</v>
          </cell>
          <cell r="F4930">
            <v>0.97050000000000003</v>
          </cell>
        </row>
        <row r="4931">
          <cell r="C4931">
            <v>2011</v>
          </cell>
          <cell r="D4931">
            <v>7</v>
          </cell>
          <cell r="F4931">
            <v>0.96430000000000005</v>
          </cell>
        </row>
        <row r="4932">
          <cell r="C4932">
            <v>2011</v>
          </cell>
          <cell r="D4932">
            <v>7</v>
          </cell>
          <cell r="F4932">
            <v>0.96430000000000005</v>
          </cell>
        </row>
        <row r="4933">
          <cell r="C4933">
            <v>2011</v>
          </cell>
          <cell r="D4933">
            <v>7</v>
          </cell>
          <cell r="F4933">
            <v>0.96430000000000005</v>
          </cell>
        </row>
        <row r="4934">
          <cell r="C4934">
            <v>2011</v>
          </cell>
          <cell r="D4934">
            <v>7</v>
          </cell>
          <cell r="F4934">
            <v>0.96430000000000005</v>
          </cell>
        </row>
        <row r="4935">
          <cell r="C4935">
            <v>2011</v>
          </cell>
          <cell r="D4935">
            <v>7</v>
          </cell>
          <cell r="F4935">
            <v>0.95979999999999999</v>
          </cell>
        </row>
        <row r="4936">
          <cell r="C4936">
            <v>2011</v>
          </cell>
          <cell r="D4936">
            <v>7</v>
          </cell>
          <cell r="F4936">
            <v>0.96079999999999999</v>
          </cell>
        </row>
        <row r="4937">
          <cell r="C4937">
            <v>2011</v>
          </cell>
          <cell r="D4937">
            <v>7</v>
          </cell>
          <cell r="F4937">
            <v>0.9657</v>
          </cell>
        </row>
        <row r="4938">
          <cell r="C4938">
            <v>2011</v>
          </cell>
          <cell r="D4938">
            <v>7</v>
          </cell>
          <cell r="F4938">
            <v>0.95860000000000001</v>
          </cell>
        </row>
        <row r="4939">
          <cell r="C4939">
            <v>2011</v>
          </cell>
          <cell r="D4939">
            <v>7</v>
          </cell>
          <cell r="F4939">
            <v>0.9627</v>
          </cell>
        </row>
        <row r="4940">
          <cell r="C4940">
            <v>2011</v>
          </cell>
          <cell r="D4940">
            <v>7</v>
          </cell>
          <cell r="F4940">
            <v>0.9627</v>
          </cell>
        </row>
        <row r="4941">
          <cell r="C4941">
            <v>2011</v>
          </cell>
          <cell r="D4941">
            <v>7</v>
          </cell>
          <cell r="F4941">
            <v>0.9627</v>
          </cell>
        </row>
        <row r="4942">
          <cell r="C4942">
            <v>2011</v>
          </cell>
          <cell r="D4942">
            <v>7</v>
          </cell>
          <cell r="F4942">
            <v>0.96660000000000001</v>
          </cell>
        </row>
        <row r="4943">
          <cell r="C4943">
            <v>2011</v>
          </cell>
          <cell r="D4943">
            <v>7</v>
          </cell>
          <cell r="F4943">
            <v>0.96679999999999999</v>
          </cell>
        </row>
        <row r="4944">
          <cell r="C4944">
            <v>2011</v>
          </cell>
          <cell r="D4944">
            <v>7</v>
          </cell>
          <cell r="F4944">
            <v>0.95820000000000005</v>
          </cell>
        </row>
        <row r="4945">
          <cell r="C4945">
            <v>2011</v>
          </cell>
          <cell r="D4945">
            <v>7</v>
          </cell>
          <cell r="F4945">
            <v>0.95850000000000002</v>
          </cell>
        </row>
        <row r="4946">
          <cell r="C4946">
            <v>2011</v>
          </cell>
          <cell r="D4946">
            <v>7</v>
          </cell>
          <cell r="F4946">
            <v>0.9536</v>
          </cell>
        </row>
        <row r="4947">
          <cell r="C4947">
            <v>2011</v>
          </cell>
          <cell r="D4947">
            <v>7</v>
          </cell>
          <cell r="F4947">
            <v>0.9536</v>
          </cell>
        </row>
        <row r="4948">
          <cell r="C4948">
            <v>2011</v>
          </cell>
          <cell r="D4948">
            <v>7</v>
          </cell>
          <cell r="F4948">
            <v>0.9536</v>
          </cell>
        </row>
        <row r="4949">
          <cell r="C4949">
            <v>2011</v>
          </cell>
          <cell r="D4949">
            <v>7</v>
          </cell>
          <cell r="F4949">
            <v>0.96150000000000002</v>
          </cell>
        </row>
        <row r="4950">
          <cell r="C4950">
            <v>2011</v>
          </cell>
          <cell r="D4950">
            <v>7</v>
          </cell>
          <cell r="F4950">
            <v>0.9506</v>
          </cell>
        </row>
        <row r="4951">
          <cell r="C4951">
            <v>2011</v>
          </cell>
          <cell r="D4951">
            <v>7</v>
          </cell>
          <cell r="F4951">
            <v>0.94789999999999996</v>
          </cell>
        </row>
        <row r="4952">
          <cell r="C4952">
            <v>2011</v>
          </cell>
          <cell r="D4952">
            <v>7</v>
          </cell>
          <cell r="F4952">
            <v>0.94510000000000005</v>
          </cell>
        </row>
        <row r="4953">
          <cell r="C4953">
            <v>2011</v>
          </cell>
          <cell r="D4953">
            <v>7</v>
          </cell>
          <cell r="F4953">
            <v>0.95020000000000004</v>
          </cell>
        </row>
        <row r="4954">
          <cell r="C4954">
            <v>2011</v>
          </cell>
          <cell r="D4954">
            <v>7</v>
          </cell>
          <cell r="F4954">
            <v>0.95020000000000004</v>
          </cell>
        </row>
        <row r="4955">
          <cell r="C4955">
            <v>2011</v>
          </cell>
          <cell r="D4955">
            <v>7</v>
          </cell>
          <cell r="F4955">
            <v>0.95020000000000004</v>
          </cell>
        </row>
        <row r="4956">
          <cell r="C4956">
            <v>2011</v>
          </cell>
          <cell r="D4956">
            <v>7</v>
          </cell>
          <cell r="F4956">
            <v>0.94489999999999996</v>
          </cell>
        </row>
        <row r="4957">
          <cell r="C4957">
            <v>2011</v>
          </cell>
          <cell r="D4957">
            <v>7</v>
          </cell>
          <cell r="F4957">
            <v>0.94489999999999996</v>
          </cell>
        </row>
        <row r="4958">
          <cell r="C4958">
            <v>2011</v>
          </cell>
          <cell r="D4958">
            <v>7</v>
          </cell>
          <cell r="F4958">
            <v>0.94740000000000002</v>
          </cell>
        </row>
        <row r="4959">
          <cell r="C4959">
            <v>2011</v>
          </cell>
          <cell r="D4959">
            <v>7</v>
          </cell>
          <cell r="F4959">
            <v>0.94840000000000002</v>
          </cell>
        </row>
        <row r="4960">
          <cell r="C4960">
            <v>2011</v>
          </cell>
          <cell r="D4960">
            <v>7</v>
          </cell>
          <cell r="F4960">
            <v>0.95379999999999998</v>
          </cell>
        </row>
        <row r="4961">
          <cell r="C4961">
            <v>2011</v>
          </cell>
          <cell r="D4961">
            <v>7</v>
          </cell>
          <cell r="F4961">
            <v>0.95379999999999998</v>
          </cell>
        </row>
        <row r="4962">
          <cell r="C4962">
            <v>2011</v>
          </cell>
          <cell r="D4962">
            <v>8</v>
          </cell>
          <cell r="F4962">
            <v>0.95379999999999998</v>
          </cell>
        </row>
        <row r="4963">
          <cell r="C4963">
            <v>2011</v>
          </cell>
          <cell r="D4963">
            <v>8</v>
          </cell>
          <cell r="F4963">
            <v>0.95379999999999998</v>
          </cell>
        </row>
        <row r="4964">
          <cell r="C4964">
            <v>2011</v>
          </cell>
          <cell r="D4964">
            <v>8</v>
          </cell>
          <cell r="F4964">
            <v>0.95799999999999996</v>
          </cell>
        </row>
        <row r="4965">
          <cell r="C4965">
            <v>2011</v>
          </cell>
          <cell r="D4965">
            <v>8</v>
          </cell>
          <cell r="F4965">
            <v>0.96340000000000003</v>
          </cell>
        </row>
        <row r="4966">
          <cell r="C4966">
            <v>2011</v>
          </cell>
          <cell r="D4966">
            <v>8</v>
          </cell>
          <cell r="F4966">
            <v>0.97670000000000001</v>
          </cell>
        </row>
        <row r="4967">
          <cell r="C4967">
            <v>2011</v>
          </cell>
          <cell r="D4967">
            <v>8</v>
          </cell>
          <cell r="F4967">
            <v>0.98429999999999995</v>
          </cell>
        </row>
        <row r="4968">
          <cell r="C4968">
            <v>2011</v>
          </cell>
          <cell r="D4968">
            <v>8</v>
          </cell>
          <cell r="F4968">
            <v>0.98429999999999995</v>
          </cell>
        </row>
        <row r="4969">
          <cell r="C4969">
            <v>2011</v>
          </cell>
          <cell r="D4969">
            <v>8</v>
          </cell>
          <cell r="F4969">
            <v>0.98429999999999995</v>
          </cell>
        </row>
        <row r="4970">
          <cell r="C4970">
            <v>2011</v>
          </cell>
          <cell r="D4970">
            <v>8</v>
          </cell>
          <cell r="F4970">
            <v>0.98899999999999999</v>
          </cell>
        </row>
        <row r="4971">
          <cell r="C4971">
            <v>2011</v>
          </cell>
          <cell r="D4971">
            <v>8</v>
          </cell>
          <cell r="F4971">
            <v>0.98929999999999996</v>
          </cell>
        </row>
        <row r="4972">
          <cell r="C4972">
            <v>2011</v>
          </cell>
          <cell r="D4972">
            <v>8</v>
          </cell>
          <cell r="F4972">
            <v>0.99099999999999999</v>
          </cell>
        </row>
        <row r="4973">
          <cell r="C4973">
            <v>2011</v>
          </cell>
          <cell r="D4973">
            <v>8</v>
          </cell>
          <cell r="F4973">
            <v>0.98919999999999997</v>
          </cell>
        </row>
        <row r="4974">
          <cell r="C4974">
            <v>2011</v>
          </cell>
          <cell r="D4974">
            <v>8</v>
          </cell>
          <cell r="F4974">
            <v>0.9879</v>
          </cell>
        </row>
        <row r="4975">
          <cell r="C4975">
            <v>2011</v>
          </cell>
          <cell r="D4975">
            <v>8</v>
          </cell>
          <cell r="F4975">
            <v>0.9879</v>
          </cell>
        </row>
        <row r="4976">
          <cell r="C4976">
            <v>2011</v>
          </cell>
          <cell r="D4976">
            <v>8</v>
          </cell>
          <cell r="F4976">
            <v>0.9879</v>
          </cell>
        </row>
        <row r="4977">
          <cell r="C4977">
            <v>2011</v>
          </cell>
          <cell r="D4977">
            <v>8</v>
          </cell>
          <cell r="F4977">
            <v>0.98380000000000001</v>
          </cell>
        </row>
        <row r="4978">
          <cell r="C4978">
            <v>2011</v>
          </cell>
          <cell r="D4978">
            <v>8</v>
          </cell>
          <cell r="F4978">
            <v>0.98170000000000002</v>
          </cell>
        </row>
        <row r="4979">
          <cell r="C4979">
            <v>2011</v>
          </cell>
          <cell r="D4979">
            <v>8</v>
          </cell>
          <cell r="F4979">
            <v>0.98199999999999998</v>
          </cell>
        </row>
        <row r="4980">
          <cell r="C4980">
            <v>2011</v>
          </cell>
          <cell r="D4980">
            <v>8</v>
          </cell>
          <cell r="F4980">
            <v>0.99009999999999998</v>
          </cell>
        </row>
        <row r="4981">
          <cell r="C4981">
            <v>2011</v>
          </cell>
          <cell r="D4981">
            <v>8</v>
          </cell>
          <cell r="F4981">
            <v>0.9849</v>
          </cell>
        </row>
        <row r="4982">
          <cell r="C4982">
            <v>2011</v>
          </cell>
          <cell r="D4982">
            <v>8</v>
          </cell>
          <cell r="F4982">
            <v>0.9849</v>
          </cell>
        </row>
        <row r="4983">
          <cell r="C4983">
            <v>2011</v>
          </cell>
          <cell r="D4983">
            <v>8</v>
          </cell>
          <cell r="F4983">
            <v>0.9849</v>
          </cell>
        </row>
        <row r="4984">
          <cell r="C4984">
            <v>2011</v>
          </cell>
          <cell r="D4984">
            <v>8</v>
          </cell>
          <cell r="F4984">
            <v>0.99009999999999998</v>
          </cell>
        </row>
        <row r="4985">
          <cell r="C4985">
            <v>2011</v>
          </cell>
          <cell r="D4985">
            <v>8</v>
          </cell>
          <cell r="F4985">
            <v>0.98770000000000002</v>
          </cell>
        </row>
        <row r="4986">
          <cell r="C4986">
            <v>2011</v>
          </cell>
          <cell r="D4986">
            <v>8</v>
          </cell>
          <cell r="F4986">
            <v>0.98799999999999999</v>
          </cell>
        </row>
        <row r="4987">
          <cell r="C4987">
            <v>2011</v>
          </cell>
          <cell r="D4987">
            <v>8</v>
          </cell>
          <cell r="F4987">
            <v>0.98429999999999995</v>
          </cell>
        </row>
        <row r="4988">
          <cell r="C4988">
            <v>2011</v>
          </cell>
          <cell r="D4988">
            <v>8</v>
          </cell>
          <cell r="F4988">
            <v>0.98529999999999995</v>
          </cell>
        </row>
        <row r="4989">
          <cell r="C4989">
            <v>2011</v>
          </cell>
          <cell r="D4989">
            <v>8</v>
          </cell>
          <cell r="F4989">
            <v>0.98529999999999995</v>
          </cell>
        </row>
        <row r="4990">
          <cell r="C4990">
            <v>2011</v>
          </cell>
          <cell r="D4990">
            <v>8</v>
          </cell>
          <cell r="F4990">
            <v>0.98529999999999995</v>
          </cell>
        </row>
        <row r="4991">
          <cell r="C4991">
            <v>2011</v>
          </cell>
          <cell r="D4991">
            <v>8</v>
          </cell>
          <cell r="F4991">
            <v>0.97799999999999998</v>
          </cell>
        </row>
        <row r="4992">
          <cell r="C4992">
            <v>2011</v>
          </cell>
          <cell r="D4992">
            <v>8</v>
          </cell>
          <cell r="F4992">
            <v>0.97929999999999995</v>
          </cell>
        </row>
        <row r="4993">
          <cell r="C4993">
            <v>2011</v>
          </cell>
          <cell r="D4993">
            <v>9</v>
          </cell>
          <cell r="F4993">
            <v>0.97840000000000005</v>
          </cell>
        </row>
        <row r="4994">
          <cell r="C4994">
            <v>2011</v>
          </cell>
          <cell r="D4994">
            <v>9</v>
          </cell>
          <cell r="F4994">
            <v>0.97519999999999996</v>
          </cell>
        </row>
        <row r="4995">
          <cell r="C4995">
            <v>2011</v>
          </cell>
          <cell r="D4995">
            <v>9</v>
          </cell>
          <cell r="F4995">
            <v>0.98150000000000004</v>
          </cell>
        </row>
        <row r="4996">
          <cell r="C4996">
            <v>2011</v>
          </cell>
          <cell r="D4996">
            <v>9</v>
          </cell>
          <cell r="F4996">
            <v>0.98150000000000004</v>
          </cell>
        </row>
        <row r="4997">
          <cell r="C4997">
            <v>2011</v>
          </cell>
          <cell r="D4997">
            <v>9</v>
          </cell>
          <cell r="F4997">
            <v>0.98150000000000004</v>
          </cell>
        </row>
        <row r="4998">
          <cell r="C4998">
            <v>2011</v>
          </cell>
          <cell r="D4998">
            <v>9</v>
          </cell>
          <cell r="F4998">
            <v>0.98150000000000004</v>
          </cell>
        </row>
        <row r="4999">
          <cell r="C4999">
            <v>2011</v>
          </cell>
          <cell r="D4999">
            <v>9</v>
          </cell>
          <cell r="F4999">
            <v>0.99099999999999999</v>
          </cell>
        </row>
        <row r="5000">
          <cell r="C5000">
            <v>2011</v>
          </cell>
          <cell r="D5000">
            <v>9</v>
          </cell>
          <cell r="F5000">
            <v>0.98829999999999996</v>
          </cell>
        </row>
        <row r="5001">
          <cell r="C5001">
            <v>2011</v>
          </cell>
          <cell r="D5001">
            <v>9</v>
          </cell>
          <cell r="F5001">
            <v>0.9859</v>
          </cell>
        </row>
        <row r="5002">
          <cell r="C5002">
            <v>2011</v>
          </cell>
          <cell r="D5002">
            <v>9</v>
          </cell>
          <cell r="F5002">
            <v>0.99709999999999999</v>
          </cell>
        </row>
        <row r="5003">
          <cell r="C5003">
            <v>2011</v>
          </cell>
          <cell r="D5003">
            <v>9</v>
          </cell>
          <cell r="F5003">
            <v>0.99709999999999999</v>
          </cell>
        </row>
        <row r="5004">
          <cell r="C5004">
            <v>2011</v>
          </cell>
          <cell r="D5004">
            <v>9</v>
          </cell>
          <cell r="F5004">
            <v>0.99709999999999999</v>
          </cell>
        </row>
        <row r="5005">
          <cell r="C5005">
            <v>2011</v>
          </cell>
          <cell r="D5005">
            <v>9</v>
          </cell>
          <cell r="F5005">
            <v>0.99570000000000003</v>
          </cell>
        </row>
        <row r="5006">
          <cell r="C5006">
            <v>2011</v>
          </cell>
          <cell r="D5006">
            <v>9</v>
          </cell>
          <cell r="F5006">
            <v>0.99019999999999997</v>
          </cell>
        </row>
        <row r="5007">
          <cell r="C5007">
            <v>2011</v>
          </cell>
          <cell r="D5007">
            <v>9</v>
          </cell>
          <cell r="F5007">
            <v>0.99129999999999996</v>
          </cell>
        </row>
        <row r="5008">
          <cell r="C5008">
            <v>2011</v>
          </cell>
          <cell r="D5008">
            <v>9</v>
          </cell>
          <cell r="F5008">
            <v>0.9869</v>
          </cell>
        </row>
        <row r="5009">
          <cell r="C5009">
            <v>2011</v>
          </cell>
          <cell r="D5009">
            <v>9</v>
          </cell>
          <cell r="F5009">
            <v>0.98140000000000005</v>
          </cell>
        </row>
        <row r="5010">
          <cell r="C5010">
            <v>2011</v>
          </cell>
          <cell r="D5010">
            <v>9</v>
          </cell>
          <cell r="F5010">
            <v>0.98140000000000005</v>
          </cell>
        </row>
        <row r="5011">
          <cell r="C5011">
            <v>2011</v>
          </cell>
          <cell r="D5011">
            <v>9</v>
          </cell>
          <cell r="F5011">
            <v>0.98140000000000005</v>
          </cell>
        </row>
        <row r="5012">
          <cell r="C5012">
            <v>2011</v>
          </cell>
          <cell r="D5012">
            <v>9</v>
          </cell>
          <cell r="F5012">
            <v>0.98980000000000001</v>
          </cell>
        </row>
        <row r="5013">
          <cell r="C5013">
            <v>2011</v>
          </cell>
          <cell r="D5013">
            <v>9</v>
          </cell>
          <cell r="F5013">
            <v>0.99239999999999995</v>
          </cell>
        </row>
        <row r="5014">
          <cell r="C5014">
            <v>2011</v>
          </cell>
          <cell r="D5014">
            <v>9</v>
          </cell>
          <cell r="F5014">
            <v>0.99860000000000004</v>
          </cell>
        </row>
        <row r="5015">
          <cell r="C5015">
            <v>2011</v>
          </cell>
          <cell r="D5015">
            <v>9</v>
          </cell>
          <cell r="F5015">
            <v>1.0328999999999999</v>
          </cell>
        </row>
        <row r="5016">
          <cell r="C5016">
            <v>2011</v>
          </cell>
          <cell r="D5016">
            <v>9</v>
          </cell>
          <cell r="F5016">
            <v>1.0282</v>
          </cell>
        </row>
        <row r="5017">
          <cell r="C5017">
            <v>2011</v>
          </cell>
          <cell r="D5017">
            <v>9</v>
          </cell>
          <cell r="F5017">
            <v>1.0282</v>
          </cell>
        </row>
        <row r="5018">
          <cell r="C5018">
            <v>2011</v>
          </cell>
          <cell r="D5018">
            <v>9</v>
          </cell>
          <cell r="F5018">
            <v>1.0282</v>
          </cell>
        </row>
        <row r="5019">
          <cell r="C5019">
            <v>2011</v>
          </cell>
          <cell r="D5019">
            <v>9</v>
          </cell>
          <cell r="F5019">
            <v>1.0339</v>
          </cell>
        </row>
        <row r="5020">
          <cell r="C5020">
            <v>2011</v>
          </cell>
          <cell r="D5020">
            <v>9</v>
          </cell>
          <cell r="F5020">
            <v>1.0190999999999999</v>
          </cell>
        </row>
        <row r="5021">
          <cell r="C5021">
            <v>2011</v>
          </cell>
          <cell r="D5021">
            <v>9</v>
          </cell>
          <cell r="F5021">
            <v>1.0225</v>
          </cell>
        </row>
        <row r="5022">
          <cell r="C5022">
            <v>2011</v>
          </cell>
          <cell r="D5022">
            <v>9</v>
          </cell>
          <cell r="F5022">
            <v>1.0338000000000001</v>
          </cell>
        </row>
        <row r="5023">
          <cell r="C5023">
            <v>2011</v>
          </cell>
          <cell r="D5023">
            <v>10</v>
          </cell>
          <cell r="F5023">
            <v>1.0388999999999999</v>
          </cell>
        </row>
        <row r="5024">
          <cell r="C5024">
            <v>2011</v>
          </cell>
          <cell r="D5024">
            <v>10</v>
          </cell>
          <cell r="F5024">
            <v>1.0388999999999999</v>
          </cell>
        </row>
        <row r="5025">
          <cell r="C5025">
            <v>2011</v>
          </cell>
          <cell r="D5025">
            <v>10</v>
          </cell>
          <cell r="F5025">
            <v>1.0388999999999999</v>
          </cell>
        </row>
        <row r="5026">
          <cell r="C5026">
            <v>2011</v>
          </cell>
          <cell r="D5026">
            <v>10</v>
          </cell>
          <cell r="F5026">
            <v>1.044</v>
          </cell>
        </row>
        <row r="5027">
          <cell r="C5027">
            <v>2011</v>
          </cell>
          <cell r="D5027">
            <v>10</v>
          </cell>
          <cell r="F5027">
            <v>1.0604</v>
          </cell>
        </row>
        <row r="5028">
          <cell r="C5028">
            <v>2011</v>
          </cell>
          <cell r="D5028">
            <v>10</v>
          </cell>
          <cell r="F5028">
            <v>1.0448999999999999</v>
          </cell>
        </row>
        <row r="5029">
          <cell r="C5029">
            <v>2011</v>
          </cell>
          <cell r="D5029">
            <v>10</v>
          </cell>
          <cell r="F5029">
            <v>1.0429999999999999</v>
          </cell>
        </row>
        <row r="5030">
          <cell r="C5030">
            <v>2011</v>
          </cell>
          <cell r="D5030">
            <v>10</v>
          </cell>
          <cell r="F5030">
            <v>1.0327999999999999</v>
          </cell>
        </row>
        <row r="5031">
          <cell r="C5031">
            <v>2011</v>
          </cell>
          <cell r="D5031">
            <v>10</v>
          </cell>
          <cell r="F5031">
            <v>1.0327999999999999</v>
          </cell>
        </row>
        <row r="5032">
          <cell r="C5032">
            <v>2011</v>
          </cell>
          <cell r="D5032">
            <v>10</v>
          </cell>
          <cell r="F5032">
            <v>1.0327999999999999</v>
          </cell>
        </row>
        <row r="5033">
          <cell r="C5033">
            <v>2011</v>
          </cell>
          <cell r="D5033">
            <v>10</v>
          </cell>
          <cell r="F5033">
            <v>1.0327999999999999</v>
          </cell>
        </row>
        <row r="5034">
          <cell r="C5034">
            <v>2011</v>
          </cell>
          <cell r="D5034">
            <v>10</v>
          </cell>
          <cell r="F5034">
            <v>1.0286999999999999</v>
          </cell>
        </row>
        <row r="5035">
          <cell r="C5035">
            <v>2011</v>
          </cell>
          <cell r="D5035">
            <v>10</v>
          </cell>
          <cell r="F5035">
            <v>1.0164</v>
          </cell>
        </row>
        <row r="5036">
          <cell r="C5036">
            <v>2011</v>
          </cell>
          <cell r="D5036">
            <v>10</v>
          </cell>
          <cell r="F5036">
            <v>1.0238</v>
          </cell>
        </row>
        <row r="5037">
          <cell r="C5037">
            <v>2011</v>
          </cell>
          <cell r="D5037">
            <v>10</v>
          </cell>
          <cell r="F5037">
            <v>1.0146999999999999</v>
          </cell>
        </row>
        <row r="5038">
          <cell r="C5038">
            <v>2011</v>
          </cell>
          <cell r="D5038">
            <v>10</v>
          </cell>
          <cell r="F5038">
            <v>1.0146999999999999</v>
          </cell>
        </row>
        <row r="5039">
          <cell r="C5039">
            <v>2011</v>
          </cell>
          <cell r="D5039">
            <v>10</v>
          </cell>
          <cell r="F5039">
            <v>1.0146999999999999</v>
          </cell>
        </row>
        <row r="5040">
          <cell r="C5040">
            <v>2011</v>
          </cell>
          <cell r="D5040">
            <v>10</v>
          </cell>
          <cell r="F5040">
            <v>1.0152000000000001</v>
          </cell>
        </row>
        <row r="5041">
          <cell r="C5041">
            <v>2011</v>
          </cell>
          <cell r="D5041">
            <v>10</v>
          </cell>
          <cell r="F5041">
            <v>1.0163</v>
          </cell>
        </row>
        <row r="5042">
          <cell r="C5042">
            <v>2011</v>
          </cell>
          <cell r="D5042">
            <v>10</v>
          </cell>
          <cell r="F5042">
            <v>1.0136000000000001</v>
          </cell>
        </row>
        <row r="5043">
          <cell r="C5043">
            <v>2011</v>
          </cell>
          <cell r="D5043">
            <v>10</v>
          </cell>
          <cell r="F5043">
            <v>1.0218</v>
          </cell>
        </row>
        <row r="5044">
          <cell r="C5044">
            <v>2011</v>
          </cell>
          <cell r="D5044">
            <v>10</v>
          </cell>
          <cell r="F5044">
            <v>1.0091000000000001</v>
          </cell>
        </row>
        <row r="5045">
          <cell r="C5045">
            <v>2011</v>
          </cell>
          <cell r="D5045">
            <v>10</v>
          </cell>
          <cell r="F5045">
            <v>1.0091000000000001</v>
          </cell>
        </row>
        <row r="5046">
          <cell r="C5046">
            <v>2011</v>
          </cell>
          <cell r="D5046">
            <v>10</v>
          </cell>
          <cell r="F5046">
            <v>1.0091000000000001</v>
          </cell>
        </row>
        <row r="5047">
          <cell r="C5047">
            <v>2011</v>
          </cell>
          <cell r="D5047">
            <v>10</v>
          </cell>
          <cell r="F5047">
            <v>1.0039</v>
          </cell>
        </row>
        <row r="5048">
          <cell r="C5048">
            <v>2011</v>
          </cell>
          <cell r="D5048">
            <v>10</v>
          </cell>
          <cell r="F5048">
            <v>1.0144</v>
          </cell>
        </row>
        <row r="5049">
          <cell r="C5049">
            <v>2011</v>
          </cell>
          <cell r="D5049">
            <v>10</v>
          </cell>
          <cell r="F5049">
            <v>1.0101</v>
          </cell>
        </row>
        <row r="5050">
          <cell r="C5050">
            <v>2011</v>
          </cell>
          <cell r="D5050">
            <v>10</v>
          </cell>
          <cell r="F5050">
            <v>0.99419999999999997</v>
          </cell>
        </row>
        <row r="5051">
          <cell r="C5051">
            <v>2011</v>
          </cell>
          <cell r="D5051">
            <v>10</v>
          </cell>
          <cell r="F5051">
            <v>0.99570000000000003</v>
          </cell>
        </row>
        <row r="5052">
          <cell r="C5052">
            <v>2011</v>
          </cell>
          <cell r="D5052">
            <v>10</v>
          </cell>
          <cell r="F5052">
            <v>0.99570000000000003</v>
          </cell>
        </row>
        <row r="5053">
          <cell r="C5053">
            <v>2011</v>
          </cell>
          <cell r="D5053">
            <v>10</v>
          </cell>
          <cell r="F5053">
            <v>0.99570000000000003</v>
          </cell>
        </row>
        <row r="5054">
          <cell r="C5054">
            <v>2011</v>
          </cell>
          <cell r="D5054">
            <v>11</v>
          </cell>
          <cell r="F5054">
            <v>0.99350000000000005</v>
          </cell>
        </row>
        <row r="5055">
          <cell r="C5055">
            <v>2011</v>
          </cell>
          <cell r="D5055">
            <v>11</v>
          </cell>
          <cell r="F5055">
            <v>1.0198</v>
          </cell>
        </row>
        <row r="5056">
          <cell r="C5056">
            <v>2011</v>
          </cell>
          <cell r="D5056">
            <v>11</v>
          </cell>
          <cell r="F5056">
            <v>1.0125999999999999</v>
          </cell>
        </row>
        <row r="5057">
          <cell r="C5057">
            <v>2011</v>
          </cell>
          <cell r="D5057">
            <v>11</v>
          </cell>
          <cell r="F5057">
            <v>1.0126999999999999</v>
          </cell>
        </row>
        <row r="5058">
          <cell r="C5058">
            <v>2011</v>
          </cell>
          <cell r="D5058">
            <v>11</v>
          </cell>
          <cell r="F5058">
            <v>1.018</v>
          </cell>
        </row>
        <row r="5059">
          <cell r="C5059">
            <v>2011</v>
          </cell>
          <cell r="D5059">
            <v>11</v>
          </cell>
          <cell r="F5059">
            <v>1.018</v>
          </cell>
        </row>
        <row r="5060">
          <cell r="C5060">
            <v>2011</v>
          </cell>
          <cell r="D5060">
            <v>11</v>
          </cell>
          <cell r="F5060">
            <v>1.018</v>
          </cell>
        </row>
        <row r="5061">
          <cell r="C5061">
            <v>2011</v>
          </cell>
          <cell r="D5061">
            <v>11</v>
          </cell>
          <cell r="F5061">
            <v>1.0172000000000001</v>
          </cell>
        </row>
        <row r="5062">
          <cell r="C5062">
            <v>2011</v>
          </cell>
          <cell r="D5062">
            <v>11</v>
          </cell>
          <cell r="F5062">
            <v>1.014</v>
          </cell>
        </row>
        <row r="5063">
          <cell r="C5063">
            <v>2011</v>
          </cell>
          <cell r="D5063">
            <v>11</v>
          </cell>
          <cell r="F5063">
            <v>1.0173000000000001</v>
          </cell>
        </row>
        <row r="5064">
          <cell r="C5064">
            <v>2011</v>
          </cell>
          <cell r="D5064">
            <v>11</v>
          </cell>
          <cell r="F5064">
            <v>1.0189999999999999</v>
          </cell>
        </row>
        <row r="5065">
          <cell r="C5065">
            <v>2011</v>
          </cell>
          <cell r="D5065">
            <v>11</v>
          </cell>
          <cell r="F5065">
            <v>1.0189999999999999</v>
          </cell>
        </row>
        <row r="5066">
          <cell r="C5066">
            <v>2011</v>
          </cell>
          <cell r="D5066">
            <v>11</v>
          </cell>
          <cell r="F5066">
            <v>1.0189999999999999</v>
          </cell>
        </row>
        <row r="5067">
          <cell r="C5067">
            <v>2011</v>
          </cell>
          <cell r="D5067">
            <v>11</v>
          </cell>
          <cell r="F5067">
            <v>1.0189999999999999</v>
          </cell>
        </row>
        <row r="5068">
          <cell r="C5068">
            <v>2011</v>
          </cell>
          <cell r="D5068">
            <v>11</v>
          </cell>
          <cell r="F5068">
            <v>1.0178</v>
          </cell>
        </row>
        <row r="5069">
          <cell r="C5069">
            <v>2011</v>
          </cell>
          <cell r="D5069">
            <v>11</v>
          </cell>
          <cell r="F5069">
            <v>1.0235000000000001</v>
          </cell>
        </row>
        <row r="5070">
          <cell r="C5070">
            <v>2011</v>
          </cell>
          <cell r="D5070">
            <v>11</v>
          </cell>
          <cell r="F5070">
            <v>1.0206</v>
          </cell>
        </row>
        <row r="5071">
          <cell r="C5071">
            <v>2011</v>
          </cell>
          <cell r="D5071">
            <v>11</v>
          </cell>
          <cell r="F5071">
            <v>1.0226</v>
          </cell>
        </row>
        <row r="5072">
          <cell r="C5072">
            <v>2011</v>
          </cell>
          <cell r="D5072">
            <v>11</v>
          </cell>
          <cell r="F5072">
            <v>1.0262</v>
          </cell>
        </row>
        <row r="5073">
          <cell r="C5073">
            <v>2011</v>
          </cell>
          <cell r="D5073">
            <v>11</v>
          </cell>
          <cell r="F5073">
            <v>1.0262</v>
          </cell>
        </row>
        <row r="5074">
          <cell r="C5074">
            <v>2011</v>
          </cell>
          <cell r="D5074">
            <v>11</v>
          </cell>
          <cell r="F5074">
            <v>1.0262</v>
          </cell>
        </row>
        <row r="5075">
          <cell r="C5075">
            <v>2011</v>
          </cell>
          <cell r="D5075">
            <v>11</v>
          </cell>
          <cell r="F5075">
            <v>1.0385</v>
          </cell>
        </row>
        <row r="5076">
          <cell r="C5076">
            <v>2011</v>
          </cell>
          <cell r="D5076">
            <v>11</v>
          </cell>
          <cell r="F5076">
            <v>1.0367999999999999</v>
          </cell>
        </row>
        <row r="5077">
          <cell r="C5077">
            <v>2011</v>
          </cell>
          <cell r="D5077">
            <v>11</v>
          </cell>
          <cell r="F5077">
            <v>1.048</v>
          </cell>
        </row>
        <row r="5078">
          <cell r="C5078">
            <v>2011</v>
          </cell>
          <cell r="D5078">
            <v>11</v>
          </cell>
          <cell r="F5078">
            <v>1.048</v>
          </cell>
        </row>
        <row r="5079">
          <cell r="C5079">
            <v>2011</v>
          </cell>
          <cell r="D5079">
            <v>11</v>
          </cell>
          <cell r="F5079">
            <v>1.048</v>
          </cell>
        </row>
        <row r="5080">
          <cell r="C5080">
            <v>2011</v>
          </cell>
          <cell r="D5080">
            <v>11</v>
          </cell>
          <cell r="F5080">
            <v>1.048</v>
          </cell>
        </row>
        <row r="5081">
          <cell r="C5081">
            <v>2011</v>
          </cell>
          <cell r="D5081">
            <v>11</v>
          </cell>
          <cell r="F5081">
            <v>1.048</v>
          </cell>
        </row>
        <row r="5082">
          <cell r="C5082">
            <v>2011</v>
          </cell>
          <cell r="D5082">
            <v>11</v>
          </cell>
          <cell r="F5082">
            <v>1.0327</v>
          </cell>
        </row>
        <row r="5083">
          <cell r="C5083">
            <v>2011</v>
          </cell>
          <cell r="D5083">
            <v>11</v>
          </cell>
          <cell r="F5083">
            <v>1.0296000000000001</v>
          </cell>
        </row>
        <row r="5084">
          <cell r="C5084">
            <v>2011</v>
          </cell>
          <cell r="D5084">
            <v>12</v>
          </cell>
          <cell r="F5084">
            <v>1.0197000000000001</v>
          </cell>
        </row>
        <row r="5085">
          <cell r="C5085">
            <v>2011</v>
          </cell>
          <cell r="D5085">
            <v>12</v>
          </cell>
          <cell r="F5085">
            <v>1.0174000000000001</v>
          </cell>
        </row>
        <row r="5086">
          <cell r="C5086">
            <v>2011</v>
          </cell>
          <cell r="D5086">
            <v>12</v>
          </cell>
          <cell r="F5086">
            <v>1.0165</v>
          </cell>
        </row>
        <row r="5087">
          <cell r="C5087">
            <v>2011</v>
          </cell>
          <cell r="D5087">
            <v>12</v>
          </cell>
          <cell r="F5087">
            <v>1.0165</v>
          </cell>
        </row>
        <row r="5088">
          <cell r="C5088">
            <v>2011</v>
          </cell>
          <cell r="D5088">
            <v>12</v>
          </cell>
          <cell r="F5088">
            <v>1.0165</v>
          </cell>
        </row>
        <row r="5089">
          <cell r="C5089">
            <v>2011</v>
          </cell>
          <cell r="D5089">
            <v>12</v>
          </cell>
          <cell r="F5089">
            <v>1.0141</v>
          </cell>
        </row>
        <row r="5090">
          <cell r="C5090">
            <v>2011</v>
          </cell>
          <cell r="D5090">
            <v>12</v>
          </cell>
          <cell r="F5090">
            <v>1.0117</v>
          </cell>
        </row>
        <row r="5091">
          <cell r="C5091">
            <v>2011</v>
          </cell>
          <cell r="D5091">
            <v>12</v>
          </cell>
          <cell r="F5091">
            <v>1.0105</v>
          </cell>
        </row>
        <row r="5092">
          <cell r="C5092">
            <v>2011</v>
          </cell>
          <cell r="D5092">
            <v>12</v>
          </cell>
          <cell r="F5092">
            <v>1.0193000000000001</v>
          </cell>
        </row>
        <row r="5093">
          <cell r="C5093">
            <v>2011</v>
          </cell>
          <cell r="D5093">
            <v>12</v>
          </cell>
          <cell r="F5093">
            <v>1.0201</v>
          </cell>
        </row>
        <row r="5094">
          <cell r="C5094">
            <v>2011</v>
          </cell>
          <cell r="D5094">
            <v>12</v>
          </cell>
          <cell r="F5094">
            <v>1.0201</v>
          </cell>
        </row>
        <row r="5095">
          <cell r="C5095">
            <v>2011</v>
          </cell>
          <cell r="D5095">
            <v>12</v>
          </cell>
          <cell r="F5095">
            <v>1.0201</v>
          </cell>
        </row>
        <row r="5096">
          <cell r="C5096">
            <v>2011</v>
          </cell>
          <cell r="D5096">
            <v>12</v>
          </cell>
          <cell r="F5096">
            <v>1.0275000000000001</v>
          </cell>
        </row>
        <row r="5097">
          <cell r="C5097">
            <v>2011</v>
          </cell>
          <cell r="D5097">
            <v>12</v>
          </cell>
          <cell r="F5097">
            <v>1.0284</v>
          </cell>
        </row>
        <row r="5098">
          <cell r="C5098">
            <v>2011</v>
          </cell>
          <cell r="D5098">
            <v>12</v>
          </cell>
          <cell r="F5098">
            <v>1.0406</v>
          </cell>
        </row>
        <row r="5099">
          <cell r="C5099">
            <v>2011</v>
          </cell>
          <cell r="D5099">
            <v>12</v>
          </cell>
          <cell r="F5099">
            <v>1.0337000000000001</v>
          </cell>
        </row>
        <row r="5100">
          <cell r="C5100">
            <v>2011</v>
          </cell>
          <cell r="D5100">
            <v>12</v>
          </cell>
          <cell r="F5100">
            <v>1.0387999999999999</v>
          </cell>
        </row>
        <row r="5101">
          <cell r="C5101">
            <v>2011</v>
          </cell>
          <cell r="D5101">
            <v>12</v>
          </cell>
          <cell r="F5101">
            <v>1.0387999999999999</v>
          </cell>
        </row>
        <row r="5102">
          <cell r="C5102">
            <v>2011</v>
          </cell>
          <cell r="D5102">
            <v>12</v>
          </cell>
          <cell r="F5102">
            <v>1.0387999999999999</v>
          </cell>
        </row>
        <row r="5103">
          <cell r="C5103">
            <v>2011</v>
          </cell>
          <cell r="D5103">
            <v>12</v>
          </cell>
          <cell r="F5103">
            <v>1.0364</v>
          </cell>
        </row>
        <row r="5104">
          <cell r="C5104">
            <v>2011</v>
          </cell>
          <cell r="D5104">
            <v>12</v>
          </cell>
          <cell r="F5104">
            <v>1.0285</v>
          </cell>
        </row>
        <row r="5105">
          <cell r="C5105">
            <v>2011</v>
          </cell>
          <cell r="D5105">
            <v>12</v>
          </cell>
          <cell r="F5105">
            <v>1.0286</v>
          </cell>
        </row>
        <row r="5106">
          <cell r="C5106">
            <v>2011</v>
          </cell>
          <cell r="D5106">
            <v>12</v>
          </cell>
          <cell r="F5106">
            <v>1.0214000000000001</v>
          </cell>
        </row>
        <row r="5107">
          <cell r="C5107">
            <v>2011</v>
          </cell>
          <cell r="D5107">
            <v>12</v>
          </cell>
          <cell r="F5107">
            <v>1.0207999999999999</v>
          </cell>
        </row>
        <row r="5108">
          <cell r="C5108">
            <v>2011</v>
          </cell>
          <cell r="D5108">
            <v>12</v>
          </cell>
          <cell r="F5108">
            <v>1.0207999999999999</v>
          </cell>
        </row>
        <row r="5109">
          <cell r="C5109">
            <v>2011</v>
          </cell>
          <cell r="D5109">
            <v>12</v>
          </cell>
          <cell r="F5109">
            <v>1.0207999999999999</v>
          </cell>
        </row>
        <row r="5110">
          <cell r="C5110">
            <v>2011</v>
          </cell>
          <cell r="D5110">
            <v>12</v>
          </cell>
          <cell r="F5110">
            <v>1.0207999999999999</v>
          </cell>
        </row>
        <row r="5111">
          <cell r="C5111">
            <v>2011</v>
          </cell>
          <cell r="D5111">
            <v>12</v>
          </cell>
          <cell r="F5111">
            <v>1.0207999999999999</v>
          </cell>
        </row>
        <row r="5112">
          <cell r="C5112">
            <v>2011</v>
          </cell>
          <cell r="D5112">
            <v>12</v>
          </cell>
          <cell r="F5112">
            <v>1.0234000000000001</v>
          </cell>
        </row>
        <row r="5113">
          <cell r="C5113">
            <v>2011</v>
          </cell>
          <cell r="D5113">
            <v>12</v>
          </cell>
          <cell r="F5113">
            <v>1.0209999999999999</v>
          </cell>
        </row>
        <row r="5114">
          <cell r="C5114">
            <v>2011</v>
          </cell>
          <cell r="D5114">
            <v>12</v>
          </cell>
          <cell r="F5114">
            <v>1.0169999999999999</v>
          </cell>
        </row>
        <row r="5115">
          <cell r="C5115">
            <v>2012</v>
          </cell>
          <cell r="D5115">
            <v>1</v>
          </cell>
          <cell r="F5115">
            <v>1.0169999999999999</v>
          </cell>
        </row>
        <row r="5116">
          <cell r="C5116">
            <v>2012</v>
          </cell>
          <cell r="D5116">
            <v>1</v>
          </cell>
          <cell r="F5116">
            <v>1.0169999999999999</v>
          </cell>
        </row>
        <row r="5117">
          <cell r="C5117">
            <v>2012</v>
          </cell>
          <cell r="D5117">
            <v>1</v>
          </cell>
          <cell r="F5117">
            <v>1.0169999999999999</v>
          </cell>
        </row>
        <row r="5118">
          <cell r="C5118">
            <v>2012</v>
          </cell>
          <cell r="D5118">
            <v>1</v>
          </cell>
          <cell r="F5118">
            <v>1.0089999999999999</v>
          </cell>
        </row>
        <row r="5119">
          <cell r="C5119">
            <v>2012</v>
          </cell>
          <cell r="D5119">
            <v>1</v>
          </cell>
          <cell r="F5119">
            <v>1.0135000000000001</v>
          </cell>
        </row>
        <row r="5120">
          <cell r="C5120">
            <v>2012</v>
          </cell>
          <cell r="D5120">
            <v>1</v>
          </cell>
          <cell r="F5120">
            <v>1.0197000000000001</v>
          </cell>
        </row>
        <row r="5121">
          <cell r="C5121">
            <v>2012</v>
          </cell>
          <cell r="D5121">
            <v>1</v>
          </cell>
          <cell r="F5121">
            <v>1.0232000000000001</v>
          </cell>
        </row>
        <row r="5122">
          <cell r="C5122">
            <v>2012</v>
          </cell>
          <cell r="D5122">
            <v>1</v>
          </cell>
          <cell r="F5122">
            <v>1.0232000000000001</v>
          </cell>
        </row>
        <row r="5123">
          <cell r="C5123">
            <v>2012</v>
          </cell>
          <cell r="D5123">
            <v>1</v>
          </cell>
          <cell r="F5123">
            <v>1.0232000000000001</v>
          </cell>
        </row>
        <row r="5124">
          <cell r="C5124">
            <v>2012</v>
          </cell>
          <cell r="D5124">
            <v>1</v>
          </cell>
          <cell r="F5124">
            <v>1.0271999999999999</v>
          </cell>
        </row>
        <row r="5125">
          <cell r="C5125">
            <v>2012</v>
          </cell>
          <cell r="D5125">
            <v>1</v>
          </cell>
          <cell r="F5125">
            <v>1.0164</v>
          </cell>
        </row>
        <row r="5126">
          <cell r="C5126">
            <v>2012</v>
          </cell>
          <cell r="D5126">
            <v>1</v>
          </cell>
          <cell r="F5126">
            <v>1.0192000000000001</v>
          </cell>
        </row>
        <row r="5127">
          <cell r="C5127">
            <v>2012</v>
          </cell>
          <cell r="D5127">
            <v>1</v>
          </cell>
          <cell r="F5127">
            <v>1.0198</v>
          </cell>
        </row>
        <row r="5128">
          <cell r="C5128">
            <v>2012</v>
          </cell>
          <cell r="D5128">
            <v>1</v>
          </cell>
          <cell r="F5128">
            <v>1.0245</v>
          </cell>
        </row>
        <row r="5129">
          <cell r="C5129">
            <v>2012</v>
          </cell>
          <cell r="D5129">
            <v>1</v>
          </cell>
          <cell r="F5129">
            <v>1.0245</v>
          </cell>
        </row>
        <row r="5130">
          <cell r="C5130">
            <v>2012</v>
          </cell>
          <cell r="D5130">
            <v>1</v>
          </cell>
          <cell r="F5130">
            <v>1.0245</v>
          </cell>
        </row>
        <row r="5131">
          <cell r="C5131">
            <v>2012</v>
          </cell>
          <cell r="D5131">
            <v>1</v>
          </cell>
          <cell r="F5131">
            <v>1.0245</v>
          </cell>
        </row>
        <row r="5132">
          <cell r="C5132">
            <v>2012</v>
          </cell>
          <cell r="D5132">
            <v>1</v>
          </cell>
          <cell r="F5132">
            <v>1.0132000000000001</v>
          </cell>
        </row>
        <row r="5133">
          <cell r="C5133">
            <v>2012</v>
          </cell>
          <cell r="D5133">
            <v>1</v>
          </cell>
          <cell r="F5133">
            <v>1.014</v>
          </cell>
        </row>
        <row r="5134">
          <cell r="C5134">
            <v>2012</v>
          </cell>
          <cell r="D5134">
            <v>1</v>
          </cell>
          <cell r="F5134">
            <v>1.0095000000000001</v>
          </cell>
        </row>
        <row r="5135">
          <cell r="C5135">
            <v>2012</v>
          </cell>
          <cell r="D5135">
            <v>1</v>
          </cell>
          <cell r="F5135">
            <v>1.0143</v>
          </cell>
        </row>
        <row r="5136">
          <cell r="C5136">
            <v>2012</v>
          </cell>
          <cell r="D5136">
            <v>1</v>
          </cell>
          <cell r="F5136">
            <v>1.0143</v>
          </cell>
        </row>
        <row r="5137">
          <cell r="C5137">
            <v>2012</v>
          </cell>
          <cell r="D5137">
            <v>1</v>
          </cell>
          <cell r="F5137">
            <v>1.0143</v>
          </cell>
        </row>
        <row r="5138">
          <cell r="C5138">
            <v>2012</v>
          </cell>
          <cell r="D5138">
            <v>1</v>
          </cell>
          <cell r="F5138">
            <v>1.008</v>
          </cell>
        </row>
        <row r="5139">
          <cell r="C5139">
            <v>2012</v>
          </cell>
          <cell r="D5139">
            <v>1</v>
          </cell>
          <cell r="F5139">
            <v>1.0097</v>
          </cell>
        </row>
        <row r="5140">
          <cell r="C5140">
            <v>2012</v>
          </cell>
          <cell r="D5140">
            <v>1</v>
          </cell>
          <cell r="F5140">
            <v>1.012</v>
          </cell>
        </row>
        <row r="5141">
          <cell r="C5141">
            <v>2012</v>
          </cell>
          <cell r="D5141">
            <v>1</v>
          </cell>
          <cell r="F5141">
            <v>0.99860000000000004</v>
          </cell>
        </row>
        <row r="5142">
          <cell r="C5142">
            <v>2012</v>
          </cell>
          <cell r="D5142">
            <v>1</v>
          </cell>
          <cell r="F5142">
            <v>1.0013000000000001</v>
          </cell>
        </row>
        <row r="5143">
          <cell r="C5143">
            <v>2012</v>
          </cell>
          <cell r="D5143">
            <v>1</v>
          </cell>
          <cell r="F5143">
            <v>1.0013000000000001</v>
          </cell>
        </row>
        <row r="5144">
          <cell r="C5144">
            <v>2012</v>
          </cell>
          <cell r="D5144">
            <v>1</v>
          </cell>
          <cell r="F5144">
            <v>1.0013000000000001</v>
          </cell>
        </row>
        <row r="5145">
          <cell r="C5145">
            <v>2012</v>
          </cell>
          <cell r="D5145">
            <v>1</v>
          </cell>
          <cell r="F5145">
            <v>1.0032000000000001</v>
          </cell>
        </row>
        <row r="5146">
          <cell r="C5146">
            <v>2012</v>
          </cell>
          <cell r="D5146">
            <v>2</v>
          </cell>
          <cell r="F5146">
            <v>1.0052000000000001</v>
          </cell>
        </row>
        <row r="5147">
          <cell r="C5147">
            <v>2012</v>
          </cell>
          <cell r="D5147">
            <v>2</v>
          </cell>
          <cell r="F5147">
            <v>0.99709999999999999</v>
          </cell>
        </row>
        <row r="5148">
          <cell r="C5148">
            <v>2012</v>
          </cell>
          <cell r="D5148">
            <v>2</v>
          </cell>
          <cell r="F5148">
            <v>0.99850000000000005</v>
          </cell>
        </row>
        <row r="5149">
          <cell r="C5149">
            <v>2012</v>
          </cell>
          <cell r="D5149">
            <v>2</v>
          </cell>
          <cell r="F5149">
            <v>0.99450000000000005</v>
          </cell>
        </row>
        <row r="5150">
          <cell r="C5150">
            <v>2012</v>
          </cell>
          <cell r="D5150">
            <v>2</v>
          </cell>
          <cell r="F5150">
            <v>0.99450000000000005</v>
          </cell>
        </row>
        <row r="5151">
          <cell r="C5151">
            <v>2012</v>
          </cell>
          <cell r="D5151">
            <v>2</v>
          </cell>
          <cell r="F5151">
            <v>0.99450000000000005</v>
          </cell>
        </row>
        <row r="5152">
          <cell r="C5152">
            <v>2012</v>
          </cell>
          <cell r="D5152">
            <v>2</v>
          </cell>
          <cell r="F5152">
            <v>0.99539999999999995</v>
          </cell>
        </row>
        <row r="5153">
          <cell r="C5153">
            <v>2012</v>
          </cell>
          <cell r="D5153">
            <v>2</v>
          </cell>
          <cell r="F5153">
            <v>0.99480000000000002</v>
          </cell>
        </row>
        <row r="5154">
          <cell r="C5154">
            <v>2012</v>
          </cell>
          <cell r="D5154">
            <v>2</v>
          </cell>
          <cell r="F5154">
            <v>0.997</v>
          </cell>
        </row>
        <row r="5155">
          <cell r="C5155">
            <v>2012</v>
          </cell>
          <cell r="D5155">
            <v>2</v>
          </cell>
          <cell r="F5155">
            <v>0.99409999999999998</v>
          </cell>
        </row>
        <row r="5156">
          <cell r="C5156">
            <v>2012</v>
          </cell>
          <cell r="D5156">
            <v>2</v>
          </cell>
          <cell r="F5156">
            <v>1.0016</v>
          </cell>
        </row>
        <row r="5157">
          <cell r="C5157">
            <v>2012</v>
          </cell>
          <cell r="D5157">
            <v>2</v>
          </cell>
          <cell r="F5157">
            <v>1.0016</v>
          </cell>
        </row>
        <row r="5158">
          <cell r="C5158">
            <v>2012</v>
          </cell>
          <cell r="D5158">
            <v>2</v>
          </cell>
          <cell r="F5158">
            <v>1.0016</v>
          </cell>
        </row>
        <row r="5159">
          <cell r="C5159">
            <v>2012</v>
          </cell>
          <cell r="D5159">
            <v>2</v>
          </cell>
          <cell r="F5159">
            <v>0.99960000000000004</v>
          </cell>
        </row>
        <row r="5160">
          <cell r="C5160">
            <v>2012</v>
          </cell>
          <cell r="D5160">
            <v>2</v>
          </cell>
          <cell r="F5160">
            <v>0.99909999999999999</v>
          </cell>
        </row>
        <row r="5161">
          <cell r="C5161">
            <v>2012</v>
          </cell>
          <cell r="D5161">
            <v>2</v>
          </cell>
          <cell r="F5161">
            <v>0.99650000000000005</v>
          </cell>
        </row>
        <row r="5162">
          <cell r="C5162">
            <v>2012</v>
          </cell>
          <cell r="D5162">
            <v>2</v>
          </cell>
          <cell r="F5162">
            <v>0.99619999999999997</v>
          </cell>
        </row>
        <row r="5163">
          <cell r="C5163">
            <v>2012</v>
          </cell>
          <cell r="D5163">
            <v>2</v>
          </cell>
          <cell r="F5163">
            <v>0.997</v>
          </cell>
        </row>
        <row r="5164">
          <cell r="C5164">
            <v>2012</v>
          </cell>
          <cell r="D5164">
            <v>2</v>
          </cell>
          <cell r="F5164">
            <v>0.997</v>
          </cell>
        </row>
        <row r="5165">
          <cell r="C5165">
            <v>2012</v>
          </cell>
          <cell r="D5165">
            <v>2</v>
          </cell>
          <cell r="F5165">
            <v>0.997</v>
          </cell>
        </row>
        <row r="5166">
          <cell r="C5166">
            <v>2012</v>
          </cell>
          <cell r="D5166">
            <v>2</v>
          </cell>
          <cell r="F5166">
            <v>0.997</v>
          </cell>
        </row>
        <row r="5167">
          <cell r="C5167">
            <v>2012</v>
          </cell>
          <cell r="D5167">
            <v>2</v>
          </cell>
          <cell r="F5167">
            <v>0.99550000000000005</v>
          </cell>
        </row>
        <row r="5168">
          <cell r="C5168">
            <v>2012</v>
          </cell>
          <cell r="D5168">
            <v>2</v>
          </cell>
          <cell r="F5168">
            <v>1</v>
          </cell>
        </row>
        <row r="5169">
          <cell r="C5169">
            <v>2012</v>
          </cell>
          <cell r="D5169">
            <v>2</v>
          </cell>
          <cell r="F5169">
            <v>0.99850000000000005</v>
          </cell>
        </row>
        <row r="5170">
          <cell r="C5170">
            <v>2012</v>
          </cell>
          <cell r="D5170">
            <v>2</v>
          </cell>
          <cell r="F5170">
            <v>0.99880000000000002</v>
          </cell>
        </row>
        <row r="5171">
          <cell r="C5171">
            <v>2012</v>
          </cell>
          <cell r="D5171">
            <v>2</v>
          </cell>
          <cell r="F5171">
            <v>0.99880000000000002</v>
          </cell>
        </row>
        <row r="5172">
          <cell r="C5172">
            <v>2012</v>
          </cell>
          <cell r="D5172">
            <v>2</v>
          </cell>
          <cell r="F5172">
            <v>0.99880000000000002</v>
          </cell>
        </row>
        <row r="5173">
          <cell r="C5173">
            <v>2012</v>
          </cell>
          <cell r="D5173">
            <v>2</v>
          </cell>
          <cell r="F5173">
            <v>0.99560000000000004</v>
          </cell>
        </row>
        <row r="5174">
          <cell r="C5174">
            <v>2012</v>
          </cell>
          <cell r="D5174">
            <v>3</v>
          </cell>
          <cell r="F5174">
            <v>0.98660000000000003</v>
          </cell>
        </row>
        <row r="5175">
          <cell r="C5175">
            <v>2012</v>
          </cell>
          <cell r="D5175">
            <v>3</v>
          </cell>
          <cell r="F5175">
            <v>0.9849</v>
          </cell>
        </row>
        <row r="5176">
          <cell r="C5176">
            <v>2012</v>
          </cell>
          <cell r="D5176">
            <v>3</v>
          </cell>
          <cell r="F5176">
            <v>0.98880000000000001</v>
          </cell>
        </row>
        <row r="5177">
          <cell r="C5177">
            <v>2012</v>
          </cell>
          <cell r="D5177">
            <v>3</v>
          </cell>
          <cell r="F5177">
            <v>0.98880000000000001</v>
          </cell>
        </row>
        <row r="5178">
          <cell r="C5178">
            <v>2012</v>
          </cell>
          <cell r="D5178">
            <v>3</v>
          </cell>
          <cell r="F5178">
            <v>0.98880000000000001</v>
          </cell>
        </row>
        <row r="5179">
          <cell r="C5179">
            <v>2012</v>
          </cell>
          <cell r="D5179">
            <v>3</v>
          </cell>
          <cell r="F5179">
            <v>0.99360000000000004</v>
          </cell>
        </row>
        <row r="5180">
          <cell r="C5180">
            <v>2012</v>
          </cell>
          <cell r="D5180">
            <v>3</v>
          </cell>
          <cell r="F5180">
            <v>1.0015000000000001</v>
          </cell>
        </row>
        <row r="5181">
          <cell r="C5181">
            <v>2012</v>
          </cell>
          <cell r="D5181">
            <v>3</v>
          </cell>
          <cell r="F5181">
            <v>0.99929999999999997</v>
          </cell>
        </row>
        <row r="5182">
          <cell r="C5182">
            <v>2012</v>
          </cell>
          <cell r="D5182">
            <v>3</v>
          </cell>
          <cell r="F5182">
            <v>0.99209999999999998</v>
          </cell>
        </row>
        <row r="5183">
          <cell r="C5183">
            <v>2012</v>
          </cell>
          <cell r="D5183">
            <v>3</v>
          </cell>
          <cell r="F5183">
            <v>0.98950000000000005</v>
          </cell>
        </row>
        <row r="5184">
          <cell r="C5184">
            <v>2012</v>
          </cell>
          <cell r="D5184">
            <v>3</v>
          </cell>
          <cell r="F5184">
            <v>0.98950000000000005</v>
          </cell>
        </row>
        <row r="5185">
          <cell r="C5185">
            <v>2012</v>
          </cell>
          <cell r="D5185">
            <v>3</v>
          </cell>
          <cell r="F5185">
            <v>0.98950000000000005</v>
          </cell>
        </row>
        <row r="5186">
          <cell r="C5186">
            <v>2012</v>
          </cell>
          <cell r="D5186">
            <v>3</v>
          </cell>
          <cell r="F5186">
            <v>0.99350000000000005</v>
          </cell>
        </row>
        <row r="5187">
          <cell r="C5187">
            <v>2012</v>
          </cell>
          <cell r="D5187">
            <v>3</v>
          </cell>
          <cell r="F5187">
            <v>0.99050000000000005</v>
          </cell>
        </row>
        <row r="5188">
          <cell r="C5188">
            <v>2012</v>
          </cell>
          <cell r="D5188">
            <v>3</v>
          </cell>
          <cell r="F5188">
            <v>0.99150000000000005</v>
          </cell>
        </row>
        <row r="5189">
          <cell r="C5189">
            <v>2012</v>
          </cell>
          <cell r="D5189">
            <v>3</v>
          </cell>
          <cell r="F5189">
            <v>0.9929</v>
          </cell>
        </row>
        <row r="5190">
          <cell r="C5190">
            <v>2012</v>
          </cell>
          <cell r="D5190">
            <v>3</v>
          </cell>
          <cell r="F5190">
            <v>0.99139999999999995</v>
          </cell>
        </row>
        <row r="5191">
          <cell r="C5191">
            <v>2012</v>
          </cell>
          <cell r="D5191">
            <v>3</v>
          </cell>
          <cell r="F5191">
            <v>0.99139999999999995</v>
          </cell>
        </row>
        <row r="5192">
          <cell r="C5192">
            <v>2012</v>
          </cell>
          <cell r="D5192">
            <v>3</v>
          </cell>
          <cell r="F5192">
            <v>0.99139999999999995</v>
          </cell>
        </row>
        <row r="5193">
          <cell r="C5193">
            <v>2012</v>
          </cell>
          <cell r="D5193">
            <v>3</v>
          </cell>
          <cell r="F5193">
            <v>0.98799999999999999</v>
          </cell>
        </row>
        <row r="5194">
          <cell r="C5194">
            <v>2012</v>
          </cell>
          <cell r="D5194">
            <v>3</v>
          </cell>
          <cell r="F5194">
            <v>0.99329999999999996</v>
          </cell>
        </row>
        <row r="5195">
          <cell r="C5195">
            <v>2012</v>
          </cell>
          <cell r="D5195">
            <v>3</v>
          </cell>
          <cell r="F5195">
            <v>0.99309999999999998</v>
          </cell>
        </row>
        <row r="5196">
          <cell r="C5196">
            <v>2012</v>
          </cell>
          <cell r="D5196">
            <v>3</v>
          </cell>
          <cell r="F5196">
            <v>1.0003</v>
          </cell>
        </row>
        <row r="5197">
          <cell r="C5197">
            <v>2012</v>
          </cell>
          <cell r="D5197">
            <v>3</v>
          </cell>
          <cell r="F5197">
            <v>0.99819999999999998</v>
          </cell>
        </row>
        <row r="5198">
          <cell r="C5198">
            <v>2012</v>
          </cell>
          <cell r="D5198">
            <v>3</v>
          </cell>
          <cell r="F5198">
            <v>0.99819999999999998</v>
          </cell>
        </row>
        <row r="5199">
          <cell r="C5199">
            <v>2012</v>
          </cell>
          <cell r="D5199">
            <v>3</v>
          </cell>
          <cell r="F5199">
            <v>0.99819999999999998</v>
          </cell>
        </row>
        <row r="5200">
          <cell r="C5200">
            <v>2012</v>
          </cell>
          <cell r="D5200">
            <v>3</v>
          </cell>
          <cell r="F5200">
            <v>0.99219999999999997</v>
          </cell>
        </row>
        <row r="5201">
          <cell r="C5201">
            <v>2012</v>
          </cell>
          <cell r="D5201">
            <v>3</v>
          </cell>
          <cell r="F5201">
            <v>0.99280000000000002</v>
          </cell>
        </row>
        <row r="5202">
          <cell r="C5202">
            <v>2012</v>
          </cell>
          <cell r="D5202">
            <v>3</v>
          </cell>
          <cell r="F5202">
            <v>0.99839999999999995</v>
          </cell>
        </row>
        <row r="5203">
          <cell r="C5203">
            <v>2012</v>
          </cell>
          <cell r="D5203">
            <v>3</v>
          </cell>
          <cell r="F5203">
            <v>0.99990000000000001</v>
          </cell>
        </row>
        <row r="5204">
          <cell r="C5204">
            <v>2012</v>
          </cell>
          <cell r="D5204">
            <v>3</v>
          </cell>
          <cell r="F5204">
            <v>0.99909999999999999</v>
          </cell>
        </row>
        <row r="5205">
          <cell r="C5205">
            <v>2012</v>
          </cell>
          <cell r="D5205">
            <v>4</v>
          </cell>
          <cell r="F5205">
            <v>0.99909999999999999</v>
          </cell>
        </row>
        <row r="5206">
          <cell r="C5206">
            <v>2012</v>
          </cell>
          <cell r="D5206">
            <v>4</v>
          </cell>
          <cell r="F5206">
            <v>0.99909999999999999</v>
          </cell>
        </row>
      </sheetData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2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3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9.xml"/></Relationships>
</file>

<file path=xl/worksheets/sheet1.xml><?xml version="1.0" encoding="utf-8"?>
<worksheet xmlns="http://schemas.openxmlformats.org/spreadsheetml/2006/main" xmlns:r="http://schemas.openxmlformats.org/officeDocument/2006/relationships">
  <sheetPr>
    <tabColor rgb="FFFFC000"/>
  </sheetPr>
  <dimension ref="B2:F23"/>
  <sheetViews>
    <sheetView tabSelected="1" workbookViewId="0"/>
  </sheetViews>
  <sheetFormatPr defaultRowHeight="13.8"/>
  <cols>
    <col min="1" max="16384" width="8.796875" style="38"/>
  </cols>
  <sheetData>
    <row r="2" spans="2:6">
      <c r="B2" s="121" t="s">
        <v>236</v>
      </c>
    </row>
    <row r="3" spans="2:6">
      <c r="B3" s="121"/>
    </row>
    <row r="4" spans="2:6">
      <c r="B4" s="121" t="s">
        <v>247</v>
      </c>
    </row>
    <row r="6" spans="2:6">
      <c r="B6" s="121" t="s">
        <v>237</v>
      </c>
    </row>
    <row r="7" spans="2:6">
      <c r="B7" s="38" t="s">
        <v>238</v>
      </c>
    </row>
    <row r="9" spans="2:6">
      <c r="B9" s="136" t="s">
        <v>239</v>
      </c>
      <c r="C9" s="137"/>
      <c r="E9" s="134" t="s">
        <v>244</v>
      </c>
      <c r="F9" s="135"/>
    </row>
    <row r="10" spans="2:6">
      <c r="B10" s="137" t="s">
        <v>240</v>
      </c>
      <c r="C10" s="137"/>
      <c r="E10" s="135" t="s">
        <v>245</v>
      </c>
      <c r="F10" s="135"/>
    </row>
    <row r="11" spans="2:6">
      <c r="B11" s="137" t="s">
        <v>241</v>
      </c>
      <c r="C11" s="137"/>
      <c r="E11" s="135" t="s">
        <v>246</v>
      </c>
      <c r="F11" s="135"/>
    </row>
    <row r="12" spans="2:6">
      <c r="B12" s="137" t="s">
        <v>242</v>
      </c>
      <c r="C12" s="137"/>
      <c r="E12" s="135"/>
      <c r="F12" s="135"/>
    </row>
    <row r="13" spans="2:6">
      <c r="B13" s="137" t="s">
        <v>243</v>
      </c>
      <c r="C13" s="137"/>
      <c r="E13" s="135"/>
      <c r="F13" s="135"/>
    </row>
    <row r="16" spans="2:6">
      <c r="B16" s="38" t="s">
        <v>252</v>
      </c>
    </row>
    <row r="18" spans="2:2">
      <c r="B18" s="38" t="s">
        <v>248</v>
      </c>
    </row>
    <row r="19" spans="2:2">
      <c r="B19" s="38" t="s">
        <v>249</v>
      </c>
    </row>
    <row r="21" spans="2:2">
      <c r="B21" s="38" t="s">
        <v>250</v>
      </c>
    </row>
    <row r="23" spans="2:2">
      <c r="B23" s="38" t="s">
        <v>251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>
  <sheetPr>
    <tabColor theme="6" tint="0.39997558519241921"/>
  </sheetPr>
  <dimension ref="A2:H280"/>
  <sheetViews>
    <sheetView workbookViewId="0">
      <selection activeCell="I23" sqref="I23"/>
    </sheetView>
  </sheetViews>
  <sheetFormatPr defaultRowHeight="13.8"/>
  <cols>
    <col min="1" max="1" width="21.69921875" customWidth="1"/>
    <col min="3" max="3" width="14.3984375" bestFit="1" customWidth="1"/>
    <col min="4" max="4" width="13.3984375" bestFit="1" customWidth="1"/>
    <col min="5" max="6" width="8.8984375" bestFit="1" customWidth="1"/>
    <col min="9" max="9" width="10.59765625" customWidth="1"/>
  </cols>
  <sheetData>
    <row r="2" spans="1:8">
      <c r="A2" s="1" t="s">
        <v>115</v>
      </c>
    </row>
    <row r="3" spans="1:8" ht="14.4" thickBot="1"/>
    <row r="4" spans="1:8">
      <c r="A4" s="2" t="s">
        <v>0</v>
      </c>
      <c r="B4" s="2"/>
      <c r="E4" s="96" t="s">
        <v>222</v>
      </c>
      <c r="F4" s="95"/>
      <c r="G4" s="95"/>
      <c r="H4" s="95"/>
    </row>
    <row r="5" spans="1:8">
      <c r="A5" s="86"/>
      <c r="B5" s="87"/>
      <c r="E5" s="95"/>
      <c r="F5" s="95"/>
      <c r="G5" s="95"/>
      <c r="H5" s="95"/>
    </row>
    <row r="6" spans="1:8">
      <c r="A6" s="3" t="s">
        <v>2</v>
      </c>
      <c r="B6" s="4">
        <v>0.997</v>
      </c>
      <c r="E6" s="97" t="s">
        <v>219</v>
      </c>
      <c r="F6" s="94"/>
      <c r="G6" s="94"/>
      <c r="H6" s="94"/>
    </row>
    <row r="7" spans="1:8">
      <c r="A7" s="3" t="s">
        <v>3</v>
      </c>
      <c r="B7" s="4">
        <v>0.997</v>
      </c>
      <c r="C7" s="93">
        <v>0.99689247293530037</v>
      </c>
      <c r="E7" s="97" t="s">
        <v>220</v>
      </c>
      <c r="F7" s="94"/>
      <c r="G7" s="94"/>
      <c r="H7" s="94"/>
    </row>
    <row r="8" spans="1:8">
      <c r="A8" s="3" t="s">
        <v>4</v>
      </c>
      <c r="B8" s="5">
        <v>8.83</v>
      </c>
      <c r="E8" s="97" t="s">
        <v>221</v>
      </c>
      <c r="F8" s="94"/>
      <c r="G8" s="94"/>
      <c r="H8" s="94"/>
    </row>
    <row r="9" spans="1:8" ht="14.4" thickBot="1">
      <c r="A9" s="6" t="s">
        <v>5</v>
      </c>
      <c r="B9" s="7">
        <v>183</v>
      </c>
      <c r="C9" s="8" t="s">
        <v>217</v>
      </c>
    </row>
    <row r="11" spans="1:8" ht="14.4" thickBot="1">
      <c r="A11" t="s">
        <v>7</v>
      </c>
    </row>
    <row r="12" spans="1:8">
      <c r="A12" s="9"/>
      <c r="B12" s="9" t="s">
        <v>8</v>
      </c>
      <c r="C12" s="9" t="s">
        <v>9</v>
      </c>
      <c r="D12" s="9" t="s">
        <v>10</v>
      </c>
      <c r="E12" s="9" t="s">
        <v>11</v>
      </c>
      <c r="F12" s="9" t="s">
        <v>12</v>
      </c>
      <c r="G12" s="9" t="s">
        <v>13</v>
      </c>
    </row>
    <row r="13" spans="1:8">
      <c r="A13" s="3" t="s">
        <v>14</v>
      </c>
      <c r="B13" s="10">
        <v>18</v>
      </c>
      <c r="C13" s="11">
        <v>4110580.45</v>
      </c>
      <c r="D13" s="82">
        <v>228365.58055555556</v>
      </c>
      <c r="E13" s="11">
        <v>2931.9490000000001</v>
      </c>
      <c r="F13" s="5">
        <v>0</v>
      </c>
      <c r="G13" s="13">
        <v>1.8380000000000001</v>
      </c>
    </row>
    <row r="14" spans="1:8">
      <c r="A14" s="3" t="s">
        <v>15</v>
      </c>
      <c r="B14" s="85">
        <v>164</v>
      </c>
      <c r="C14" s="11">
        <v>12773.74</v>
      </c>
      <c r="D14" s="82">
        <v>77.888658536585368</v>
      </c>
      <c r="E14" s="11"/>
      <c r="F14" s="12"/>
    </row>
    <row r="15" spans="1:8" ht="14.4" thickBot="1">
      <c r="A15" s="6" t="s">
        <v>16</v>
      </c>
      <c r="B15" s="7">
        <v>182</v>
      </c>
      <c r="C15" s="14">
        <v>4123354.1900000004</v>
      </c>
      <c r="D15" s="14"/>
      <c r="E15" s="14"/>
      <c r="F15" s="15"/>
      <c r="G15" s="15"/>
    </row>
    <row r="16" spans="1:8" ht="14.4" thickBot="1"/>
    <row r="17" spans="1:7">
      <c r="A17" s="9"/>
      <c r="B17" s="9" t="s">
        <v>17</v>
      </c>
      <c r="C17" s="9" t="s">
        <v>18</v>
      </c>
      <c r="D17" s="9" t="s">
        <v>19</v>
      </c>
      <c r="E17" s="9" t="s">
        <v>20</v>
      </c>
      <c r="F17" s="9" t="s">
        <v>21</v>
      </c>
      <c r="G17" s="9" t="s">
        <v>22</v>
      </c>
    </row>
    <row r="18" spans="1:7">
      <c r="A18" s="3" t="s">
        <v>132</v>
      </c>
      <c r="B18" s="80">
        <v>-61.975000000000001</v>
      </c>
      <c r="C18" s="80">
        <v>7.819</v>
      </c>
      <c r="D18" s="80">
        <v>-7.9269999999999996</v>
      </c>
      <c r="E18" s="4">
        <v>0</v>
      </c>
      <c r="F18" s="83">
        <v>-77.378430000000009</v>
      </c>
      <c r="G18" s="83">
        <v>-46.571570000000001</v>
      </c>
    </row>
    <row r="19" spans="1:7">
      <c r="A19" s="3" t="s">
        <v>24</v>
      </c>
      <c r="B19" s="80">
        <v>0.48799999999999999</v>
      </c>
      <c r="C19" s="80">
        <v>8.0000000000000002E-3</v>
      </c>
      <c r="D19" s="80">
        <v>62.691000000000003</v>
      </c>
      <c r="E19" s="4">
        <v>0</v>
      </c>
      <c r="F19" s="83">
        <v>0.47223999999999999</v>
      </c>
      <c r="G19" s="83">
        <v>0.50375999999999999</v>
      </c>
    </row>
    <row r="20" spans="1:7">
      <c r="A20" s="3" t="s">
        <v>25</v>
      </c>
      <c r="B20" s="80">
        <v>0.46</v>
      </c>
      <c r="C20" s="80">
        <v>8.9999999999999993E-3</v>
      </c>
      <c r="D20" s="80">
        <v>51.484000000000002</v>
      </c>
      <c r="E20" s="4">
        <v>0</v>
      </c>
      <c r="F20" s="83">
        <v>0.44227</v>
      </c>
      <c r="G20" s="83">
        <v>0.47773000000000004</v>
      </c>
    </row>
    <row r="21" spans="1:7">
      <c r="A21" s="3" t="s">
        <v>26</v>
      </c>
      <c r="B21" s="80">
        <v>0.44400000000000001</v>
      </c>
      <c r="C21" s="80">
        <v>0.01</v>
      </c>
      <c r="D21" s="80">
        <v>42.332999999999998</v>
      </c>
      <c r="E21" s="4">
        <v>0</v>
      </c>
      <c r="F21" s="83">
        <v>0.42430000000000001</v>
      </c>
      <c r="G21" s="83">
        <v>0.4637</v>
      </c>
    </row>
    <row r="22" spans="1:7">
      <c r="A22" s="3" t="s">
        <v>27</v>
      </c>
      <c r="B22" s="80">
        <v>0.41599999999999998</v>
      </c>
      <c r="C22" s="80">
        <v>1.6E-2</v>
      </c>
      <c r="D22" s="80">
        <v>25.7</v>
      </c>
      <c r="E22" s="4">
        <v>0</v>
      </c>
      <c r="F22" s="83">
        <v>0.38447999999999999</v>
      </c>
      <c r="G22" s="83">
        <v>0.44751999999999997</v>
      </c>
    </row>
    <row r="23" spans="1:7">
      <c r="A23" s="3" t="s">
        <v>28</v>
      </c>
      <c r="B23" s="80">
        <v>0.35799999999999998</v>
      </c>
      <c r="C23" s="80">
        <v>2.8000000000000001E-2</v>
      </c>
      <c r="D23" s="80">
        <v>12.702</v>
      </c>
      <c r="E23" s="4">
        <v>0</v>
      </c>
      <c r="F23" s="83">
        <v>0.30284</v>
      </c>
      <c r="G23" s="83">
        <v>0.41315999999999997</v>
      </c>
    </row>
    <row r="24" spans="1:7">
      <c r="A24" s="79" t="s">
        <v>29</v>
      </c>
      <c r="B24" s="80">
        <v>0.22900000000000001</v>
      </c>
      <c r="C24" s="80">
        <v>4.5999999999999999E-2</v>
      </c>
      <c r="D24" s="80">
        <v>4.9729999999999999</v>
      </c>
      <c r="E24" s="4">
        <v>0</v>
      </c>
      <c r="F24" s="83">
        <v>0.13838</v>
      </c>
      <c r="G24" s="83">
        <v>0.31962000000000002</v>
      </c>
    </row>
    <row r="25" spans="1:7">
      <c r="A25" s="3" t="s">
        <v>30</v>
      </c>
      <c r="B25" s="80">
        <v>0.30599999999999999</v>
      </c>
      <c r="C25" s="80">
        <v>0.02</v>
      </c>
      <c r="D25" s="80">
        <v>15.000999999999999</v>
      </c>
      <c r="E25" s="4">
        <v>0</v>
      </c>
      <c r="F25" s="83">
        <v>0.2666</v>
      </c>
      <c r="G25" s="83">
        <v>0.34539999999999998</v>
      </c>
    </row>
    <row r="26" spans="1:7">
      <c r="A26" s="3" t="s">
        <v>31</v>
      </c>
      <c r="B26" s="80">
        <v>0.41299999999999998</v>
      </c>
      <c r="C26" s="80">
        <v>1.2999999999999999E-2</v>
      </c>
      <c r="D26" s="80">
        <v>30.779</v>
      </c>
      <c r="E26" s="4">
        <v>0</v>
      </c>
      <c r="F26" s="83">
        <v>0.38738999999999996</v>
      </c>
      <c r="G26" s="83">
        <v>0.43861</v>
      </c>
    </row>
    <row r="27" spans="1:7">
      <c r="A27" s="3" t="s">
        <v>32</v>
      </c>
      <c r="B27" s="80">
        <v>0.44400000000000001</v>
      </c>
      <c r="C27" s="80">
        <v>8.9999999999999993E-3</v>
      </c>
      <c r="D27" s="80">
        <v>49.972999999999999</v>
      </c>
      <c r="E27" s="4">
        <v>0</v>
      </c>
      <c r="F27" s="83">
        <v>0.42626999999999998</v>
      </c>
      <c r="G27" s="83">
        <v>0.46173000000000003</v>
      </c>
    </row>
    <row r="28" spans="1:7">
      <c r="A28" s="3" t="s">
        <v>114</v>
      </c>
      <c r="B28" s="80">
        <v>13.981</v>
      </c>
      <c r="C28" s="80">
        <v>3.012</v>
      </c>
      <c r="D28" s="80">
        <v>4.6420000000000003</v>
      </c>
      <c r="E28" s="4">
        <v>0</v>
      </c>
      <c r="F28" s="83">
        <v>8.0473600000000012</v>
      </c>
      <c r="G28" s="83">
        <v>19.914639999999999</v>
      </c>
    </row>
    <row r="29" spans="1:7">
      <c r="A29" s="3" t="s">
        <v>122</v>
      </c>
      <c r="B29" s="80">
        <v>539.70699999999999</v>
      </c>
      <c r="C29" s="80">
        <v>27.295000000000002</v>
      </c>
      <c r="D29" s="80">
        <v>19.773</v>
      </c>
      <c r="E29" s="4">
        <v>0</v>
      </c>
      <c r="F29" s="83">
        <v>485.93584999999996</v>
      </c>
      <c r="G29" s="83">
        <v>593.47815000000003</v>
      </c>
    </row>
    <row r="30" spans="1:7">
      <c r="A30" s="3" t="s">
        <v>218</v>
      </c>
      <c r="B30" s="80">
        <v>43.552999999999997</v>
      </c>
      <c r="C30" s="80">
        <v>2.528</v>
      </c>
      <c r="D30" s="80">
        <v>17.231000000000002</v>
      </c>
      <c r="E30" s="4">
        <v>0</v>
      </c>
      <c r="F30" s="83">
        <v>38.572839999999999</v>
      </c>
      <c r="G30" s="83">
        <v>48.533159999999995</v>
      </c>
    </row>
    <row r="31" spans="1:7">
      <c r="A31" s="3" t="s">
        <v>123</v>
      </c>
      <c r="B31" s="80">
        <v>-6.4000000000000001E-2</v>
      </c>
      <c r="C31" s="80">
        <v>2.3E-2</v>
      </c>
      <c r="D31" s="80">
        <v>-2.7949999999999999</v>
      </c>
      <c r="E31" s="4">
        <v>5.7999999999999996E-3</v>
      </c>
      <c r="F31" s="83">
        <v>-0.10930999999999999</v>
      </c>
      <c r="G31" s="83">
        <v>-1.8690000000000005E-2</v>
      </c>
    </row>
    <row r="32" spans="1:7">
      <c r="A32" s="3" t="s">
        <v>109</v>
      </c>
      <c r="B32" s="80">
        <v>46.860999999999997</v>
      </c>
      <c r="C32" s="80">
        <v>9.3699999999999992</v>
      </c>
      <c r="D32" s="80">
        <v>5.0010000000000003</v>
      </c>
      <c r="E32" s="4">
        <v>0</v>
      </c>
      <c r="F32" s="83">
        <v>28.402099999999997</v>
      </c>
      <c r="G32" s="83">
        <v>65.31989999999999</v>
      </c>
    </row>
    <row r="33" spans="1:8">
      <c r="A33" s="3" t="s">
        <v>110</v>
      </c>
      <c r="B33" s="80">
        <v>34.180999999999997</v>
      </c>
      <c r="C33" s="80">
        <v>9.5359999999999996</v>
      </c>
      <c r="D33" s="80">
        <v>3.5840000000000001</v>
      </c>
      <c r="E33" s="4">
        <v>5.0000000000000001E-4</v>
      </c>
      <c r="F33" s="83">
        <v>15.39508</v>
      </c>
      <c r="G33" s="83">
        <v>52.966919999999995</v>
      </c>
    </row>
    <row r="34" spans="1:8">
      <c r="A34" s="3" t="s">
        <v>111</v>
      </c>
      <c r="B34" s="80">
        <v>-30.045000000000002</v>
      </c>
      <c r="C34" s="80">
        <v>9.1999999999999993</v>
      </c>
      <c r="D34" s="80">
        <v>-3.266</v>
      </c>
      <c r="E34" s="4">
        <v>1.2999999999999999E-3</v>
      </c>
      <c r="F34" s="83">
        <v>-48.168999999999997</v>
      </c>
      <c r="G34" s="83">
        <v>-11.921000000000003</v>
      </c>
    </row>
    <row r="35" spans="1:8">
      <c r="A35" s="3" t="s">
        <v>113</v>
      </c>
      <c r="B35" s="80">
        <v>23.584</v>
      </c>
      <c r="C35" s="80">
        <v>9.6959999999999997</v>
      </c>
      <c r="D35" s="80">
        <v>2.4319999999999999</v>
      </c>
      <c r="E35" s="4">
        <v>1.61E-2</v>
      </c>
      <c r="F35" s="83">
        <v>4.4828800000000015</v>
      </c>
      <c r="G35" s="83">
        <v>42.685119999999998</v>
      </c>
    </row>
    <row r="36" spans="1:8" ht="14.4" thickBot="1">
      <c r="A36" s="6" t="s">
        <v>112</v>
      </c>
      <c r="B36" s="81">
        <v>33.011000000000003</v>
      </c>
      <c r="C36" s="81">
        <v>9.2430000000000003</v>
      </c>
      <c r="D36" s="81">
        <v>3.5710000000000002</v>
      </c>
      <c r="E36" s="17">
        <v>5.0000000000000001E-4</v>
      </c>
      <c r="F36" s="84">
        <v>14.802290000000003</v>
      </c>
      <c r="G36" s="84">
        <v>51.219710000000006</v>
      </c>
    </row>
    <row r="38" spans="1:8">
      <c r="A38" s="3"/>
    </row>
    <row r="40" spans="1:8">
      <c r="A40" t="s">
        <v>38</v>
      </c>
    </row>
    <row r="41" spans="1:8" ht="14.4" thickBot="1"/>
    <row r="42" spans="1:8">
      <c r="A42" s="9" t="s">
        <v>39</v>
      </c>
      <c r="B42" s="18" t="s">
        <v>43</v>
      </c>
      <c r="C42" s="18" t="s">
        <v>40</v>
      </c>
      <c r="D42" s="18" t="s">
        <v>41</v>
      </c>
      <c r="E42" s="19"/>
    </row>
    <row r="43" spans="1:8">
      <c r="A43" s="20">
        <v>34425</v>
      </c>
      <c r="B43" s="21">
        <v>267.69600000000003</v>
      </c>
      <c r="C43" s="22">
        <v>262.88299999999998</v>
      </c>
      <c r="D43" s="22">
        <v>4.813000000000045</v>
      </c>
      <c r="E43" s="19"/>
    </row>
    <row r="44" spans="1:8">
      <c r="A44" s="20">
        <v>34455</v>
      </c>
      <c r="B44" s="21">
        <v>158.327</v>
      </c>
      <c r="C44" s="22">
        <v>164.61600000000001</v>
      </c>
      <c r="D44" s="22">
        <v>-6.2890000000000157</v>
      </c>
      <c r="E44" s="19"/>
    </row>
    <row r="45" spans="1:8">
      <c r="A45" s="20">
        <v>34486</v>
      </c>
      <c r="B45" s="21">
        <v>75.694999999999993</v>
      </c>
      <c r="C45" s="22">
        <v>71.846000000000004</v>
      </c>
      <c r="D45" s="22">
        <v>3.8489999999999895</v>
      </c>
      <c r="E45" s="19"/>
      <c r="F45" s="24"/>
      <c r="G45" s="24"/>
      <c r="H45" s="24"/>
    </row>
    <row r="46" spans="1:8">
      <c r="A46" s="20">
        <v>34516</v>
      </c>
      <c r="B46" s="21">
        <v>75.694999999999993</v>
      </c>
      <c r="C46" s="22">
        <v>73.394000000000005</v>
      </c>
      <c r="D46" s="22">
        <v>2.3009999999999877</v>
      </c>
      <c r="E46" s="19"/>
      <c r="F46" s="24"/>
      <c r="G46" s="24"/>
      <c r="H46" s="24"/>
    </row>
    <row r="47" spans="1:8">
      <c r="A47" s="20">
        <v>34547</v>
      </c>
      <c r="B47" s="21">
        <v>75.694999999999993</v>
      </c>
      <c r="C47" s="22">
        <v>74.536000000000001</v>
      </c>
      <c r="D47" s="22">
        <v>1.1589999999999918</v>
      </c>
      <c r="E47" s="19"/>
      <c r="F47" s="24"/>
      <c r="G47" s="24"/>
      <c r="H47" s="24"/>
    </row>
    <row r="48" spans="1:8">
      <c r="A48" s="20">
        <v>34578</v>
      </c>
      <c r="B48" s="21">
        <v>97.263000000000005</v>
      </c>
      <c r="C48" s="22">
        <v>88.566000000000003</v>
      </c>
      <c r="D48" s="22">
        <v>8.6970000000000027</v>
      </c>
      <c r="E48" s="19"/>
      <c r="F48" s="24"/>
      <c r="G48" s="24"/>
      <c r="H48" s="24"/>
    </row>
    <row r="49" spans="1:8">
      <c r="A49" s="20">
        <v>34608</v>
      </c>
      <c r="B49" s="21">
        <v>177.233</v>
      </c>
      <c r="C49" s="22">
        <v>169.80699999999999</v>
      </c>
      <c r="D49" s="22">
        <v>7.4260000000000161</v>
      </c>
      <c r="E49" s="19"/>
      <c r="F49" s="24"/>
      <c r="G49" s="24"/>
      <c r="H49" s="24"/>
    </row>
    <row r="50" spans="1:8">
      <c r="A50" s="20">
        <v>34639</v>
      </c>
      <c r="B50" s="21">
        <v>287.96100000000001</v>
      </c>
      <c r="C50" s="22">
        <v>283.68700000000001</v>
      </c>
      <c r="D50" s="22">
        <v>4.2740000000000009</v>
      </c>
      <c r="E50" s="19"/>
      <c r="F50" s="24"/>
      <c r="G50" s="24"/>
      <c r="H50" s="24"/>
    </row>
    <row r="51" spans="1:8" ht="14.4" thickBot="1">
      <c r="A51" s="20">
        <v>34669</v>
      </c>
      <c r="B51" s="21">
        <v>391.86900000000003</v>
      </c>
      <c r="C51" s="22">
        <v>376.36799999999999</v>
      </c>
      <c r="D51" s="22">
        <v>15.501000000000033</v>
      </c>
      <c r="E51" s="19"/>
      <c r="F51" s="1" t="s">
        <v>42</v>
      </c>
    </row>
    <row r="52" spans="1:8">
      <c r="A52" s="20">
        <v>34700</v>
      </c>
      <c r="B52" s="21">
        <v>478.20600000000002</v>
      </c>
      <c r="C52" s="22">
        <v>478.976</v>
      </c>
      <c r="D52" s="22">
        <v>-0.76999999999998181</v>
      </c>
      <c r="E52" s="19"/>
      <c r="F52" s="23" t="s">
        <v>43</v>
      </c>
      <c r="G52" s="23" t="s">
        <v>40</v>
      </c>
      <c r="H52" s="23" t="s">
        <v>41</v>
      </c>
    </row>
    <row r="53" spans="1:8">
      <c r="A53" s="20">
        <v>34731</v>
      </c>
      <c r="B53" s="21">
        <v>514.15099999999995</v>
      </c>
      <c r="C53" s="22">
        <v>514.15099999999995</v>
      </c>
      <c r="D53" s="22">
        <v>0</v>
      </c>
      <c r="E53" s="19"/>
    </row>
    <row r="54" spans="1:8">
      <c r="A54" s="20">
        <v>34759</v>
      </c>
      <c r="B54" s="21">
        <v>353.90300000000002</v>
      </c>
      <c r="C54" s="22">
        <v>355.40699999999998</v>
      </c>
      <c r="D54" s="22">
        <v>-1.5039999999999623</v>
      </c>
      <c r="E54" s="19"/>
      <c r="F54" s="24">
        <v>2953.6940000000004</v>
      </c>
      <c r="G54" s="24">
        <v>2914.2370000000001</v>
      </c>
      <c r="H54" s="24">
        <v>39.457000000000335</v>
      </c>
    </row>
    <row r="55" spans="1:8">
      <c r="A55" s="20">
        <v>34790</v>
      </c>
      <c r="B55" s="21">
        <v>284.78500000000003</v>
      </c>
      <c r="C55" s="22">
        <v>283.99099999999999</v>
      </c>
      <c r="D55" s="22">
        <v>0.79400000000003956</v>
      </c>
      <c r="E55" s="19"/>
      <c r="F55" s="24">
        <v>2970.7829999999994</v>
      </c>
      <c r="G55" s="24">
        <v>2935.3449999999998</v>
      </c>
      <c r="H55" s="24">
        <v>35.437999999999647</v>
      </c>
    </row>
    <row r="56" spans="1:8">
      <c r="A56" s="20">
        <v>34820</v>
      </c>
      <c r="B56" s="21">
        <v>138.37899999999999</v>
      </c>
      <c r="C56" s="22">
        <v>156.47800000000001</v>
      </c>
      <c r="D56" s="22">
        <v>-18.099000000000018</v>
      </c>
      <c r="E56" s="19"/>
      <c r="F56" s="24">
        <v>2950.835</v>
      </c>
      <c r="G56" s="24">
        <v>2927.2069999999999</v>
      </c>
      <c r="H56" s="24">
        <v>23.628000000000156</v>
      </c>
    </row>
    <row r="57" spans="1:8">
      <c r="A57" s="20">
        <v>34851</v>
      </c>
      <c r="B57" s="21">
        <v>65.207999999999998</v>
      </c>
      <c r="C57" s="22">
        <v>70.41</v>
      </c>
      <c r="D57" s="22">
        <v>-5.2019999999999982</v>
      </c>
      <c r="E57" s="19"/>
      <c r="F57" s="24">
        <v>2940.3479999999995</v>
      </c>
      <c r="G57" s="24">
        <v>2925.7709999999997</v>
      </c>
      <c r="H57" s="24">
        <v>14.576999999999771</v>
      </c>
    </row>
    <row r="58" spans="1:8">
      <c r="A58" s="20">
        <v>34881</v>
      </c>
      <c r="B58" s="21">
        <v>65.207999999999998</v>
      </c>
      <c r="C58" s="22">
        <v>72.364000000000004</v>
      </c>
      <c r="D58" s="22">
        <v>-7.1560000000000059</v>
      </c>
      <c r="E58" s="19"/>
      <c r="F58" s="24">
        <v>2929.8609999999999</v>
      </c>
      <c r="G58" s="24">
        <v>2924.741</v>
      </c>
      <c r="H58" s="24">
        <v>5.1199999999998909</v>
      </c>
    </row>
    <row r="59" spans="1:8">
      <c r="A59" s="20">
        <v>34912</v>
      </c>
      <c r="B59" s="21">
        <v>65.207999999999998</v>
      </c>
      <c r="C59" s="22">
        <v>73.144000000000005</v>
      </c>
      <c r="D59" s="22">
        <v>-7.936000000000007</v>
      </c>
      <c r="E59" s="19"/>
      <c r="F59" s="24">
        <v>2919.3740000000003</v>
      </c>
      <c r="G59" s="24">
        <v>2923.3490000000002</v>
      </c>
      <c r="H59" s="24">
        <v>-3.9749999999999091</v>
      </c>
    </row>
    <row r="60" spans="1:8">
      <c r="A60" s="20">
        <v>34943</v>
      </c>
      <c r="B60" s="21">
        <v>130.27699999999999</v>
      </c>
      <c r="C60" s="22">
        <v>123.505</v>
      </c>
      <c r="D60" s="22">
        <v>6.7719999999999914</v>
      </c>
      <c r="E60" s="19"/>
      <c r="F60" s="24">
        <v>2952.3880000000004</v>
      </c>
      <c r="G60" s="24">
        <v>2958.2880000000005</v>
      </c>
      <c r="H60" s="24">
        <v>-5.9000000000000909</v>
      </c>
    </row>
    <row r="61" spans="1:8">
      <c r="A61" s="20">
        <v>34973</v>
      </c>
      <c r="B61" s="21">
        <v>191.435</v>
      </c>
      <c r="C61" s="22">
        <v>175.85900000000001</v>
      </c>
      <c r="D61" s="22">
        <v>15.575999999999993</v>
      </c>
      <c r="E61" s="19"/>
      <c r="F61" s="24">
        <v>2966.59</v>
      </c>
      <c r="G61" s="24">
        <v>2964.3399999999997</v>
      </c>
      <c r="H61" s="24">
        <v>2.2500000000004547</v>
      </c>
    </row>
    <row r="62" spans="1:8">
      <c r="A62" s="20">
        <v>35004</v>
      </c>
      <c r="B62" s="21">
        <v>398.08600000000001</v>
      </c>
      <c r="C62" s="22">
        <v>398.08600000000001</v>
      </c>
      <c r="D62" s="22">
        <v>0</v>
      </c>
      <c r="E62" s="19"/>
      <c r="F62" s="24">
        <v>3076.7150000000001</v>
      </c>
      <c r="G62" s="24">
        <v>3078.7389999999996</v>
      </c>
      <c r="H62" s="24">
        <v>-2.0239999999994325</v>
      </c>
    </row>
    <row r="63" spans="1:8">
      <c r="A63" s="20">
        <v>35034</v>
      </c>
      <c r="B63" s="21">
        <v>489.61099999999999</v>
      </c>
      <c r="C63" s="22">
        <v>475.089</v>
      </c>
      <c r="D63" s="22">
        <v>14.521999999999991</v>
      </c>
      <c r="E63" s="19"/>
      <c r="F63" s="24">
        <v>3174.4570000000003</v>
      </c>
      <c r="G63" s="24">
        <v>3177.46</v>
      </c>
      <c r="H63" s="24">
        <v>-3.0029999999997017</v>
      </c>
    </row>
    <row r="64" spans="1:8">
      <c r="A64" s="20">
        <v>35065</v>
      </c>
      <c r="B64" s="21">
        <v>558.36300000000006</v>
      </c>
      <c r="C64" s="22">
        <v>566.27</v>
      </c>
      <c r="D64" s="22">
        <v>-7.9069999999999254</v>
      </c>
      <c r="E64" s="19"/>
      <c r="F64" s="24">
        <v>3254.6140000000005</v>
      </c>
      <c r="G64" s="24">
        <v>3264.7540000000004</v>
      </c>
      <c r="H64" s="24">
        <v>-10.139999999999873</v>
      </c>
    </row>
    <row r="65" spans="1:8">
      <c r="A65" s="20">
        <v>35096</v>
      </c>
      <c r="B65" s="21">
        <v>481.45</v>
      </c>
      <c r="C65" s="22">
        <v>470.82499999999999</v>
      </c>
      <c r="D65" s="22">
        <v>10.625</v>
      </c>
      <c r="E65" s="19"/>
      <c r="F65" s="24">
        <v>3221.9129999999996</v>
      </c>
      <c r="G65" s="24">
        <v>3221.4279999999999</v>
      </c>
      <c r="H65" s="24">
        <v>0.48499999999967258</v>
      </c>
    </row>
    <row r="66" spans="1:8">
      <c r="A66" s="20">
        <v>35125</v>
      </c>
      <c r="B66" s="21">
        <v>429.21100000000001</v>
      </c>
      <c r="C66" s="22">
        <v>419.76499999999999</v>
      </c>
      <c r="D66" s="22">
        <v>9.4460000000000264</v>
      </c>
      <c r="E66" s="19"/>
      <c r="F66" s="24">
        <v>3297.2209999999995</v>
      </c>
      <c r="G66" s="24">
        <v>3285.7859999999996</v>
      </c>
      <c r="H66" s="24">
        <v>11.434999999999945</v>
      </c>
    </row>
    <row r="67" spans="1:8">
      <c r="A67" s="20">
        <v>35156</v>
      </c>
      <c r="B67" s="21">
        <v>283.70299999999997</v>
      </c>
      <c r="C67" s="22">
        <v>287.18299999999999</v>
      </c>
      <c r="D67" s="22">
        <v>-3.4800000000000182</v>
      </c>
      <c r="E67" s="19"/>
      <c r="F67" s="24">
        <v>3296.1389999999997</v>
      </c>
      <c r="G67" s="24">
        <v>3288.9779999999996</v>
      </c>
      <c r="H67" s="24">
        <v>7.1610000000000582</v>
      </c>
    </row>
    <row r="68" spans="1:8">
      <c r="A68" s="20">
        <v>35186</v>
      </c>
      <c r="B68" s="21">
        <v>168.31</v>
      </c>
      <c r="C68" s="22">
        <v>174.227</v>
      </c>
      <c r="D68" s="22">
        <v>-5.9170000000000016</v>
      </c>
      <c r="E68" s="19"/>
      <c r="F68" s="24">
        <v>3326.0699999999997</v>
      </c>
      <c r="G68" s="24">
        <v>3306.7269999999999</v>
      </c>
      <c r="H68" s="24">
        <v>19.342999999999847</v>
      </c>
    </row>
    <row r="69" spans="1:8">
      <c r="A69" s="20">
        <v>35217</v>
      </c>
      <c r="B69" s="21">
        <v>70.593000000000004</v>
      </c>
      <c r="C69" s="22">
        <v>69.31</v>
      </c>
      <c r="D69" s="22">
        <v>1.2830000000000013</v>
      </c>
      <c r="E69" s="19"/>
      <c r="F69" s="24">
        <v>3331.4549999999999</v>
      </c>
      <c r="G69" s="24">
        <v>3305.6269999999995</v>
      </c>
      <c r="H69" s="24">
        <v>25.828000000000429</v>
      </c>
    </row>
    <row r="70" spans="1:8">
      <c r="A70" s="20">
        <v>35247</v>
      </c>
      <c r="B70" s="21">
        <v>70.593000000000004</v>
      </c>
      <c r="C70" s="22">
        <v>70.704999999999998</v>
      </c>
      <c r="D70" s="22">
        <v>-0.11199999999999477</v>
      </c>
      <c r="E70" s="19"/>
      <c r="F70" s="24">
        <v>3336.8399999999992</v>
      </c>
      <c r="G70" s="24">
        <v>3303.9679999999994</v>
      </c>
      <c r="H70" s="24">
        <v>32.871999999999844</v>
      </c>
    </row>
    <row r="71" spans="1:8">
      <c r="A71" s="20">
        <v>35278</v>
      </c>
      <c r="B71" s="21">
        <v>70.593000000000004</v>
      </c>
      <c r="C71" s="22">
        <v>71.813000000000002</v>
      </c>
      <c r="D71" s="22">
        <v>-1.2199999999999989</v>
      </c>
      <c r="E71" s="19"/>
      <c r="F71" s="24">
        <v>3342.2249999999995</v>
      </c>
      <c r="G71" s="24">
        <v>3302.6369999999997</v>
      </c>
      <c r="H71" s="24">
        <v>39.587999999999738</v>
      </c>
    </row>
    <row r="72" spans="1:8">
      <c r="A72" s="20">
        <v>35309</v>
      </c>
      <c r="B72" s="21">
        <v>98.668000000000006</v>
      </c>
      <c r="C72" s="22">
        <v>85.783000000000001</v>
      </c>
      <c r="D72" s="22">
        <v>12.885000000000005</v>
      </c>
      <c r="E72" s="19"/>
      <c r="F72" s="24">
        <v>3310.6159999999995</v>
      </c>
      <c r="G72" s="24">
        <v>3264.9149999999995</v>
      </c>
      <c r="H72" s="24">
        <v>45.701000000000022</v>
      </c>
    </row>
    <row r="73" spans="1:8">
      <c r="A73" s="20">
        <v>35339</v>
      </c>
      <c r="B73" s="21">
        <v>213.53299999999999</v>
      </c>
      <c r="C73" s="22">
        <v>185.29599999999999</v>
      </c>
      <c r="D73" s="22">
        <v>28.236999999999995</v>
      </c>
      <c r="E73" s="19"/>
      <c r="F73" s="24">
        <v>3332.7139999999995</v>
      </c>
      <c r="G73" s="24">
        <v>3274.3519999999994</v>
      </c>
      <c r="H73" s="24">
        <v>58.36200000000008</v>
      </c>
    </row>
    <row r="74" spans="1:8">
      <c r="A74" s="20">
        <v>35370</v>
      </c>
      <c r="B74" s="21">
        <v>340.50299999999999</v>
      </c>
      <c r="C74" s="22">
        <v>334.39699999999999</v>
      </c>
      <c r="D74" s="22">
        <v>6.1059999999999945</v>
      </c>
      <c r="E74" s="19"/>
      <c r="F74" s="24">
        <v>3275.1309999999999</v>
      </c>
      <c r="G74" s="24">
        <v>3210.6629999999996</v>
      </c>
      <c r="H74" s="24">
        <v>64.468000000000302</v>
      </c>
    </row>
    <row r="75" spans="1:8">
      <c r="A75" s="20">
        <v>35400</v>
      </c>
      <c r="B75" s="21">
        <v>389.34899999999999</v>
      </c>
      <c r="C75" s="22">
        <v>408.77800000000002</v>
      </c>
      <c r="D75" s="22">
        <v>-19.42900000000003</v>
      </c>
      <c r="E75" s="19"/>
      <c r="F75" s="24">
        <v>3174.8690000000001</v>
      </c>
      <c r="G75" s="24">
        <v>3144.3519999999999</v>
      </c>
      <c r="H75" s="24">
        <v>30.51700000000028</v>
      </c>
    </row>
    <row r="76" spans="1:8">
      <c r="A76" s="20">
        <v>35431</v>
      </c>
      <c r="B76" s="21">
        <v>592.05700000000002</v>
      </c>
      <c r="C76" s="22">
        <v>551.35400000000004</v>
      </c>
      <c r="D76" s="22">
        <v>40.702999999999975</v>
      </c>
      <c r="E76" s="19"/>
      <c r="F76" s="24">
        <v>3208.5630000000001</v>
      </c>
      <c r="G76" s="24">
        <v>3129.4360000000006</v>
      </c>
      <c r="H76" s="24">
        <v>79.126999999999498</v>
      </c>
    </row>
    <row r="77" spans="1:8">
      <c r="A77" s="20">
        <v>35462</v>
      </c>
      <c r="B77" s="21">
        <v>457.20499999999998</v>
      </c>
      <c r="C77" s="22">
        <v>435.46199999999999</v>
      </c>
      <c r="D77" s="22">
        <v>21.742999999999995</v>
      </c>
      <c r="E77" s="19"/>
      <c r="F77" s="24">
        <v>3184.3179999999993</v>
      </c>
      <c r="G77" s="24">
        <v>3094.0729999999999</v>
      </c>
      <c r="H77" s="24">
        <v>90.244999999999436</v>
      </c>
    </row>
    <row r="78" spans="1:8">
      <c r="A78" s="20">
        <v>35490</v>
      </c>
      <c r="B78" s="21">
        <v>415.05900000000003</v>
      </c>
      <c r="C78" s="22">
        <v>403.98599999999999</v>
      </c>
      <c r="D78" s="22">
        <v>11.073000000000036</v>
      </c>
      <c r="E78" s="19"/>
      <c r="F78" s="24">
        <v>3170.1660000000002</v>
      </c>
      <c r="G78" s="24">
        <v>3078.2939999999999</v>
      </c>
      <c r="H78" s="24">
        <v>91.872000000000298</v>
      </c>
    </row>
    <row r="79" spans="1:8">
      <c r="A79" s="20">
        <v>35521</v>
      </c>
      <c r="B79" s="21">
        <v>253.392</v>
      </c>
      <c r="C79" s="22">
        <v>260.416</v>
      </c>
      <c r="D79" s="22">
        <v>-7.0240000000000009</v>
      </c>
      <c r="E79" s="19"/>
      <c r="F79" s="24">
        <v>3139.855</v>
      </c>
      <c r="G79" s="24">
        <v>3051.527</v>
      </c>
      <c r="H79" s="24">
        <v>88.327999999999975</v>
      </c>
    </row>
    <row r="80" spans="1:8">
      <c r="A80" s="20">
        <v>35551</v>
      </c>
      <c r="B80" s="21">
        <v>182.61600000000001</v>
      </c>
      <c r="C80" s="22">
        <v>187.053</v>
      </c>
      <c r="D80" s="22">
        <v>-4.4369999999999834</v>
      </c>
      <c r="E80" s="19"/>
      <c r="F80" s="24">
        <v>3154.1610000000001</v>
      </c>
      <c r="G80" s="24">
        <v>3064.3530000000001</v>
      </c>
      <c r="H80" s="24">
        <v>89.807999999999993</v>
      </c>
    </row>
    <row r="81" spans="1:8">
      <c r="A81" s="20">
        <v>35582</v>
      </c>
      <c r="B81" s="21">
        <v>68.635000000000005</v>
      </c>
      <c r="C81" s="22">
        <v>67.738</v>
      </c>
      <c r="D81" s="22">
        <v>0.89700000000000557</v>
      </c>
      <c r="E81" s="19"/>
      <c r="F81" s="24">
        <v>3152.2030000000004</v>
      </c>
      <c r="G81" s="24">
        <v>3062.7809999999995</v>
      </c>
      <c r="H81" s="24">
        <v>89.422000000000935</v>
      </c>
    </row>
    <row r="82" spans="1:8">
      <c r="A82" s="20">
        <v>35612</v>
      </c>
      <c r="B82" s="21">
        <v>68.635000000000005</v>
      </c>
      <c r="C82" s="22">
        <v>68.703999999999994</v>
      </c>
      <c r="D82" s="22">
        <v>-6.8999999999988404E-2</v>
      </c>
      <c r="E82" s="19"/>
      <c r="F82" s="24">
        <v>3150.2450000000003</v>
      </c>
      <c r="G82" s="24">
        <v>3060.7799999999997</v>
      </c>
      <c r="H82" s="24">
        <v>89.4650000000006</v>
      </c>
    </row>
    <row r="83" spans="1:8">
      <c r="A83" s="20">
        <v>35643</v>
      </c>
      <c r="B83" s="21">
        <v>68.635000000000005</v>
      </c>
      <c r="C83" s="22">
        <v>70.349000000000004</v>
      </c>
      <c r="D83" s="22">
        <v>-1.7139999999999986</v>
      </c>
      <c r="E83" s="19"/>
      <c r="F83" s="24">
        <v>3148.2870000000007</v>
      </c>
      <c r="G83" s="24">
        <v>3059.3160000000003</v>
      </c>
      <c r="H83" s="24">
        <v>88.971000000000458</v>
      </c>
    </row>
    <row r="84" spans="1:8">
      <c r="A84" s="20">
        <v>35674</v>
      </c>
      <c r="B84" s="21">
        <v>104.559</v>
      </c>
      <c r="C84" s="22">
        <v>106.738</v>
      </c>
      <c r="D84" s="22">
        <v>-2.179000000000002</v>
      </c>
      <c r="E84" s="19"/>
      <c r="F84" s="24">
        <v>3154.1780000000008</v>
      </c>
      <c r="G84" s="24">
        <v>3080.2710000000002</v>
      </c>
      <c r="H84" s="24">
        <v>73.907000000000608</v>
      </c>
    </row>
    <row r="85" spans="1:8">
      <c r="A85" s="20">
        <v>35704</v>
      </c>
      <c r="B85" s="21">
        <v>197.23</v>
      </c>
      <c r="C85" s="22">
        <v>182.15899999999999</v>
      </c>
      <c r="D85" s="22">
        <v>15.070999999999998</v>
      </c>
      <c r="E85" s="19"/>
      <c r="F85" s="24">
        <v>3137.8750000000009</v>
      </c>
      <c r="G85" s="24">
        <v>3077.134</v>
      </c>
      <c r="H85" s="24">
        <v>60.741000000000895</v>
      </c>
    </row>
    <row r="86" spans="1:8">
      <c r="A86" s="20">
        <v>35735</v>
      </c>
      <c r="B86" s="21">
        <v>308.13600000000002</v>
      </c>
      <c r="C86" s="22">
        <v>315.96899999999999</v>
      </c>
      <c r="D86" s="22">
        <v>-7.83299999999997</v>
      </c>
      <c r="E86" s="19"/>
      <c r="F86" s="24">
        <v>3105.5080000000007</v>
      </c>
      <c r="G86" s="24">
        <v>3058.7060000000001</v>
      </c>
      <c r="H86" s="24">
        <v>46.802000000000589</v>
      </c>
    </row>
    <row r="87" spans="1:8">
      <c r="A87" s="20">
        <v>35765</v>
      </c>
      <c r="B87" s="21">
        <v>368.42700000000002</v>
      </c>
      <c r="C87" s="22">
        <v>368.42700000000002</v>
      </c>
      <c r="D87" s="22">
        <v>0</v>
      </c>
      <c r="E87" s="19"/>
      <c r="F87" s="24">
        <v>3084.5860000000002</v>
      </c>
      <c r="G87" s="24">
        <v>3018.3550000000005</v>
      </c>
      <c r="H87" s="24">
        <v>66.230999999999767</v>
      </c>
    </row>
    <row r="88" spans="1:8">
      <c r="A88" s="20">
        <v>35796</v>
      </c>
      <c r="B88" s="21">
        <v>478.75900000000001</v>
      </c>
      <c r="C88" s="22">
        <v>483.10700000000003</v>
      </c>
      <c r="D88" s="22">
        <v>-4.3480000000000132</v>
      </c>
      <c r="E88" s="19"/>
      <c r="F88" s="24">
        <v>2971.288</v>
      </c>
      <c r="G88" s="24">
        <v>2950.1080000000002</v>
      </c>
      <c r="H88" s="24">
        <v>21.179999999999836</v>
      </c>
    </row>
    <row r="89" spans="1:8">
      <c r="A89" s="20">
        <v>35827</v>
      </c>
      <c r="B89" s="21">
        <v>385.41500000000002</v>
      </c>
      <c r="C89" s="22">
        <v>346.15199999999999</v>
      </c>
      <c r="D89" s="22">
        <v>39.263000000000034</v>
      </c>
      <c r="E89" s="19"/>
      <c r="F89" s="24">
        <v>2899.498</v>
      </c>
      <c r="G89" s="24">
        <v>2860.7980000000002</v>
      </c>
      <c r="H89" s="24">
        <v>38.699999999999818</v>
      </c>
    </row>
    <row r="90" spans="1:8">
      <c r="A90" s="20">
        <v>35855</v>
      </c>
      <c r="B90" s="21">
        <v>360.16699999999997</v>
      </c>
      <c r="C90" s="22">
        <v>350.62200000000001</v>
      </c>
      <c r="D90" s="22">
        <v>9.5449999999999591</v>
      </c>
      <c r="E90" s="19"/>
      <c r="F90" s="24">
        <v>2844.6059999999998</v>
      </c>
      <c r="G90" s="24">
        <v>2807.4339999999997</v>
      </c>
      <c r="H90" s="24">
        <v>37.172000000000025</v>
      </c>
    </row>
    <row r="91" spans="1:8">
      <c r="A91" s="20">
        <v>35886</v>
      </c>
      <c r="B91" s="21">
        <v>193.78</v>
      </c>
      <c r="C91" s="22">
        <v>214.97900000000001</v>
      </c>
      <c r="D91" s="22">
        <v>-21.199000000000012</v>
      </c>
      <c r="E91" s="19"/>
      <c r="F91" s="24">
        <v>2784.9940000000001</v>
      </c>
      <c r="G91" s="24">
        <v>2761.9969999999998</v>
      </c>
      <c r="H91" s="24">
        <v>22.997000000000298</v>
      </c>
    </row>
    <row r="92" spans="1:8">
      <c r="A92" s="20">
        <v>35916</v>
      </c>
      <c r="B92" s="21">
        <v>101.11</v>
      </c>
      <c r="C92" s="22">
        <v>115.532</v>
      </c>
      <c r="D92" s="22">
        <v>-14.421999999999997</v>
      </c>
      <c r="E92" s="19"/>
      <c r="F92" s="24">
        <v>2703.4880000000003</v>
      </c>
      <c r="G92" s="24">
        <v>2690.4759999999997</v>
      </c>
      <c r="H92" s="24">
        <v>13.012000000000626</v>
      </c>
    </row>
    <row r="93" spans="1:8">
      <c r="A93" s="20">
        <v>35947</v>
      </c>
      <c r="B93" s="21">
        <v>58.113</v>
      </c>
      <c r="C93" s="22">
        <v>67.165999999999997</v>
      </c>
      <c r="D93" s="22">
        <v>-9.0529999999999973</v>
      </c>
      <c r="E93" s="19"/>
      <c r="F93" s="24">
        <v>2692.9659999999999</v>
      </c>
      <c r="G93" s="24">
        <v>2689.904</v>
      </c>
      <c r="H93" s="24">
        <v>3.0619999999998981</v>
      </c>
    </row>
    <row r="94" spans="1:8">
      <c r="A94" s="20">
        <v>35977</v>
      </c>
      <c r="B94" s="21">
        <v>58.113</v>
      </c>
      <c r="C94" s="22">
        <v>68.501999999999995</v>
      </c>
      <c r="D94" s="22">
        <v>-10.388999999999996</v>
      </c>
      <c r="E94" s="19"/>
      <c r="F94" s="24">
        <v>2682.444</v>
      </c>
      <c r="G94" s="24">
        <v>2689.7019999999998</v>
      </c>
      <c r="H94" s="24">
        <v>-7.2579999999998108</v>
      </c>
    </row>
    <row r="95" spans="1:8">
      <c r="A95" s="20">
        <v>36008</v>
      </c>
      <c r="B95" s="21">
        <v>58.113</v>
      </c>
      <c r="C95" s="22">
        <v>68.963999999999999</v>
      </c>
      <c r="D95" s="22">
        <v>-10.850999999999999</v>
      </c>
      <c r="E95" s="19"/>
      <c r="F95" s="24">
        <v>2671.9219999999996</v>
      </c>
      <c r="G95" s="24">
        <v>2688.317</v>
      </c>
      <c r="H95" s="24">
        <v>-16.395000000000437</v>
      </c>
    </row>
    <row r="96" spans="1:8">
      <c r="A96" s="20">
        <v>36039</v>
      </c>
      <c r="B96" s="21">
        <v>88.56</v>
      </c>
      <c r="C96" s="22">
        <v>83.088999999999999</v>
      </c>
      <c r="D96" s="22">
        <v>5.4710000000000036</v>
      </c>
      <c r="E96" s="19"/>
      <c r="F96" s="24">
        <v>2655.9229999999998</v>
      </c>
      <c r="G96" s="24">
        <v>2664.6680000000001</v>
      </c>
      <c r="H96" s="24">
        <v>-8.7450000000003456</v>
      </c>
    </row>
    <row r="97" spans="1:8">
      <c r="A97" s="20">
        <v>36069</v>
      </c>
      <c r="B97" s="21">
        <v>104.634</v>
      </c>
      <c r="C97" s="22">
        <v>168.99100000000001</v>
      </c>
      <c r="D97" s="22">
        <v>-64.357000000000014</v>
      </c>
      <c r="E97" s="19"/>
      <c r="F97" s="24">
        <v>2563.3269999999998</v>
      </c>
      <c r="G97" s="24">
        <v>2651.5</v>
      </c>
      <c r="H97" s="24">
        <v>-88.173000000000229</v>
      </c>
    </row>
    <row r="98" spans="1:8">
      <c r="A98" s="20">
        <v>36100</v>
      </c>
      <c r="B98" s="21">
        <v>276.291</v>
      </c>
      <c r="C98" s="22">
        <v>282.041</v>
      </c>
      <c r="D98" s="22">
        <v>-5.75</v>
      </c>
      <c r="E98" s="19"/>
      <c r="F98" s="24">
        <v>2531.482</v>
      </c>
      <c r="G98" s="24">
        <v>2617.5720000000001</v>
      </c>
      <c r="H98" s="24">
        <v>-86.090000000000146</v>
      </c>
    </row>
    <row r="99" spans="1:8">
      <c r="A99" s="20">
        <v>36130</v>
      </c>
      <c r="B99" s="21">
        <v>381.72800000000001</v>
      </c>
      <c r="C99" s="22">
        <v>392.55799999999999</v>
      </c>
      <c r="D99" s="22">
        <v>-10.829999999999984</v>
      </c>
      <c r="E99" s="19"/>
      <c r="F99" s="24">
        <v>2544.7829999999999</v>
      </c>
      <c r="G99" s="24">
        <v>2641.703</v>
      </c>
      <c r="H99" s="24">
        <v>-96.920000000000073</v>
      </c>
    </row>
    <row r="100" spans="1:8">
      <c r="A100" s="20">
        <v>36161</v>
      </c>
      <c r="B100" s="21">
        <v>487.67599999999999</v>
      </c>
      <c r="C100" s="22">
        <v>532.03</v>
      </c>
      <c r="D100" s="22">
        <v>-44.353999999999985</v>
      </c>
      <c r="E100" s="19"/>
      <c r="F100" s="24">
        <v>2553.6999999999998</v>
      </c>
      <c r="G100" s="24">
        <v>2690.6259999999993</v>
      </c>
      <c r="H100" s="24">
        <v>-136.92599999999948</v>
      </c>
    </row>
    <row r="101" spans="1:8">
      <c r="A101" s="20">
        <v>36192</v>
      </c>
      <c r="B101" s="21">
        <v>378.68900000000002</v>
      </c>
      <c r="C101" s="22">
        <v>378.65699999999998</v>
      </c>
      <c r="D101" s="22">
        <v>3.2000000000039108E-2</v>
      </c>
      <c r="E101" s="19"/>
      <c r="F101" s="24">
        <v>2546.9740000000002</v>
      </c>
      <c r="G101" s="24">
        <v>2723.1309999999999</v>
      </c>
      <c r="H101" s="24">
        <v>-176.1569999999997</v>
      </c>
    </row>
    <row r="102" spans="1:8">
      <c r="A102" s="20">
        <v>36220</v>
      </c>
      <c r="B102" s="21">
        <v>377.76400000000001</v>
      </c>
      <c r="C102" s="22">
        <v>361.49900000000002</v>
      </c>
      <c r="D102" s="22">
        <v>16.264999999999986</v>
      </c>
      <c r="E102" s="19"/>
      <c r="F102" s="24">
        <v>2564.5709999999999</v>
      </c>
      <c r="G102" s="24">
        <v>2734.0079999999998</v>
      </c>
      <c r="H102" s="24">
        <v>-169.4369999999999</v>
      </c>
    </row>
    <row r="103" spans="1:8">
      <c r="A103" s="20">
        <v>36251</v>
      </c>
      <c r="B103" s="21">
        <v>247.56399999999999</v>
      </c>
      <c r="C103" s="22">
        <v>221.63900000000001</v>
      </c>
      <c r="D103" s="22">
        <v>25.924999999999983</v>
      </c>
      <c r="E103" s="19"/>
      <c r="F103" s="24">
        <v>2618.355</v>
      </c>
      <c r="G103" s="24">
        <v>2740.6680000000006</v>
      </c>
      <c r="H103" s="24">
        <v>-122.31300000000056</v>
      </c>
    </row>
    <row r="104" spans="1:8">
      <c r="A104" s="20">
        <v>36281</v>
      </c>
      <c r="B104" s="21">
        <v>133.52699999999999</v>
      </c>
      <c r="C104" s="22">
        <v>121.501</v>
      </c>
      <c r="D104" s="22">
        <v>12.025999999999982</v>
      </c>
      <c r="E104" s="19"/>
      <c r="F104" s="24">
        <v>2650.7719999999999</v>
      </c>
      <c r="G104" s="24">
        <v>2746.6370000000002</v>
      </c>
      <c r="H104" s="24">
        <v>-95.865000000000236</v>
      </c>
    </row>
    <row r="105" spans="1:8">
      <c r="A105" s="20">
        <v>36312</v>
      </c>
      <c r="B105" s="21">
        <v>66.231999999999999</v>
      </c>
      <c r="C105" s="22">
        <v>64.516999999999996</v>
      </c>
      <c r="D105" s="22">
        <v>1.7150000000000034</v>
      </c>
      <c r="E105" s="19"/>
      <c r="F105" s="24">
        <v>2658.8910000000001</v>
      </c>
      <c r="G105" s="24">
        <v>2743.9880000000003</v>
      </c>
      <c r="H105" s="24">
        <v>-85.097000000000207</v>
      </c>
    </row>
    <row r="106" spans="1:8">
      <c r="A106" s="20">
        <v>36342</v>
      </c>
      <c r="B106" s="21">
        <v>66.231999999999999</v>
      </c>
      <c r="C106" s="22">
        <v>66.370999999999995</v>
      </c>
      <c r="D106" s="22">
        <v>-0.13899999999999579</v>
      </c>
      <c r="E106" s="19"/>
      <c r="F106" s="24">
        <v>2667.0099999999998</v>
      </c>
      <c r="G106" s="24">
        <v>2741.857</v>
      </c>
      <c r="H106" s="24">
        <v>-74.847000000000207</v>
      </c>
    </row>
    <row r="107" spans="1:8">
      <c r="A107" s="20">
        <v>36373</v>
      </c>
      <c r="B107" s="21">
        <v>66.231999999999999</v>
      </c>
      <c r="C107" s="22">
        <v>67.100999999999999</v>
      </c>
      <c r="D107" s="22">
        <v>-0.86899999999999977</v>
      </c>
      <c r="E107" s="19"/>
      <c r="F107" s="24">
        <v>2675.1289999999999</v>
      </c>
      <c r="G107" s="24">
        <v>2739.9940000000001</v>
      </c>
      <c r="H107" s="24">
        <v>-64.865000000000236</v>
      </c>
    </row>
    <row r="108" spans="1:8">
      <c r="A108" s="20">
        <v>36404</v>
      </c>
      <c r="B108" s="21">
        <v>85.313000000000002</v>
      </c>
      <c r="C108" s="22">
        <v>81.516999999999996</v>
      </c>
      <c r="D108" s="22">
        <v>3.7960000000000065</v>
      </c>
      <c r="E108" s="19"/>
      <c r="F108" s="24">
        <v>2671.8820000000001</v>
      </c>
      <c r="G108" s="24">
        <v>2738.422</v>
      </c>
      <c r="H108" s="24">
        <v>-66.539999999999964</v>
      </c>
    </row>
    <row r="109" spans="1:8">
      <c r="A109" s="20">
        <v>36434</v>
      </c>
      <c r="B109" s="21">
        <v>178.666</v>
      </c>
      <c r="C109" s="22">
        <v>185.39599999999999</v>
      </c>
      <c r="D109" s="22">
        <v>-6.7299999999999898</v>
      </c>
      <c r="E109" s="19"/>
      <c r="F109" s="24">
        <v>2745.9140000000002</v>
      </c>
      <c r="G109" s="24">
        <v>2754.8270000000002</v>
      </c>
      <c r="H109" s="24">
        <v>-8.9130000000000109</v>
      </c>
    </row>
    <row r="110" spans="1:8">
      <c r="A110" s="20">
        <v>36465</v>
      </c>
      <c r="B110" s="21">
        <v>269.95400000000001</v>
      </c>
      <c r="C110" s="22">
        <v>264.95100000000002</v>
      </c>
      <c r="D110" s="22">
        <v>5.0029999999999859</v>
      </c>
      <c r="E110" s="19"/>
      <c r="F110" s="24">
        <v>2739.5770000000007</v>
      </c>
      <c r="G110" s="24">
        <v>2737.7370000000001</v>
      </c>
      <c r="H110" s="24">
        <v>1.8400000000006003</v>
      </c>
    </row>
    <row r="111" spans="1:8">
      <c r="A111" s="20">
        <v>36495</v>
      </c>
      <c r="B111" s="21">
        <v>342.26299999999998</v>
      </c>
      <c r="C111" s="22">
        <v>393.31799999999998</v>
      </c>
      <c r="D111" s="22">
        <v>-51.055000000000007</v>
      </c>
      <c r="E111" s="19"/>
      <c r="F111" s="24">
        <v>2700.1120000000001</v>
      </c>
      <c r="G111" s="24">
        <v>2738.4970000000003</v>
      </c>
      <c r="H111" s="24">
        <v>-38.385000000000218</v>
      </c>
    </row>
    <row r="112" spans="1:8">
      <c r="A112" s="20">
        <v>36526</v>
      </c>
      <c r="B112" s="21">
        <v>506.50900000000001</v>
      </c>
      <c r="C112" s="22">
        <v>518.87800000000004</v>
      </c>
      <c r="D112" s="22">
        <v>-12.369000000000028</v>
      </c>
      <c r="E112" s="19"/>
      <c r="F112" s="24">
        <v>2718.9449999999997</v>
      </c>
      <c r="G112" s="24">
        <v>2725.3450000000007</v>
      </c>
      <c r="H112" s="24">
        <v>-6.4000000000010004</v>
      </c>
    </row>
    <row r="113" spans="1:8">
      <c r="A113" s="20">
        <v>36557</v>
      </c>
      <c r="B113" s="21">
        <v>435.69799999999998</v>
      </c>
      <c r="C113" s="22">
        <v>394.14499999999998</v>
      </c>
      <c r="D113" s="22">
        <v>41.552999999999997</v>
      </c>
      <c r="E113" s="19"/>
      <c r="F113" s="24">
        <v>2775.9539999999997</v>
      </c>
      <c r="G113" s="24">
        <v>2740.8330000000001</v>
      </c>
      <c r="H113" s="24">
        <v>35.12099999999964</v>
      </c>
    </row>
    <row r="114" spans="1:8">
      <c r="A114" s="20">
        <v>36586</v>
      </c>
      <c r="B114" s="21">
        <v>272.76</v>
      </c>
      <c r="C114" s="22">
        <v>304.947</v>
      </c>
      <c r="D114" s="22">
        <v>-32.187000000000012</v>
      </c>
      <c r="E114" s="19"/>
      <c r="F114" s="24">
        <v>2670.95</v>
      </c>
      <c r="G114" s="24">
        <v>2684.2809999999999</v>
      </c>
      <c r="H114" s="24">
        <v>-13.331000000000131</v>
      </c>
    </row>
    <row r="115" spans="1:8">
      <c r="A115" s="20">
        <v>36617</v>
      </c>
      <c r="B115" s="21">
        <v>252.99</v>
      </c>
      <c r="C115" s="22">
        <v>240.93100000000001</v>
      </c>
      <c r="D115" s="22">
        <v>12.058999999999997</v>
      </c>
      <c r="E115" s="19"/>
      <c r="F115" s="24">
        <v>2676.3759999999993</v>
      </c>
      <c r="G115" s="24">
        <v>2703.5730000000003</v>
      </c>
      <c r="H115" s="24">
        <v>-27.197000000001026</v>
      </c>
    </row>
    <row r="116" spans="1:8">
      <c r="A116" s="20">
        <v>36647</v>
      </c>
      <c r="B116" s="21">
        <v>225.80500000000001</v>
      </c>
      <c r="C116" s="22">
        <v>136.59</v>
      </c>
      <c r="D116" s="22">
        <v>89.215000000000003</v>
      </c>
      <c r="E116" s="19"/>
      <c r="F116" s="24">
        <v>2768.654</v>
      </c>
      <c r="G116" s="24">
        <v>2718.6620000000003</v>
      </c>
      <c r="H116" s="24">
        <v>49.991999999999734</v>
      </c>
    </row>
    <row r="117" spans="1:8">
      <c r="A117" s="20">
        <v>36678</v>
      </c>
      <c r="B117" s="21">
        <v>68.652000000000001</v>
      </c>
      <c r="C117" s="22">
        <v>62.463000000000001</v>
      </c>
      <c r="D117" s="22">
        <v>6.1890000000000001</v>
      </c>
      <c r="E117" s="19"/>
      <c r="F117" s="24">
        <v>2771.0739999999992</v>
      </c>
      <c r="G117" s="24">
        <v>2716.6080000000006</v>
      </c>
      <c r="H117" s="24">
        <v>54.46599999999853</v>
      </c>
    </row>
    <row r="118" spans="1:8">
      <c r="A118" s="20">
        <v>36708</v>
      </c>
      <c r="B118" s="21">
        <v>68.652000000000001</v>
      </c>
      <c r="C118" s="22">
        <v>62.875</v>
      </c>
      <c r="D118" s="22">
        <v>5.777000000000001</v>
      </c>
      <c r="E118" s="19"/>
      <c r="F118" s="24">
        <v>2773.4939999999992</v>
      </c>
      <c r="G118" s="24">
        <v>2713.1120000000005</v>
      </c>
      <c r="H118" s="24">
        <v>60.381999999998698</v>
      </c>
    </row>
    <row r="119" spans="1:8">
      <c r="A119" s="20">
        <v>36739</v>
      </c>
      <c r="B119" s="21">
        <v>68.652000000000001</v>
      </c>
      <c r="C119" s="22">
        <v>65.861000000000004</v>
      </c>
      <c r="D119" s="22">
        <v>2.7909999999999968</v>
      </c>
      <c r="E119" s="19"/>
      <c r="F119" s="24">
        <v>2775.9139999999993</v>
      </c>
      <c r="G119" s="24">
        <v>2711.8720000000003</v>
      </c>
      <c r="H119" s="24">
        <v>64.041999999999007</v>
      </c>
    </row>
    <row r="120" spans="1:8">
      <c r="A120" s="20">
        <v>36770</v>
      </c>
      <c r="B120" s="21">
        <v>144.06100000000001</v>
      </c>
      <c r="C120" s="22">
        <v>104.634</v>
      </c>
      <c r="D120" s="22">
        <v>39.427000000000007</v>
      </c>
      <c r="E120" s="19"/>
      <c r="F120" s="24">
        <v>2834.6620000000003</v>
      </c>
      <c r="G120" s="24">
        <v>2734.9890000000005</v>
      </c>
      <c r="H120" s="24">
        <v>99.672999999999774</v>
      </c>
    </row>
    <row r="121" spans="1:8">
      <c r="A121" s="20">
        <v>36800</v>
      </c>
      <c r="B121" s="21">
        <v>117.504</v>
      </c>
      <c r="C121" s="22">
        <v>164.22800000000001</v>
      </c>
      <c r="D121" s="22">
        <v>-46.724000000000004</v>
      </c>
      <c r="E121" s="19"/>
      <c r="F121" s="24">
        <v>2773.5</v>
      </c>
      <c r="G121" s="24">
        <v>2713.8210000000004</v>
      </c>
      <c r="H121" s="24">
        <v>59.678999999999633</v>
      </c>
    </row>
    <row r="122" spans="1:8">
      <c r="A122" s="20">
        <v>36831</v>
      </c>
      <c r="B122" s="21">
        <v>293.46800000000002</v>
      </c>
      <c r="C122" s="22">
        <v>281.70699999999999</v>
      </c>
      <c r="D122" s="22">
        <v>11.761000000000024</v>
      </c>
      <c r="E122" s="19"/>
      <c r="F122" s="24">
        <v>2797.0139999999997</v>
      </c>
      <c r="G122" s="24">
        <v>2730.5769999999998</v>
      </c>
      <c r="H122" s="24">
        <v>66.436999999999898</v>
      </c>
    </row>
    <row r="123" spans="1:8">
      <c r="A123" s="20">
        <v>36861</v>
      </c>
      <c r="B123" s="21">
        <v>473.67700000000002</v>
      </c>
      <c r="C123" s="22">
        <v>482.42099999999999</v>
      </c>
      <c r="D123" s="22">
        <v>-8.7439999999999714</v>
      </c>
      <c r="E123" s="19"/>
      <c r="F123" s="24">
        <v>2928.4280000000003</v>
      </c>
      <c r="G123" s="24">
        <v>2819.68</v>
      </c>
      <c r="H123" s="24">
        <v>108.7480000000005</v>
      </c>
    </row>
    <row r="124" spans="1:8">
      <c r="A124" s="20">
        <v>36892</v>
      </c>
      <c r="B124" s="21">
        <v>462.99900000000002</v>
      </c>
      <c r="C124" s="22">
        <v>460.07400000000001</v>
      </c>
      <c r="D124" s="22">
        <v>2.9250000000000114</v>
      </c>
      <c r="E124" s="19"/>
      <c r="F124" s="24">
        <v>2884.9179999999997</v>
      </c>
      <c r="G124" s="24">
        <v>2760.8760000000002</v>
      </c>
      <c r="H124" s="24">
        <v>124.04199999999946</v>
      </c>
    </row>
    <row r="125" spans="1:8">
      <c r="A125" s="20">
        <v>36923</v>
      </c>
      <c r="B125" s="21">
        <v>429.24599999999998</v>
      </c>
      <c r="C125" s="22">
        <v>419.63200000000001</v>
      </c>
      <c r="D125" s="22">
        <v>9.6139999999999759</v>
      </c>
      <c r="E125" s="19"/>
      <c r="F125" s="24">
        <v>2878.4660000000003</v>
      </c>
      <c r="G125" s="24">
        <v>2786.3629999999998</v>
      </c>
      <c r="H125" s="24">
        <v>92.10300000000052</v>
      </c>
    </row>
    <row r="126" spans="1:8">
      <c r="A126" s="20">
        <v>36951</v>
      </c>
      <c r="B126" s="21">
        <v>340.96100000000001</v>
      </c>
      <c r="C126" s="22">
        <v>356.51600000000002</v>
      </c>
      <c r="D126" s="22">
        <v>-15.555000000000007</v>
      </c>
      <c r="E126" s="19"/>
      <c r="F126" s="24">
        <v>2946.6670000000004</v>
      </c>
      <c r="G126" s="24">
        <v>2837.9320000000002</v>
      </c>
      <c r="H126" s="24">
        <v>108.73500000000013</v>
      </c>
    </row>
    <row r="127" spans="1:8">
      <c r="A127" s="20">
        <v>36982</v>
      </c>
      <c r="B127" s="21">
        <v>204.78200000000001</v>
      </c>
      <c r="C127" s="22">
        <v>216.71899999999999</v>
      </c>
      <c r="D127" s="22">
        <v>-11.936999999999983</v>
      </c>
      <c r="E127" s="19"/>
      <c r="F127" s="24">
        <v>2898.4589999999998</v>
      </c>
      <c r="G127" s="24">
        <v>2813.7200000000003</v>
      </c>
      <c r="H127" s="24">
        <v>84.738999999999578</v>
      </c>
    </row>
    <row r="128" spans="1:8">
      <c r="A128" s="20">
        <v>37012</v>
      </c>
      <c r="B128" s="21">
        <v>94.204999999999998</v>
      </c>
      <c r="C128" s="22">
        <v>113.72499999999999</v>
      </c>
      <c r="D128" s="22">
        <v>-19.519999999999996</v>
      </c>
      <c r="E128" s="19"/>
      <c r="F128" s="24">
        <v>2766.8590000000004</v>
      </c>
      <c r="G128" s="24">
        <v>2790.855</v>
      </c>
      <c r="H128" s="24">
        <v>-23.99599999999964</v>
      </c>
    </row>
    <row r="129" spans="1:8">
      <c r="A129" s="20">
        <v>37043</v>
      </c>
      <c r="B129" s="21">
        <v>66.891000000000005</v>
      </c>
      <c r="C129" s="22">
        <v>59.558999999999997</v>
      </c>
      <c r="D129" s="22">
        <v>7.3320000000000078</v>
      </c>
      <c r="E129" s="19"/>
      <c r="F129" s="24">
        <v>2765.0980000000004</v>
      </c>
      <c r="G129" s="24">
        <v>2787.9510000000005</v>
      </c>
      <c r="H129" s="24">
        <v>-22.853000000000065</v>
      </c>
    </row>
    <row r="130" spans="1:8">
      <c r="A130" s="20">
        <v>37073</v>
      </c>
      <c r="B130" s="21">
        <v>66.891000000000005</v>
      </c>
      <c r="C130" s="22">
        <v>62.908999999999999</v>
      </c>
      <c r="D130" s="22">
        <v>3.9820000000000064</v>
      </c>
      <c r="E130" s="19"/>
      <c r="F130" s="24">
        <v>2763.3370000000004</v>
      </c>
      <c r="G130" s="24">
        <v>2787.9850000000006</v>
      </c>
      <c r="H130" s="24">
        <v>-24.648000000000138</v>
      </c>
    </row>
    <row r="131" spans="1:8">
      <c r="A131" s="20">
        <v>37104</v>
      </c>
      <c r="B131" s="21">
        <v>66.891000000000005</v>
      </c>
      <c r="C131" s="22">
        <v>62.966000000000001</v>
      </c>
      <c r="D131" s="22">
        <v>3.9250000000000043</v>
      </c>
      <c r="E131" s="19"/>
      <c r="F131" s="24">
        <v>2761.5760000000005</v>
      </c>
      <c r="G131" s="24">
        <v>2785.09</v>
      </c>
      <c r="H131" s="24">
        <v>-23.513999999999669</v>
      </c>
    </row>
    <row r="132" spans="1:8">
      <c r="A132" s="20">
        <v>37135</v>
      </c>
      <c r="B132" s="21">
        <v>119.35299999999999</v>
      </c>
      <c r="C132" s="22">
        <v>119.35299999999999</v>
      </c>
      <c r="D132" s="22">
        <v>0</v>
      </c>
      <c r="E132" s="19"/>
      <c r="F132" s="24">
        <v>2736.8680000000008</v>
      </c>
      <c r="G132" s="24">
        <v>2799.8090000000002</v>
      </c>
      <c r="H132" s="24">
        <v>-62.940999999999349</v>
      </c>
    </row>
    <row r="133" spans="1:8">
      <c r="A133" s="20">
        <v>37165</v>
      </c>
      <c r="B133" s="21">
        <v>149.732</v>
      </c>
      <c r="C133" s="22">
        <v>164.065</v>
      </c>
      <c r="D133" s="22">
        <v>-14.332999999999998</v>
      </c>
      <c r="E133" s="19"/>
      <c r="F133" s="24">
        <v>2769.096</v>
      </c>
      <c r="G133" s="24">
        <v>2799.6460000000002</v>
      </c>
      <c r="H133" s="24">
        <v>-30.550000000000182</v>
      </c>
    </row>
    <row r="134" spans="1:8">
      <c r="A134" s="20">
        <v>37196</v>
      </c>
      <c r="B134" s="21">
        <v>232.78800000000001</v>
      </c>
      <c r="C134" s="22">
        <v>243.04400000000001</v>
      </c>
      <c r="D134" s="22">
        <v>-10.256</v>
      </c>
      <c r="E134" s="19"/>
      <c r="F134" s="24">
        <v>2708.4160000000002</v>
      </c>
      <c r="G134" s="24">
        <v>2760.9830000000002</v>
      </c>
      <c r="H134" s="24">
        <v>-52.567000000000007</v>
      </c>
    </row>
    <row r="135" spans="1:8">
      <c r="A135" s="20">
        <v>37226</v>
      </c>
      <c r="B135" s="21">
        <v>338.43</v>
      </c>
      <c r="C135" s="22">
        <v>347.31700000000001</v>
      </c>
      <c r="D135" s="22">
        <v>-8.8870000000000005</v>
      </c>
      <c r="E135" s="19"/>
      <c r="F135" s="24">
        <v>2573.1690000000003</v>
      </c>
      <c r="G135" s="24">
        <v>2625.8789999999999</v>
      </c>
      <c r="H135" s="24">
        <v>-52.709999999999582</v>
      </c>
    </row>
    <row r="136" spans="1:8">
      <c r="A136" s="20">
        <v>37257</v>
      </c>
      <c r="B136" s="21">
        <v>444.39800000000002</v>
      </c>
      <c r="C136" s="22">
        <v>438.31599999999997</v>
      </c>
      <c r="D136" s="22">
        <v>6.0820000000000505</v>
      </c>
      <c r="E136" s="19"/>
      <c r="F136" s="24">
        <v>2554.5680000000002</v>
      </c>
      <c r="G136" s="24">
        <v>2604.1210000000001</v>
      </c>
      <c r="H136" s="24">
        <v>-49.552999999999884</v>
      </c>
    </row>
    <row r="137" spans="1:8">
      <c r="A137" s="20">
        <v>37288</v>
      </c>
      <c r="B137" s="21">
        <v>380.99400000000003</v>
      </c>
      <c r="C137" s="22">
        <v>378.221</v>
      </c>
      <c r="D137" s="22">
        <v>2.7730000000000246</v>
      </c>
      <c r="E137" s="19"/>
      <c r="F137" s="24">
        <v>2506.3160000000003</v>
      </c>
      <c r="G137" s="24">
        <v>2562.71</v>
      </c>
      <c r="H137" s="24">
        <v>-56.393999999999778</v>
      </c>
    </row>
    <row r="138" spans="1:8">
      <c r="A138" s="20">
        <v>37316</v>
      </c>
      <c r="B138" s="21">
        <v>374.86399999999998</v>
      </c>
      <c r="C138" s="22">
        <v>379.34399999999999</v>
      </c>
      <c r="D138" s="22">
        <v>-4.4800000000000182</v>
      </c>
      <c r="E138" s="19"/>
      <c r="F138" s="24">
        <v>2540.2190000000001</v>
      </c>
      <c r="G138" s="24">
        <v>2585.538</v>
      </c>
      <c r="H138" s="24">
        <v>-45.31899999999996</v>
      </c>
    </row>
    <row r="139" spans="1:8">
      <c r="A139" s="20">
        <v>37347</v>
      </c>
      <c r="B139" s="21">
        <v>241.97200000000001</v>
      </c>
      <c r="C139" s="22">
        <v>236.76</v>
      </c>
      <c r="D139" s="22">
        <v>5.2120000000000175</v>
      </c>
      <c r="E139" s="19"/>
      <c r="F139" s="24">
        <v>2577.4090000000006</v>
      </c>
      <c r="G139" s="24">
        <v>2605.5789999999997</v>
      </c>
      <c r="H139" s="24">
        <v>-28.169999999999163</v>
      </c>
    </row>
    <row r="140" spans="1:8">
      <c r="A140" s="20">
        <v>37377</v>
      </c>
      <c r="B140" s="21">
        <v>164.03899999999999</v>
      </c>
      <c r="C140" s="22">
        <v>158.404</v>
      </c>
      <c r="D140" s="22">
        <v>5.6349999999999909</v>
      </c>
      <c r="E140" s="19"/>
      <c r="F140" s="24">
        <v>2647.2430000000004</v>
      </c>
      <c r="G140" s="24">
        <v>2650.2580000000003</v>
      </c>
      <c r="H140" s="24">
        <v>-3.0149999999998727</v>
      </c>
    </row>
    <row r="141" spans="1:8">
      <c r="A141" s="20">
        <v>37408</v>
      </c>
      <c r="B141" s="21">
        <v>64.772000000000006</v>
      </c>
      <c r="C141" s="22">
        <v>59.468000000000004</v>
      </c>
      <c r="D141" s="22">
        <v>5.304000000000002</v>
      </c>
      <c r="E141" s="19"/>
      <c r="F141" s="24">
        <v>2645.1240000000007</v>
      </c>
      <c r="G141" s="24">
        <v>2650.1669999999999</v>
      </c>
      <c r="H141" s="24">
        <v>-5.0429999999992106</v>
      </c>
    </row>
    <row r="142" spans="1:8">
      <c r="A142" s="20">
        <v>37438</v>
      </c>
      <c r="B142" s="21">
        <v>64.772000000000006</v>
      </c>
      <c r="C142" s="22">
        <v>60.991999999999997</v>
      </c>
      <c r="D142" s="22">
        <v>3.7800000000000082</v>
      </c>
      <c r="E142" s="19"/>
      <c r="F142" s="24">
        <v>2643.0050000000001</v>
      </c>
      <c r="G142" s="24">
        <v>2648.2499999999995</v>
      </c>
      <c r="H142" s="24">
        <v>-5.2449999999994361</v>
      </c>
    </row>
    <row r="143" spans="1:8">
      <c r="A143" s="20">
        <v>37469</v>
      </c>
      <c r="B143" s="21">
        <v>64.772000000000006</v>
      </c>
      <c r="C143" s="22">
        <v>62.905000000000001</v>
      </c>
      <c r="D143" s="22">
        <v>1.8670000000000044</v>
      </c>
      <c r="E143" s="19"/>
      <c r="F143" s="24">
        <v>2640.8860000000004</v>
      </c>
      <c r="G143" s="24">
        <v>2648.1890000000003</v>
      </c>
      <c r="H143" s="24">
        <v>-7.3029999999998836</v>
      </c>
    </row>
    <row r="144" spans="1:8">
      <c r="A144" s="20">
        <v>37500</v>
      </c>
      <c r="B144" s="21">
        <v>66.611999999999995</v>
      </c>
      <c r="C144" s="22">
        <v>76.561000000000007</v>
      </c>
      <c r="D144" s="22">
        <v>-9.9490000000000123</v>
      </c>
      <c r="E144" s="19"/>
      <c r="F144" s="24">
        <v>2588.1450000000004</v>
      </c>
      <c r="G144" s="24">
        <v>2605.3970000000004</v>
      </c>
      <c r="H144" s="24">
        <v>-17.251999999999953</v>
      </c>
    </row>
    <row r="145" spans="1:8">
      <c r="A145" s="20">
        <v>37530</v>
      </c>
      <c r="B145" s="21">
        <v>185.667</v>
      </c>
      <c r="C145" s="22">
        <v>192.42400000000001</v>
      </c>
      <c r="D145" s="22">
        <v>-6.757000000000005</v>
      </c>
      <c r="E145" s="19"/>
      <c r="F145" s="24">
        <v>2624.08</v>
      </c>
      <c r="G145" s="24">
        <v>2633.7560000000003</v>
      </c>
      <c r="H145" s="24">
        <v>-9.6760000000003856</v>
      </c>
    </row>
    <row r="146" spans="1:8">
      <c r="A146" s="20">
        <v>37561</v>
      </c>
      <c r="B146" s="21">
        <v>316.02100000000002</v>
      </c>
      <c r="C146" s="22">
        <v>310.62900000000002</v>
      </c>
      <c r="D146" s="22">
        <v>5.3919999999999959</v>
      </c>
      <c r="E146" s="19"/>
      <c r="F146" s="24">
        <v>2707.3130000000001</v>
      </c>
      <c r="G146" s="24">
        <v>2701.3410000000003</v>
      </c>
      <c r="H146" s="24">
        <v>5.9719999999997526</v>
      </c>
    </row>
    <row r="147" spans="1:8">
      <c r="A147" s="20">
        <v>37591</v>
      </c>
      <c r="B147" s="21">
        <v>366.93299999999999</v>
      </c>
      <c r="C147" s="22">
        <v>380.37299999999999</v>
      </c>
      <c r="D147" s="22">
        <v>-13.439999999999998</v>
      </c>
      <c r="E147" s="19"/>
      <c r="F147" s="24">
        <v>2735.8160000000003</v>
      </c>
      <c r="G147" s="24">
        <v>2734.3969999999999</v>
      </c>
      <c r="H147" s="24">
        <v>1.4190000000003238</v>
      </c>
    </row>
    <row r="148" spans="1:8">
      <c r="A148" s="20">
        <v>37622</v>
      </c>
      <c r="B148" s="21">
        <v>560.01099999999997</v>
      </c>
      <c r="C148" s="22">
        <v>560.01099999999997</v>
      </c>
      <c r="D148" s="22">
        <v>0</v>
      </c>
      <c r="E148" s="19"/>
      <c r="F148" s="24">
        <v>2851.4289999999996</v>
      </c>
      <c r="G148" s="24">
        <v>2856.0920000000001</v>
      </c>
      <c r="H148" s="24">
        <v>-4.6630000000004657</v>
      </c>
    </row>
    <row r="149" spans="1:8">
      <c r="A149" s="20">
        <v>37653</v>
      </c>
      <c r="B149" s="21">
        <v>462.50200000000001</v>
      </c>
      <c r="C149" s="22">
        <v>454.87200000000001</v>
      </c>
      <c r="D149" s="22">
        <v>7.6299999999999955</v>
      </c>
      <c r="E149" s="19"/>
      <c r="F149" s="24">
        <v>2932.9369999999999</v>
      </c>
      <c r="G149" s="24">
        <v>2932.7429999999999</v>
      </c>
      <c r="H149" s="24">
        <v>0.19399999999995998</v>
      </c>
    </row>
    <row r="150" spans="1:8">
      <c r="A150" s="20">
        <v>37681</v>
      </c>
      <c r="B150" s="21">
        <v>367.37599999999998</v>
      </c>
      <c r="C150" s="22">
        <v>362.80700000000002</v>
      </c>
      <c r="D150" s="22">
        <v>4.56899999999996</v>
      </c>
      <c r="E150" s="19"/>
      <c r="F150" s="24">
        <v>2925.4489999999996</v>
      </c>
      <c r="G150" s="24">
        <v>2916.2060000000001</v>
      </c>
      <c r="H150" s="24">
        <v>9.2429999999994834</v>
      </c>
    </row>
    <row r="151" spans="1:8">
      <c r="A151" s="20">
        <v>37712</v>
      </c>
      <c r="B151" s="21">
        <v>243.27</v>
      </c>
      <c r="C151" s="22">
        <v>248.23400000000001</v>
      </c>
      <c r="D151" s="22">
        <v>-4.9639999999999986</v>
      </c>
      <c r="E151" s="19"/>
      <c r="F151" s="24">
        <v>2926.7469999999998</v>
      </c>
      <c r="G151" s="24">
        <v>2927.68</v>
      </c>
      <c r="H151" s="24">
        <v>-0.93299999999999272</v>
      </c>
    </row>
    <row r="152" spans="1:8">
      <c r="A152" s="20">
        <v>37742</v>
      </c>
      <c r="B152" s="21">
        <v>125.38200000000001</v>
      </c>
      <c r="C152" s="22">
        <v>121.20399999999999</v>
      </c>
      <c r="D152" s="22">
        <v>4.1780000000000115</v>
      </c>
      <c r="E152" s="19"/>
      <c r="F152" s="24">
        <v>2888.09</v>
      </c>
      <c r="G152" s="24">
        <v>2890.4800000000005</v>
      </c>
      <c r="H152" s="24">
        <v>-2.3900000000003274</v>
      </c>
    </row>
    <row r="153" spans="1:8">
      <c r="A153" s="20">
        <v>37773</v>
      </c>
      <c r="B153" s="21">
        <v>57.442</v>
      </c>
      <c r="C153" s="22">
        <v>56.110999999999997</v>
      </c>
      <c r="D153" s="22">
        <v>1.3310000000000031</v>
      </c>
      <c r="E153" s="19"/>
      <c r="F153" s="24">
        <v>2880.76</v>
      </c>
      <c r="G153" s="24">
        <v>2887.1229999999996</v>
      </c>
      <c r="H153" s="24">
        <v>-6.3629999999993743</v>
      </c>
    </row>
    <row r="154" spans="1:8">
      <c r="A154" s="20">
        <v>37803</v>
      </c>
      <c r="B154" s="21">
        <v>57.442</v>
      </c>
      <c r="C154" s="22">
        <v>58.851999999999997</v>
      </c>
      <c r="D154" s="22">
        <v>-1.4099999999999966</v>
      </c>
      <c r="E154" s="19"/>
      <c r="F154" s="24">
        <v>2873.4300000000003</v>
      </c>
      <c r="G154" s="24">
        <v>2884.9830000000002</v>
      </c>
      <c r="H154" s="24">
        <v>-11.552999999999884</v>
      </c>
    </row>
    <row r="155" spans="1:8">
      <c r="A155" s="20">
        <v>37834</v>
      </c>
      <c r="B155" s="21">
        <v>57.442</v>
      </c>
      <c r="C155" s="22">
        <v>61.017000000000003</v>
      </c>
      <c r="D155" s="22">
        <v>-3.5750000000000028</v>
      </c>
      <c r="E155" s="19"/>
      <c r="F155" s="24">
        <v>2866.1</v>
      </c>
      <c r="G155" s="24">
        <v>2883.0949999999998</v>
      </c>
      <c r="H155" s="24">
        <v>-16.994999999999891</v>
      </c>
    </row>
    <row r="156" spans="1:8">
      <c r="A156" s="20">
        <v>37865</v>
      </c>
      <c r="B156" s="21">
        <v>82.275999999999996</v>
      </c>
      <c r="C156" s="22">
        <v>74.762</v>
      </c>
      <c r="D156" s="22">
        <v>7.5139999999999958</v>
      </c>
      <c r="E156" s="19"/>
      <c r="F156" s="24">
        <v>2881.7640000000001</v>
      </c>
      <c r="G156" s="24">
        <v>2881.2959999999998</v>
      </c>
      <c r="H156" s="24">
        <v>0.46800000000030195</v>
      </c>
    </row>
    <row r="157" spans="1:8">
      <c r="A157" s="20">
        <v>37895</v>
      </c>
      <c r="B157" s="21">
        <v>166.67400000000001</v>
      </c>
      <c r="C157" s="22">
        <v>166.02600000000001</v>
      </c>
      <c r="D157" s="22">
        <v>0.64799999999999613</v>
      </c>
      <c r="E157" s="19"/>
      <c r="F157" s="24">
        <v>2862.7709999999997</v>
      </c>
      <c r="G157" s="24">
        <v>2854.8979999999997</v>
      </c>
      <c r="H157" s="24">
        <v>7.8730000000000473</v>
      </c>
    </row>
    <row r="158" spans="1:8">
      <c r="A158" s="20">
        <v>37926</v>
      </c>
      <c r="B158" s="21">
        <v>275.11799999999999</v>
      </c>
      <c r="C158" s="22">
        <v>268.745</v>
      </c>
      <c r="D158" s="22">
        <v>6.3729999999999905</v>
      </c>
      <c r="E158" s="19"/>
      <c r="F158" s="24">
        <v>2821.8679999999995</v>
      </c>
      <c r="G158" s="24">
        <v>2813.0139999999997</v>
      </c>
      <c r="H158" s="24">
        <v>8.8539999999998145</v>
      </c>
    </row>
    <row r="159" spans="1:8">
      <c r="A159" s="20">
        <v>37956</v>
      </c>
      <c r="B159" s="21">
        <v>382.06900000000002</v>
      </c>
      <c r="C159" s="22">
        <v>372.40100000000001</v>
      </c>
      <c r="D159" s="22">
        <v>9.6680000000000064</v>
      </c>
      <c r="E159" s="19"/>
      <c r="F159" s="24">
        <v>2837.0039999999999</v>
      </c>
      <c r="G159" s="24">
        <v>2805.0419999999999</v>
      </c>
      <c r="H159" s="24">
        <v>31.961999999999989</v>
      </c>
    </row>
    <row r="160" spans="1:8">
      <c r="A160" s="20">
        <v>37987</v>
      </c>
      <c r="B160" s="21">
        <v>569.23599999999999</v>
      </c>
      <c r="C160" s="22">
        <v>578.33299999999997</v>
      </c>
      <c r="D160" s="22">
        <v>-9.09699999999998</v>
      </c>
      <c r="E160" s="19"/>
      <c r="F160" s="24">
        <v>2846.2289999999998</v>
      </c>
      <c r="G160" s="24">
        <v>2823.364</v>
      </c>
      <c r="H160" s="24">
        <v>22.864999999999782</v>
      </c>
    </row>
    <row r="161" spans="1:8">
      <c r="A161" s="20">
        <v>38018</v>
      </c>
      <c r="B161" s="21">
        <v>392.072</v>
      </c>
      <c r="C161" s="22">
        <v>383.90699999999998</v>
      </c>
      <c r="D161" s="22">
        <v>8.1650000000000205</v>
      </c>
      <c r="E161" s="19"/>
      <c r="F161" s="24">
        <v>2775.799</v>
      </c>
      <c r="G161" s="24">
        <v>2752.3990000000003</v>
      </c>
      <c r="H161" s="24">
        <v>23.399999999999636</v>
      </c>
    </row>
    <row r="162" spans="1:8">
      <c r="A162" s="20">
        <v>38047</v>
      </c>
      <c r="B162" s="21">
        <v>315.19</v>
      </c>
      <c r="C162" s="22">
        <v>322.447</v>
      </c>
      <c r="D162" s="22">
        <v>-7.257000000000005</v>
      </c>
      <c r="E162" s="19"/>
      <c r="F162" s="24">
        <v>2723.6130000000003</v>
      </c>
      <c r="G162" s="24">
        <v>2712.0390000000002</v>
      </c>
      <c r="H162" s="24">
        <v>11.574000000000069</v>
      </c>
    </row>
    <row r="163" spans="1:8">
      <c r="A163" s="20">
        <v>38078</v>
      </c>
      <c r="B163" s="21">
        <v>222.52</v>
      </c>
      <c r="C163" s="22">
        <v>233.27</v>
      </c>
      <c r="D163" s="22">
        <v>-10.75</v>
      </c>
      <c r="E163" s="19"/>
      <c r="F163" s="24">
        <v>2702.8630000000003</v>
      </c>
      <c r="G163" s="24">
        <v>2697.0750000000003</v>
      </c>
      <c r="H163" s="24">
        <v>5.7880000000000109</v>
      </c>
    </row>
    <row r="164" spans="1:8">
      <c r="A164" s="20">
        <v>38108</v>
      </c>
      <c r="B164" s="21">
        <v>136.75399999999999</v>
      </c>
      <c r="C164" s="22">
        <v>141.309</v>
      </c>
      <c r="D164" s="22">
        <v>-4.5550000000000068</v>
      </c>
      <c r="E164" s="19"/>
      <c r="F164" s="24">
        <v>2714.2350000000001</v>
      </c>
      <c r="G164" s="24">
        <v>2717.18</v>
      </c>
      <c r="H164" s="24">
        <v>-2.944999999999709</v>
      </c>
    </row>
    <row r="165" spans="1:8">
      <c r="A165" s="20">
        <v>38139</v>
      </c>
      <c r="B165" s="21">
        <v>57.442999999999998</v>
      </c>
      <c r="C165" s="22">
        <v>55.564999999999998</v>
      </c>
      <c r="D165" s="22">
        <v>1.8780000000000001</v>
      </c>
      <c r="E165" s="19"/>
      <c r="F165" s="24">
        <v>2714.2360000000003</v>
      </c>
      <c r="G165" s="24">
        <v>2716.634</v>
      </c>
      <c r="H165" s="24">
        <v>-2.3979999999996835</v>
      </c>
    </row>
    <row r="166" spans="1:8">
      <c r="A166" s="20">
        <v>38169</v>
      </c>
      <c r="B166" s="21">
        <v>57.442999999999998</v>
      </c>
      <c r="C166" s="22">
        <v>57.521000000000001</v>
      </c>
      <c r="D166" s="22">
        <v>-7.8000000000002956E-2</v>
      </c>
      <c r="E166" s="19"/>
      <c r="F166" s="24">
        <v>2714.2370000000005</v>
      </c>
      <c r="G166" s="24">
        <v>2715.3030000000003</v>
      </c>
      <c r="H166" s="24">
        <v>-1.0659999999998035</v>
      </c>
    </row>
    <row r="167" spans="1:8">
      <c r="A167" s="20">
        <v>38200</v>
      </c>
      <c r="B167" s="21">
        <v>57.442999999999998</v>
      </c>
      <c r="C167" s="22">
        <v>59.912999999999997</v>
      </c>
      <c r="D167" s="22">
        <v>-2.4699999999999989</v>
      </c>
      <c r="E167" s="19"/>
      <c r="F167" s="24">
        <v>2714.2380000000007</v>
      </c>
      <c r="G167" s="24">
        <v>2714.1990000000001</v>
      </c>
      <c r="H167" s="24">
        <v>3.9000000000669388E-2</v>
      </c>
    </row>
    <row r="168" spans="1:8">
      <c r="A168" s="20">
        <v>38231</v>
      </c>
      <c r="B168" s="21">
        <v>82.6</v>
      </c>
      <c r="C168" s="22">
        <v>73.221000000000004</v>
      </c>
      <c r="D168" s="22">
        <v>9.3789999999999907</v>
      </c>
      <c r="E168" s="19"/>
      <c r="F168" s="24">
        <v>2714.5620000000008</v>
      </c>
      <c r="G168" s="24">
        <v>2712.6580000000004</v>
      </c>
      <c r="H168" s="24">
        <v>1.9040000000004511</v>
      </c>
    </row>
    <row r="169" spans="1:8">
      <c r="A169" s="20">
        <v>38261</v>
      </c>
      <c r="B169" s="21">
        <v>132.315</v>
      </c>
      <c r="C169" s="22">
        <v>151.25200000000001</v>
      </c>
      <c r="D169" s="22">
        <v>-18.937000000000012</v>
      </c>
      <c r="E169" s="19"/>
      <c r="F169" s="24">
        <v>2680.2030000000004</v>
      </c>
      <c r="G169" s="24">
        <v>2697.884</v>
      </c>
      <c r="H169" s="24">
        <v>-17.680999999999585</v>
      </c>
    </row>
    <row r="170" spans="1:8">
      <c r="A170" s="20">
        <v>38292</v>
      </c>
      <c r="B170" s="21">
        <v>248.167</v>
      </c>
      <c r="C170" s="22">
        <v>258.79500000000002</v>
      </c>
      <c r="D170" s="22">
        <v>-10.628000000000014</v>
      </c>
      <c r="E170" s="19"/>
      <c r="F170" s="24">
        <v>2653.2520000000004</v>
      </c>
      <c r="G170" s="24">
        <v>2687.9339999999997</v>
      </c>
      <c r="H170" s="24">
        <v>-34.681999999999334</v>
      </c>
    </row>
    <row r="171" spans="1:8">
      <c r="A171" s="20">
        <v>38322</v>
      </c>
      <c r="B171" s="21">
        <v>414.93900000000002</v>
      </c>
      <c r="C171" s="22">
        <v>424.36599999999999</v>
      </c>
      <c r="D171" s="22">
        <v>-9.4269999999999641</v>
      </c>
      <c r="E171" s="19"/>
      <c r="F171" s="24">
        <v>2686.1219999999998</v>
      </c>
      <c r="G171" s="24">
        <v>2739.8989999999999</v>
      </c>
      <c r="H171" s="24">
        <v>-53.777000000000044</v>
      </c>
    </row>
    <row r="172" spans="1:8">
      <c r="A172" s="20">
        <v>38353</v>
      </c>
      <c r="B172" s="21">
        <v>517.16300000000001</v>
      </c>
      <c r="C172" s="22">
        <v>518.28200000000004</v>
      </c>
      <c r="D172" s="22">
        <v>-1.1190000000000282</v>
      </c>
      <c r="E172" s="19"/>
      <c r="F172" s="24">
        <v>2634.0489999999995</v>
      </c>
      <c r="G172" s="24">
        <v>2679.848</v>
      </c>
      <c r="H172" s="24">
        <v>-45.799000000000433</v>
      </c>
    </row>
    <row r="173" spans="1:8">
      <c r="A173" s="20">
        <v>38384</v>
      </c>
      <c r="B173" s="21">
        <v>383.096</v>
      </c>
      <c r="C173" s="22">
        <v>370.16699999999997</v>
      </c>
      <c r="D173" s="22">
        <v>12.92900000000003</v>
      </c>
      <c r="E173" s="19"/>
      <c r="F173" s="24">
        <v>2625.0729999999999</v>
      </c>
      <c r="G173" s="24">
        <v>2666.1079999999997</v>
      </c>
      <c r="H173" s="24">
        <v>-41.034999999999854</v>
      </c>
    </row>
    <row r="174" spans="1:8">
      <c r="A174" s="20">
        <v>38412</v>
      </c>
      <c r="B174" s="21">
        <v>342.07400000000001</v>
      </c>
      <c r="C174" s="22">
        <v>355.65499999999997</v>
      </c>
      <c r="D174" s="22">
        <v>-13.58099999999996</v>
      </c>
      <c r="E174" s="19"/>
      <c r="F174" s="24">
        <v>2651.9569999999999</v>
      </c>
      <c r="G174" s="24">
        <v>2699.3159999999998</v>
      </c>
      <c r="H174" s="24">
        <v>-47.358999999999924</v>
      </c>
    </row>
    <row r="175" spans="1:8">
      <c r="A175" s="20">
        <v>38443</v>
      </c>
      <c r="B175" s="21">
        <v>189.83799999999999</v>
      </c>
      <c r="C175" s="22">
        <v>195.36</v>
      </c>
      <c r="D175" s="22">
        <v>-5.5220000000000198</v>
      </c>
      <c r="E175" s="19"/>
      <c r="F175" s="24">
        <v>2619.2750000000005</v>
      </c>
      <c r="G175" s="24">
        <v>2661.4060000000004</v>
      </c>
      <c r="H175" s="24">
        <v>-42.130999999999858</v>
      </c>
    </row>
    <row r="176" spans="1:8">
      <c r="A176" s="20">
        <v>38473</v>
      </c>
      <c r="B176" s="21">
        <v>127.95699999999999</v>
      </c>
      <c r="C176" s="22">
        <v>125.268</v>
      </c>
      <c r="D176" s="22">
        <v>2.688999999999993</v>
      </c>
      <c r="E176" s="19"/>
      <c r="F176" s="24">
        <v>2610.4780000000001</v>
      </c>
      <c r="G176" s="24">
        <v>2645.3650000000002</v>
      </c>
      <c r="H176" s="24">
        <v>-34.887000000000171</v>
      </c>
    </row>
    <row r="177" spans="1:8">
      <c r="A177" s="20">
        <v>38504</v>
      </c>
      <c r="B177" s="21">
        <v>52.813000000000002</v>
      </c>
      <c r="C177" s="22">
        <v>55.183999999999997</v>
      </c>
      <c r="D177" s="22">
        <v>-2.3709999999999951</v>
      </c>
      <c r="E177" s="19"/>
      <c r="F177" s="24">
        <v>2605.848</v>
      </c>
      <c r="G177" s="24">
        <v>2644.9839999999999</v>
      </c>
      <c r="H177" s="24">
        <v>-39.135999999999967</v>
      </c>
    </row>
    <row r="178" spans="1:8">
      <c r="A178" s="20">
        <v>38534</v>
      </c>
      <c r="B178" s="21">
        <v>52.813000000000002</v>
      </c>
      <c r="C178" s="22">
        <v>56.661999999999999</v>
      </c>
      <c r="D178" s="22">
        <v>-3.8489999999999966</v>
      </c>
      <c r="E178" s="19"/>
      <c r="F178" s="24">
        <v>2601.2180000000003</v>
      </c>
      <c r="G178" s="24">
        <v>2644.125</v>
      </c>
      <c r="H178" s="24">
        <v>-42.906999999999698</v>
      </c>
    </row>
    <row r="179" spans="1:8">
      <c r="A179" s="20">
        <v>38565</v>
      </c>
      <c r="B179" s="21">
        <v>52.813000000000002</v>
      </c>
      <c r="C179" s="22">
        <v>58.375999999999998</v>
      </c>
      <c r="D179" s="22">
        <v>-5.5629999999999953</v>
      </c>
      <c r="E179" s="19"/>
      <c r="F179" s="24">
        <v>2596.5880000000002</v>
      </c>
      <c r="G179" s="24">
        <v>2642.5880000000006</v>
      </c>
      <c r="H179" s="24">
        <v>-46.000000000000455</v>
      </c>
    </row>
    <row r="180" spans="1:8">
      <c r="A180" s="20">
        <v>38596</v>
      </c>
      <c r="B180" s="21">
        <v>65.42</v>
      </c>
      <c r="C180" s="22">
        <v>72.372</v>
      </c>
      <c r="D180" s="22">
        <v>-6.9519999999999982</v>
      </c>
      <c r="E180" s="19"/>
      <c r="F180" s="24">
        <v>2579.4080000000004</v>
      </c>
      <c r="G180" s="24">
        <v>2641.739</v>
      </c>
      <c r="H180" s="24">
        <v>-62.330999999999676</v>
      </c>
    </row>
    <row r="181" spans="1:8">
      <c r="A181" s="20">
        <v>38626</v>
      </c>
      <c r="B181" s="21">
        <v>128.346</v>
      </c>
      <c r="C181" s="22">
        <v>140.84700000000001</v>
      </c>
      <c r="D181" s="22">
        <v>-12.501000000000005</v>
      </c>
      <c r="E181" s="19"/>
      <c r="F181" s="24">
        <v>2575.4390000000003</v>
      </c>
      <c r="G181" s="24">
        <v>2631.3340000000003</v>
      </c>
      <c r="H181" s="24">
        <v>-55.894999999999982</v>
      </c>
    </row>
    <row r="182" spans="1:8">
      <c r="A182" s="20">
        <v>38657</v>
      </c>
      <c r="B182" s="21">
        <v>252.67699999999999</v>
      </c>
      <c r="C182" s="22">
        <v>269.66899999999998</v>
      </c>
      <c r="D182" s="22">
        <v>-16.99199999999999</v>
      </c>
      <c r="E182" s="19"/>
      <c r="F182" s="24">
        <v>2579.9490000000005</v>
      </c>
      <c r="G182" s="24">
        <v>2642.2080000000001</v>
      </c>
      <c r="H182" s="24">
        <v>-62.25899999999956</v>
      </c>
    </row>
    <row r="183" spans="1:8">
      <c r="A183" s="20">
        <v>38687</v>
      </c>
      <c r="B183" s="21">
        <v>397.93299999999999</v>
      </c>
      <c r="C183" s="22">
        <v>396.18400000000003</v>
      </c>
      <c r="D183" s="22">
        <v>1.7489999999999668</v>
      </c>
      <c r="E183" s="19"/>
      <c r="F183" s="24">
        <v>2562.9430000000007</v>
      </c>
      <c r="G183" s="24">
        <v>2614.0260000000003</v>
      </c>
      <c r="H183" s="24">
        <v>-51.082999999999629</v>
      </c>
    </row>
    <row r="184" spans="1:8">
      <c r="A184" s="20">
        <v>38718</v>
      </c>
      <c r="B184" s="21">
        <v>396.548</v>
      </c>
      <c r="C184" s="22">
        <v>394.86200000000002</v>
      </c>
      <c r="D184" s="22">
        <v>1.6859999999999786</v>
      </c>
      <c r="E184" s="19"/>
      <c r="F184" s="24">
        <v>2442.3280000000004</v>
      </c>
      <c r="G184" s="24">
        <v>2490.6060000000002</v>
      </c>
      <c r="H184" s="24">
        <v>-48.277999999999793</v>
      </c>
    </row>
    <row r="185" spans="1:8">
      <c r="A185" s="20">
        <v>38749</v>
      </c>
      <c r="B185" s="21">
        <v>386.27800000000002</v>
      </c>
      <c r="C185" s="22">
        <v>396.37599999999998</v>
      </c>
      <c r="D185" s="22">
        <v>-10.097999999999956</v>
      </c>
      <c r="E185" s="19"/>
      <c r="F185" s="24">
        <v>2445.5100000000002</v>
      </c>
      <c r="G185" s="24">
        <v>2516.8149999999996</v>
      </c>
      <c r="H185" s="24">
        <v>-71.304999999999382</v>
      </c>
    </row>
    <row r="186" spans="1:8">
      <c r="A186" s="20">
        <v>38777</v>
      </c>
      <c r="B186" s="21">
        <v>306.25099999999998</v>
      </c>
      <c r="C186" s="22">
        <v>309.786</v>
      </c>
      <c r="D186" s="22">
        <v>-3.535000000000025</v>
      </c>
      <c r="E186" s="19"/>
      <c r="F186" s="24">
        <v>2409.6869999999999</v>
      </c>
      <c r="G186" s="24">
        <v>2470.9459999999999</v>
      </c>
      <c r="H186" s="24">
        <v>-61.259000000000015</v>
      </c>
    </row>
    <row r="187" spans="1:8">
      <c r="A187" s="20">
        <v>38808</v>
      </c>
      <c r="B187" s="21">
        <v>180.18299999999999</v>
      </c>
      <c r="C187" s="22">
        <v>179.21799999999999</v>
      </c>
      <c r="D187" s="22">
        <v>0.96500000000000341</v>
      </c>
      <c r="E187" s="19"/>
      <c r="F187" s="24">
        <v>2400.0320000000002</v>
      </c>
      <c r="G187" s="24">
        <v>2454.8040000000001</v>
      </c>
      <c r="H187" s="24">
        <v>-54.771999999999935</v>
      </c>
    </row>
    <row r="188" spans="1:8">
      <c r="A188" s="20">
        <v>38838</v>
      </c>
      <c r="B188" s="21">
        <v>101.383</v>
      </c>
      <c r="C188" s="22">
        <v>99.227000000000004</v>
      </c>
      <c r="D188" s="22">
        <v>2.1559999999999917</v>
      </c>
      <c r="E188" s="19"/>
      <c r="F188" s="24">
        <v>2373.4579999999996</v>
      </c>
      <c r="G188" s="24">
        <v>2428.7629999999999</v>
      </c>
      <c r="H188" s="24">
        <v>-55.305000000000291</v>
      </c>
    </row>
    <row r="189" spans="1:8">
      <c r="A189" s="20">
        <v>38869</v>
      </c>
      <c r="B189" s="21">
        <v>51.829000000000001</v>
      </c>
      <c r="C189" s="22">
        <v>52.531999999999996</v>
      </c>
      <c r="D189" s="22">
        <v>-0.70299999999999585</v>
      </c>
      <c r="E189" s="19"/>
      <c r="F189" s="24">
        <v>2372.4739999999997</v>
      </c>
      <c r="G189" s="24">
        <v>2426.1109999999999</v>
      </c>
      <c r="H189" s="24">
        <v>-53.637000000000171</v>
      </c>
    </row>
    <row r="190" spans="1:8">
      <c r="A190" s="20">
        <v>38899</v>
      </c>
      <c r="B190" s="21">
        <v>51.829000000000001</v>
      </c>
      <c r="C190" s="22">
        <v>55.097999999999999</v>
      </c>
      <c r="D190" s="22">
        <v>-3.2689999999999984</v>
      </c>
      <c r="E190" s="19"/>
      <c r="F190" s="24">
        <v>2371.4900000000002</v>
      </c>
      <c r="G190" s="24">
        <v>2424.547</v>
      </c>
      <c r="H190" s="24">
        <v>-53.056999999999789</v>
      </c>
    </row>
    <row r="191" spans="1:8">
      <c r="A191" s="20">
        <v>38930</v>
      </c>
      <c r="B191" s="21">
        <v>51.829000000000001</v>
      </c>
      <c r="C191" s="22">
        <v>56.591999999999999</v>
      </c>
      <c r="D191" s="22">
        <v>-4.7629999999999981</v>
      </c>
      <c r="E191" s="19"/>
      <c r="F191" s="24">
        <v>2370.5060000000003</v>
      </c>
      <c r="G191" s="24">
        <v>2422.7629999999999</v>
      </c>
      <c r="H191" s="24">
        <v>-52.256999999999607</v>
      </c>
    </row>
    <row r="192" spans="1:8">
      <c r="A192" s="20">
        <v>38961</v>
      </c>
      <c r="B192" s="21">
        <v>74.412000000000006</v>
      </c>
      <c r="C192" s="22">
        <v>80.06</v>
      </c>
      <c r="D192" s="22">
        <v>-5.6479999999999961</v>
      </c>
      <c r="E192" s="19"/>
      <c r="F192" s="24">
        <v>2379.498</v>
      </c>
      <c r="G192" s="24">
        <v>2430.451</v>
      </c>
      <c r="H192" s="24">
        <v>-50.952999999999975</v>
      </c>
    </row>
    <row r="193" spans="1:8">
      <c r="A193" s="20">
        <v>38991</v>
      </c>
      <c r="B193" s="21">
        <v>149.54</v>
      </c>
      <c r="C193" s="22">
        <v>158.327</v>
      </c>
      <c r="D193" s="22">
        <v>-8.7870000000000061</v>
      </c>
      <c r="E193" s="19"/>
      <c r="F193" s="24">
        <v>2400.692</v>
      </c>
      <c r="G193" s="24">
        <v>2447.9310000000005</v>
      </c>
      <c r="H193" s="24">
        <v>-47.239000000000487</v>
      </c>
    </row>
    <row r="194" spans="1:8">
      <c r="A194" s="20">
        <v>39022</v>
      </c>
      <c r="B194" s="21">
        <v>252.75299999999999</v>
      </c>
      <c r="C194" s="22">
        <v>240.791</v>
      </c>
      <c r="D194" s="22">
        <v>11.961999999999989</v>
      </c>
      <c r="E194" s="19"/>
      <c r="F194" s="24">
        <v>2400.768</v>
      </c>
      <c r="G194" s="24">
        <v>2419.0530000000003</v>
      </c>
      <c r="H194" s="24">
        <v>-18.285000000000309</v>
      </c>
    </row>
    <row r="195" spans="1:8">
      <c r="A195" s="20">
        <v>39052</v>
      </c>
      <c r="B195" s="21">
        <v>319.88400000000001</v>
      </c>
      <c r="C195" s="22">
        <v>322.03100000000001</v>
      </c>
      <c r="D195" s="22">
        <v>-2.1469999999999914</v>
      </c>
      <c r="E195" s="19"/>
      <c r="F195" s="24">
        <v>2322.7190000000001</v>
      </c>
      <c r="G195" s="24">
        <v>2344.9</v>
      </c>
      <c r="H195" s="24">
        <v>-22.18100000000004</v>
      </c>
    </row>
    <row r="196" spans="1:8">
      <c r="A196" s="20">
        <v>39083</v>
      </c>
      <c r="B196" s="21">
        <v>438.12</v>
      </c>
      <c r="C196" s="22">
        <v>442.04399999999998</v>
      </c>
      <c r="D196" s="22">
        <v>-3.9239999999999782</v>
      </c>
      <c r="E196" s="19"/>
      <c r="F196" s="24">
        <v>2364.2909999999997</v>
      </c>
      <c r="G196" s="24">
        <v>2392.0819999999999</v>
      </c>
      <c r="H196" s="24">
        <v>-27.791000000000167</v>
      </c>
    </row>
    <row r="197" spans="1:8">
      <c r="A197" s="20">
        <v>39114</v>
      </c>
      <c r="B197" s="21">
        <v>422.03300000000002</v>
      </c>
      <c r="C197" s="22">
        <v>431.71499999999997</v>
      </c>
      <c r="D197" s="22">
        <v>-9.6819999999999595</v>
      </c>
      <c r="E197" s="19"/>
      <c r="F197" s="24">
        <v>2400.0459999999998</v>
      </c>
      <c r="G197" s="24">
        <v>2427.4209999999998</v>
      </c>
      <c r="H197" s="24">
        <v>-27.375</v>
      </c>
    </row>
    <row r="198" spans="1:8">
      <c r="A198" s="20">
        <v>39142</v>
      </c>
      <c r="B198" s="21">
        <v>330.57</v>
      </c>
      <c r="C198" s="22">
        <v>320.505</v>
      </c>
      <c r="D198" s="22">
        <v>10.064999999999998</v>
      </c>
      <c r="E198" s="19"/>
      <c r="F198" s="24">
        <v>2424.3650000000002</v>
      </c>
      <c r="G198" s="24">
        <v>2438.1400000000003</v>
      </c>
      <c r="H198" s="24">
        <v>-13.775000000000091</v>
      </c>
    </row>
    <row r="199" spans="1:8">
      <c r="A199" s="20">
        <v>39173</v>
      </c>
      <c r="B199" s="21">
        <v>225.357</v>
      </c>
      <c r="C199" s="22">
        <v>213.417</v>
      </c>
      <c r="D199" s="22">
        <v>11.939999999999998</v>
      </c>
      <c r="E199" s="19"/>
      <c r="F199" s="24">
        <v>2469.5390000000002</v>
      </c>
      <c r="G199" s="24">
        <v>2472.3389999999995</v>
      </c>
      <c r="H199" s="24">
        <v>-2.7999999999992724</v>
      </c>
    </row>
    <row r="200" spans="1:8">
      <c r="A200" s="20">
        <v>39203</v>
      </c>
      <c r="B200" s="21">
        <v>111.97199999999999</v>
      </c>
      <c r="C200" s="22">
        <v>105.28</v>
      </c>
      <c r="D200" s="22">
        <v>6.6919999999999931</v>
      </c>
      <c r="E200" s="19"/>
      <c r="F200" s="24">
        <v>2480.1280000000002</v>
      </c>
      <c r="G200" s="24">
        <v>2478.3919999999998</v>
      </c>
      <c r="H200" s="24">
        <v>1.7360000000003311</v>
      </c>
    </row>
    <row r="201" spans="1:8">
      <c r="A201" s="20">
        <v>39234</v>
      </c>
      <c r="B201" s="21">
        <v>52.55</v>
      </c>
      <c r="C201" s="22">
        <v>51.469000000000001</v>
      </c>
      <c r="D201" s="22">
        <v>1.080999999999996</v>
      </c>
      <c r="E201" s="19"/>
      <c r="F201" s="24">
        <v>2480.8490000000006</v>
      </c>
      <c r="G201" s="24">
        <v>2477.3289999999997</v>
      </c>
      <c r="H201" s="24">
        <v>3.5200000000008913</v>
      </c>
    </row>
    <row r="202" spans="1:8">
      <c r="A202" s="20">
        <v>39264</v>
      </c>
      <c r="B202" s="21">
        <v>52.55</v>
      </c>
      <c r="C202" s="22">
        <v>54.201999999999998</v>
      </c>
      <c r="D202" s="22">
        <v>-1.652000000000001</v>
      </c>
      <c r="E202" s="19"/>
      <c r="F202" s="24">
        <v>2481.5700000000006</v>
      </c>
      <c r="G202" s="24">
        <v>2476.433</v>
      </c>
      <c r="H202" s="24">
        <v>5.1370000000006257</v>
      </c>
    </row>
    <row r="203" spans="1:8">
      <c r="A203" s="20">
        <v>39295</v>
      </c>
      <c r="B203" s="21">
        <v>52.55</v>
      </c>
      <c r="C203" s="22">
        <v>55.536999999999999</v>
      </c>
      <c r="D203" s="22">
        <v>-2.9870000000000019</v>
      </c>
      <c r="E203" s="19"/>
      <c r="F203" s="24">
        <v>2482.2910000000006</v>
      </c>
      <c r="G203" s="24">
        <v>2475.3780000000002</v>
      </c>
      <c r="H203" s="24">
        <v>6.9130000000004657</v>
      </c>
    </row>
    <row r="204" spans="1:8">
      <c r="A204" s="20">
        <v>39326</v>
      </c>
      <c r="B204" s="21">
        <v>67.924000000000007</v>
      </c>
      <c r="C204" s="22">
        <v>69.284999999999997</v>
      </c>
      <c r="D204" s="22">
        <v>-1.36099999999999</v>
      </c>
      <c r="E204" s="19"/>
      <c r="F204" s="24">
        <v>2475.8030000000008</v>
      </c>
      <c r="G204" s="24">
        <v>2464.6029999999996</v>
      </c>
      <c r="H204" s="24">
        <v>11.200000000001182</v>
      </c>
    </row>
    <row r="205" spans="1:8">
      <c r="A205" s="20">
        <v>39356</v>
      </c>
      <c r="B205" s="21">
        <v>109.376</v>
      </c>
      <c r="C205" s="22">
        <v>117.31399999999999</v>
      </c>
      <c r="D205" s="22">
        <v>-7.9379999999999882</v>
      </c>
      <c r="E205" s="19"/>
      <c r="F205" s="24">
        <v>2435.6390000000006</v>
      </c>
      <c r="G205" s="24">
        <v>2423.5899999999992</v>
      </c>
      <c r="H205" s="24">
        <v>12.049000000001342</v>
      </c>
    </row>
    <row r="206" spans="1:8">
      <c r="A206" s="20">
        <v>39387</v>
      </c>
      <c r="B206" s="21">
        <v>258.76</v>
      </c>
      <c r="C206" s="22">
        <v>272.774</v>
      </c>
      <c r="D206" s="22">
        <v>-14.01400000000001</v>
      </c>
      <c r="E206" s="19"/>
      <c r="F206" s="24">
        <v>2441.6459999999997</v>
      </c>
      <c r="G206" s="24">
        <v>2455.5729999999999</v>
      </c>
      <c r="H206" s="24">
        <v>-13.927000000000135</v>
      </c>
    </row>
    <row r="207" spans="1:8">
      <c r="A207" s="20">
        <v>39417</v>
      </c>
      <c r="B207" s="21">
        <v>392.59500000000003</v>
      </c>
      <c r="C207" s="22">
        <v>391.09699999999998</v>
      </c>
      <c r="D207" s="22">
        <v>1.4980000000000473</v>
      </c>
      <c r="E207" s="19"/>
      <c r="F207" s="24">
        <v>2514.357</v>
      </c>
      <c r="G207" s="24">
        <v>2524.6390000000001</v>
      </c>
      <c r="H207" s="24">
        <v>-10.282000000000153</v>
      </c>
    </row>
    <row r="208" spans="1:8">
      <c r="A208" s="20">
        <v>39448</v>
      </c>
      <c r="B208" s="21">
        <v>443.27100000000002</v>
      </c>
      <c r="C208" s="22">
        <v>425.30599999999998</v>
      </c>
      <c r="D208" s="22">
        <v>17.965000000000032</v>
      </c>
      <c r="E208" s="19"/>
      <c r="F208" s="24">
        <v>2519.5080000000003</v>
      </c>
      <c r="G208" s="24">
        <v>2507.9010000000003</v>
      </c>
      <c r="H208" s="24">
        <v>11.606999999999971</v>
      </c>
    </row>
    <row r="209" spans="1:8">
      <c r="A209" s="20">
        <v>39479</v>
      </c>
      <c r="B209" s="21">
        <v>400.23200000000003</v>
      </c>
      <c r="C209" s="22">
        <v>405.41899999999998</v>
      </c>
      <c r="D209" s="22">
        <v>-5.186999999999955</v>
      </c>
      <c r="E209" s="19"/>
      <c r="F209" s="24">
        <v>2497.7069999999999</v>
      </c>
      <c r="G209" s="24">
        <v>2481.6049999999996</v>
      </c>
      <c r="H209" s="24">
        <v>16.102000000000317</v>
      </c>
    </row>
    <row r="210" spans="1:8">
      <c r="A210" s="20">
        <v>39508</v>
      </c>
      <c r="B210" s="21">
        <v>338.863</v>
      </c>
      <c r="C210" s="22">
        <v>350.26</v>
      </c>
      <c r="D210" s="22">
        <v>-11.396999999999991</v>
      </c>
      <c r="E210" s="19"/>
      <c r="F210" s="24">
        <v>2506</v>
      </c>
      <c r="G210" s="24">
        <v>2511.3599999999997</v>
      </c>
      <c r="H210" s="24">
        <v>-5.3599999999996726</v>
      </c>
    </row>
    <row r="211" spans="1:8">
      <c r="A211" s="20">
        <v>39539</v>
      </c>
      <c r="B211" s="21">
        <v>191.352</v>
      </c>
      <c r="C211" s="22">
        <v>182.041</v>
      </c>
      <c r="D211" s="22">
        <v>9.311000000000007</v>
      </c>
      <c r="E211" s="19"/>
      <c r="F211" s="24">
        <v>2471.9949999999999</v>
      </c>
      <c r="G211" s="24">
        <v>2479.9840000000004</v>
      </c>
      <c r="H211" s="24">
        <v>-7.9890000000004875</v>
      </c>
    </row>
    <row r="212" spans="1:8">
      <c r="A212" s="20">
        <v>39569</v>
      </c>
      <c r="B212" s="21">
        <v>127.877</v>
      </c>
      <c r="C212" s="22">
        <v>122.846</v>
      </c>
      <c r="D212" s="22">
        <v>5.0309999999999917</v>
      </c>
      <c r="E212" s="19"/>
      <c r="F212" s="24">
        <v>2487.8999999999996</v>
      </c>
      <c r="G212" s="24">
        <v>2497.5499999999997</v>
      </c>
      <c r="H212" s="24">
        <v>-9.6500000000000909</v>
      </c>
    </row>
    <row r="213" spans="1:8">
      <c r="A213" s="20">
        <v>39600</v>
      </c>
      <c r="B213" s="21">
        <v>56.716000000000001</v>
      </c>
      <c r="C213" s="22">
        <v>50.161999999999999</v>
      </c>
      <c r="D213" s="22">
        <v>6.554000000000002</v>
      </c>
      <c r="E213" s="19"/>
      <c r="F213" s="24">
        <v>2492.0659999999998</v>
      </c>
      <c r="G213" s="24">
        <v>2496.2429999999995</v>
      </c>
      <c r="H213" s="24">
        <v>-4.1769999999996799</v>
      </c>
    </row>
    <row r="214" spans="1:8">
      <c r="A214" s="20">
        <v>39630</v>
      </c>
      <c r="B214" s="21">
        <v>56.716000000000001</v>
      </c>
      <c r="C214" s="22">
        <v>51.871000000000002</v>
      </c>
      <c r="D214" s="22">
        <v>4.8449999999999989</v>
      </c>
      <c r="E214" s="19"/>
      <c r="F214" s="24">
        <v>2496.2319999999995</v>
      </c>
      <c r="G214" s="24">
        <v>2493.9120000000003</v>
      </c>
      <c r="H214" s="24">
        <v>2.3199999999992542</v>
      </c>
    </row>
    <row r="215" spans="1:8">
      <c r="A215" s="20">
        <v>39661</v>
      </c>
      <c r="B215" s="21">
        <v>56.716000000000001</v>
      </c>
      <c r="C215" s="22">
        <v>53.585999999999999</v>
      </c>
      <c r="D215" s="22">
        <v>3.1300000000000026</v>
      </c>
      <c r="E215" s="19"/>
      <c r="F215" s="24">
        <v>2500.3979999999997</v>
      </c>
      <c r="G215" s="24">
        <v>2491.9609999999998</v>
      </c>
      <c r="H215" s="24">
        <v>8.4369999999998981</v>
      </c>
    </row>
    <row r="216" spans="1:8">
      <c r="A216" s="20">
        <v>39692</v>
      </c>
      <c r="B216" s="21">
        <v>65.468000000000004</v>
      </c>
      <c r="C216" s="22">
        <v>67.262</v>
      </c>
      <c r="D216" s="22">
        <v>-1.7939999999999969</v>
      </c>
      <c r="E216" s="19"/>
      <c r="F216" s="24">
        <v>2497.9419999999996</v>
      </c>
      <c r="G216" s="24">
        <v>2489.9379999999996</v>
      </c>
      <c r="H216" s="24">
        <v>8.0039999999999054</v>
      </c>
    </row>
    <row r="217" spans="1:8">
      <c r="A217" s="20">
        <v>39722</v>
      </c>
      <c r="B217" s="21">
        <v>134.80099999999999</v>
      </c>
      <c r="C217" s="22">
        <v>139.09</v>
      </c>
      <c r="D217" s="22">
        <v>-4.2890000000000157</v>
      </c>
      <c r="E217" s="19"/>
      <c r="F217" s="24">
        <v>2523.3669999999997</v>
      </c>
      <c r="G217" s="24">
        <v>2511.7139999999999</v>
      </c>
      <c r="H217" s="24">
        <v>11.652999999999793</v>
      </c>
    </row>
    <row r="218" spans="1:8">
      <c r="A218" s="20">
        <v>39753</v>
      </c>
      <c r="B218" s="21">
        <v>254.142</v>
      </c>
      <c r="C218" s="22">
        <v>253.322</v>
      </c>
      <c r="D218" s="22">
        <v>0.81999999999999318</v>
      </c>
      <c r="E218" s="19"/>
      <c r="F218" s="24">
        <v>2518.7489999999993</v>
      </c>
      <c r="G218" s="24">
        <v>2492.2620000000006</v>
      </c>
      <c r="H218" s="24">
        <v>26.486999999998716</v>
      </c>
    </row>
    <row r="219" spans="1:8">
      <c r="A219" s="20">
        <v>39783</v>
      </c>
      <c r="B219" s="21">
        <v>422.858</v>
      </c>
      <c r="C219" s="22">
        <v>415.12099999999998</v>
      </c>
      <c r="D219" s="22">
        <v>7.7370000000000232</v>
      </c>
      <c r="E219" s="19"/>
      <c r="F219" s="24">
        <v>2549.0119999999997</v>
      </c>
      <c r="G219" s="24">
        <v>2516.2860000000001</v>
      </c>
      <c r="H219" s="24">
        <v>32.725999999999658</v>
      </c>
    </row>
    <row r="220" spans="1:8">
      <c r="A220" s="20">
        <v>39814</v>
      </c>
      <c r="B220" s="21">
        <v>519.68299999999999</v>
      </c>
      <c r="C220" s="22">
        <v>508.98700000000002</v>
      </c>
      <c r="D220" s="22">
        <v>10.69599999999997</v>
      </c>
      <c r="E220" s="19"/>
      <c r="F220" s="24">
        <v>2625.424</v>
      </c>
      <c r="G220" s="24">
        <v>2599.9670000000001</v>
      </c>
      <c r="H220" s="24">
        <v>25.45699999999988</v>
      </c>
    </row>
    <row r="221" spans="1:8">
      <c r="A221" s="20">
        <v>39845</v>
      </c>
      <c r="B221" s="21">
        <v>349.34899999999999</v>
      </c>
      <c r="C221" s="22">
        <v>368.17500000000001</v>
      </c>
      <c r="D221" s="22">
        <v>-18.826000000000022</v>
      </c>
      <c r="E221" s="19"/>
      <c r="F221" s="24">
        <v>2574.5410000000002</v>
      </c>
      <c r="G221" s="24">
        <v>2562.7230000000004</v>
      </c>
      <c r="H221" s="24">
        <v>11.817999999999756</v>
      </c>
    </row>
    <row r="222" spans="1:8">
      <c r="A222" s="20">
        <v>39873</v>
      </c>
      <c r="B222" s="21">
        <v>323.55399999999997</v>
      </c>
      <c r="C222" s="22">
        <v>311.60199999999998</v>
      </c>
      <c r="D222" s="22">
        <v>11.951999999999998</v>
      </c>
      <c r="E222" s="19"/>
      <c r="F222" s="24">
        <v>2559.232</v>
      </c>
      <c r="G222" s="24">
        <v>2524.0650000000001</v>
      </c>
      <c r="H222" s="24">
        <v>35.166999999999916</v>
      </c>
    </row>
    <row r="223" spans="1:8">
      <c r="A223" s="20">
        <v>39904</v>
      </c>
      <c r="B223" s="21">
        <v>206.27500000000001</v>
      </c>
      <c r="C223" s="22">
        <v>195.13499999999999</v>
      </c>
      <c r="D223" s="22">
        <v>11.140000000000015</v>
      </c>
      <c r="E223" s="19"/>
      <c r="F223" s="24">
        <v>2574.1549999999997</v>
      </c>
      <c r="G223" s="24">
        <v>2537.1589999999997</v>
      </c>
      <c r="H223" s="24">
        <v>36.996000000000095</v>
      </c>
    </row>
    <row r="224" spans="1:8">
      <c r="A224" s="20">
        <v>39934</v>
      </c>
      <c r="B224" s="21">
        <v>122.712</v>
      </c>
      <c r="C224" s="22">
        <v>115.78100000000001</v>
      </c>
      <c r="D224" s="22">
        <v>6.9309999999999974</v>
      </c>
      <c r="E224" s="19"/>
      <c r="F224" s="24">
        <v>2568.9899999999998</v>
      </c>
      <c r="G224" s="24">
        <v>2530.0940000000001</v>
      </c>
      <c r="H224" s="24">
        <v>38.895999999999731</v>
      </c>
    </row>
    <row r="225" spans="1:8">
      <c r="A225" s="20">
        <v>39965</v>
      </c>
      <c r="B225" s="21">
        <v>52.25</v>
      </c>
      <c r="C225" s="22">
        <v>49.267000000000003</v>
      </c>
      <c r="D225" s="22">
        <v>2.982999999999997</v>
      </c>
      <c r="E225" s="19"/>
      <c r="F225" s="24">
        <v>2564.5239999999999</v>
      </c>
      <c r="G225" s="24">
        <v>2529.1989999999996</v>
      </c>
      <c r="H225" s="24">
        <v>35.325000000000273</v>
      </c>
    </row>
    <row r="226" spans="1:8">
      <c r="A226" s="20">
        <v>39995</v>
      </c>
      <c r="B226" s="21">
        <v>52.25</v>
      </c>
      <c r="C226" s="22">
        <v>51.145000000000003</v>
      </c>
      <c r="D226" s="22">
        <v>1.1049999999999969</v>
      </c>
      <c r="E226" s="19"/>
      <c r="F226" s="24">
        <v>2560.058</v>
      </c>
      <c r="G226" s="24">
        <v>2528.4729999999995</v>
      </c>
      <c r="H226" s="24">
        <v>31.585000000000491</v>
      </c>
    </row>
    <row r="227" spans="1:8">
      <c r="A227" s="20">
        <v>40026</v>
      </c>
      <c r="B227" s="21">
        <v>52.25</v>
      </c>
      <c r="C227" s="22">
        <v>52.771000000000001</v>
      </c>
      <c r="D227" s="22">
        <v>-0.5210000000000008</v>
      </c>
      <c r="E227" s="19"/>
      <c r="F227" s="24">
        <v>2555.5920000000001</v>
      </c>
      <c r="G227" s="24">
        <v>2527.6579999999994</v>
      </c>
      <c r="H227" s="24">
        <v>27.934000000000651</v>
      </c>
    </row>
    <row r="228" spans="1:8">
      <c r="A228" s="20">
        <v>40057</v>
      </c>
      <c r="B228" s="21">
        <v>57.002000000000002</v>
      </c>
      <c r="C228" s="22">
        <v>66.897999999999996</v>
      </c>
      <c r="D228" s="22">
        <v>-9.8959999999999937</v>
      </c>
      <c r="E228" s="19"/>
      <c r="F228" s="24">
        <v>2547.1259999999997</v>
      </c>
      <c r="G228" s="24">
        <v>2527.2939999999999</v>
      </c>
      <c r="H228" s="24">
        <v>19.83199999999988</v>
      </c>
    </row>
    <row r="229" spans="1:8">
      <c r="A229" s="20">
        <v>40087</v>
      </c>
      <c r="B229" s="21">
        <v>167.62</v>
      </c>
      <c r="C229" s="22">
        <v>149.78299999999999</v>
      </c>
      <c r="D229" s="22">
        <v>17.837000000000018</v>
      </c>
      <c r="E229" s="19"/>
      <c r="F229" s="24">
        <v>2579.9449999999997</v>
      </c>
      <c r="G229" s="24">
        <v>2537.9869999999996</v>
      </c>
      <c r="H229" s="24">
        <v>41.958000000000084</v>
      </c>
    </row>
    <row r="230" spans="1:8">
      <c r="A230" s="20">
        <v>40118</v>
      </c>
      <c r="B230" s="21">
        <v>213.982</v>
      </c>
      <c r="C230" s="22">
        <v>207.64099999999999</v>
      </c>
      <c r="D230" s="22">
        <v>6.3410000000000082</v>
      </c>
      <c r="E230" s="19"/>
      <c r="F230" s="24">
        <v>2539.7849999999999</v>
      </c>
      <c r="G230" s="24">
        <v>2492.306</v>
      </c>
      <c r="H230" s="24">
        <v>47.478999999999814</v>
      </c>
    </row>
    <row r="231" spans="1:8">
      <c r="A231" s="20">
        <v>40148</v>
      </c>
      <c r="B231" s="21">
        <v>366.45</v>
      </c>
      <c r="C231" s="22">
        <v>381.786</v>
      </c>
      <c r="D231" s="22">
        <v>-15.336000000000013</v>
      </c>
      <c r="E231" s="19"/>
      <c r="F231" s="24">
        <v>2483.3769999999995</v>
      </c>
      <c r="G231" s="24">
        <v>2458.971</v>
      </c>
      <c r="H231" s="24">
        <v>24.405999999999494</v>
      </c>
    </row>
    <row r="232" spans="1:8">
      <c r="A232" s="20">
        <v>40179</v>
      </c>
      <c r="B232" s="21">
        <v>439.22699999999998</v>
      </c>
      <c r="C232" s="22">
        <v>441.46499999999997</v>
      </c>
      <c r="D232" s="22">
        <v>-2.2379999999999995</v>
      </c>
      <c r="E232" s="19"/>
      <c r="F232" s="24">
        <v>2402.9209999999998</v>
      </c>
      <c r="G232" s="24">
        <v>2391.4490000000001</v>
      </c>
      <c r="H232" s="24">
        <v>11.471999999999753</v>
      </c>
    </row>
    <row r="233" spans="1:8">
      <c r="A233" s="20">
        <v>40210</v>
      </c>
      <c r="B233" s="21">
        <v>342.51299999999998</v>
      </c>
      <c r="C233" s="22">
        <v>353.30399999999997</v>
      </c>
      <c r="D233" s="22">
        <v>-10.790999999999997</v>
      </c>
      <c r="E233" s="19"/>
      <c r="F233" s="24">
        <v>2396.085</v>
      </c>
      <c r="G233" s="24">
        <v>2376.578</v>
      </c>
      <c r="H233" s="24">
        <v>19.507000000000062</v>
      </c>
    </row>
    <row r="234" spans="1:8">
      <c r="A234" s="20">
        <v>40238</v>
      </c>
      <c r="B234" s="21">
        <v>238.916</v>
      </c>
      <c r="C234" s="22">
        <v>245.71</v>
      </c>
      <c r="D234" s="22">
        <v>-6.7940000000000111</v>
      </c>
      <c r="E234" s="19"/>
      <c r="F234" s="24">
        <v>2311.4470000000001</v>
      </c>
      <c r="G234" s="24">
        <v>2310.6859999999997</v>
      </c>
      <c r="H234" s="24">
        <v>0.76100000000042201</v>
      </c>
    </row>
    <row r="235" spans="1:8">
      <c r="A235" s="20">
        <v>40269</v>
      </c>
      <c r="B235" s="21">
        <v>153.709</v>
      </c>
      <c r="C235" s="22">
        <v>154.52500000000001</v>
      </c>
      <c r="D235" s="22">
        <v>-0.8160000000000025</v>
      </c>
      <c r="E235" s="19"/>
      <c r="F235" s="24">
        <v>2258.8809999999999</v>
      </c>
      <c r="G235" s="24">
        <v>2270.076</v>
      </c>
      <c r="H235" s="24">
        <v>-11.195000000000164</v>
      </c>
    </row>
    <row r="236" spans="1:8">
      <c r="A236" s="20">
        <v>40299</v>
      </c>
      <c r="B236" s="21">
        <v>82.658000000000001</v>
      </c>
      <c r="C236" s="22">
        <v>81.340999999999994</v>
      </c>
      <c r="D236" s="22">
        <v>1.3170000000000073</v>
      </c>
      <c r="E236" s="19"/>
      <c r="F236" s="24">
        <v>2218.8269999999998</v>
      </c>
      <c r="G236" s="24">
        <v>2235.636</v>
      </c>
      <c r="H236" s="24">
        <v>-16.809000000000196</v>
      </c>
    </row>
    <row r="237" spans="1:8">
      <c r="A237" s="20">
        <v>40330</v>
      </c>
      <c r="B237" s="21">
        <v>50.215000000000003</v>
      </c>
      <c r="C237" s="22">
        <v>49.764000000000003</v>
      </c>
      <c r="D237" s="22">
        <v>0.45100000000000051</v>
      </c>
      <c r="E237" s="19"/>
      <c r="F237" s="24">
        <v>2216.7919999999999</v>
      </c>
      <c r="G237" s="24">
        <v>2236.1329999999998</v>
      </c>
      <c r="H237" s="24">
        <v>-19.340999999999894</v>
      </c>
    </row>
    <row r="238" spans="1:8">
      <c r="A238" s="20">
        <v>40360</v>
      </c>
      <c r="B238" s="21">
        <v>50.215000000000003</v>
      </c>
      <c r="C238" s="22">
        <v>51.018000000000001</v>
      </c>
      <c r="D238" s="22">
        <v>-0.80299999999999727</v>
      </c>
      <c r="E238" s="19"/>
      <c r="F238" s="24">
        <v>2214.7570000000001</v>
      </c>
      <c r="G238" s="24">
        <v>2236.0059999999999</v>
      </c>
      <c r="H238" s="24">
        <v>-21.248999999999796</v>
      </c>
    </row>
    <row r="239" spans="1:8">
      <c r="A239" s="20">
        <v>40391</v>
      </c>
      <c r="B239" s="21">
        <v>50.215000000000003</v>
      </c>
      <c r="C239" s="22">
        <v>51.343000000000004</v>
      </c>
      <c r="D239" s="22">
        <v>-1.1280000000000001</v>
      </c>
      <c r="E239" s="19"/>
      <c r="F239" s="24">
        <v>2212.7220000000002</v>
      </c>
      <c r="G239" s="24">
        <v>2234.578</v>
      </c>
      <c r="H239" s="24">
        <v>-21.855999999999767</v>
      </c>
    </row>
    <row r="240" spans="1:8">
      <c r="A240" s="20">
        <v>40422</v>
      </c>
      <c r="B240" s="21">
        <v>62.749000000000002</v>
      </c>
      <c r="C240" s="22">
        <v>63.631</v>
      </c>
      <c r="D240" s="22">
        <v>-0.8819999999999979</v>
      </c>
      <c r="E240" s="19"/>
      <c r="F240" s="24">
        <v>2218.4690000000001</v>
      </c>
      <c r="G240" s="24">
        <v>2231.3109999999997</v>
      </c>
      <c r="H240" s="24">
        <v>-12.841999999999643</v>
      </c>
    </row>
    <row r="241" spans="1:8">
      <c r="A241" s="20">
        <v>40452</v>
      </c>
      <c r="B241" s="21">
        <v>135.01400000000001</v>
      </c>
      <c r="C241" s="22">
        <v>127.925</v>
      </c>
      <c r="D241" s="22">
        <v>7.0890000000000128</v>
      </c>
      <c r="E241" s="19"/>
      <c r="F241" s="24">
        <v>2185.8629999999998</v>
      </c>
      <c r="G241" s="24">
        <v>2209.453</v>
      </c>
      <c r="H241" s="24">
        <v>-23.590000000000146</v>
      </c>
    </row>
    <row r="242" spans="1:8">
      <c r="A242" s="20">
        <v>40483</v>
      </c>
      <c r="B242" s="21">
        <v>235.50899999999999</v>
      </c>
      <c r="C242" s="22">
        <v>232.75399999999999</v>
      </c>
      <c r="D242" s="22">
        <v>2.7549999999999955</v>
      </c>
      <c r="E242" s="19"/>
      <c r="F242" s="24">
        <v>2207.3899999999994</v>
      </c>
      <c r="G242" s="24">
        <v>2234.5659999999998</v>
      </c>
      <c r="H242" s="24">
        <v>-27.176000000000386</v>
      </c>
    </row>
    <row r="243" spans="1:8">
      <c r="A243" s="20">
        <v>40513</v>
      </c>
      <c r="B243" s="21">
        <v>375.154</v>
      </c>
      <c r="C243" s="22">
        <v>370.13900000000001</v>
      </c>
      <c r="D243" s="22">
        <v>5.0149999999999864</v>
      </c>
      <c r="E243" s="19"/>
      <c r="F243" s="24">
        <v>2216.0939999999996</v>
      </c>
      <c r="G243" s="24">
        <v>2222.9189999999999</v>
      </c>
      <c r="H243" s="24">
        <v>-6.8250000000002728</v>
      </c>
    </row>
    <row r="244" spans="1:8">
      <c r="A244" s="20">
        <v>40544</v>
      </c>
      <c r="B244" s="21">
        <v>484.83699999999999</v>
      </c>
      <c r="C244" s="22">
        <v>489.98700000000002</v>
      </c>
      <c r="D244" s="22">
        <v>-5.1500000000000341</v>
      </c>
      <c r="F244" s="24">
        <v>2261.7040000000002</v>
      </c>
      <c r="G244" s="24">
        <v>2271.4409999999998</v>
      </c>
      <c r="H244" s="24">
        <v>-9.7369999999996253</v>
      </c>
    </row>
    <row r="245" spans="1:8">
      <c r="A245" s="20">
        <v>40575</v>
      </c>
      <c r="B245" s="21">
        <v>345.09100000000001</v>
      </c>
      <c r="C245" s="22">
        <v>365.82</v>
      </c>
      <c r="D245" s="22">
        <v>-20.728999999999985</v>
      </c>
      <c r="F245" s="24">
        <v>2264.2820000000002</v>
      </c>
      <c r="G245" s="24">
        <v>2283.9570000000003</v>
      </c>
      <c r="H245" s="24">
        <v>-19.675000000000182</v>
      </c>
    </row>
    <row r="246" spans="1:8">
      <c r="A246" s="20">
        <v>40603</v>
      </c>
      <c r="B246" s="21">
        <v>337.84100000000001</v>
      </c>
      <c r="C246" s="22">
        <v>323.94200000000001</v>
      </c>
      <c r="D246" s="22">
        <v>13.899000000000001</v>
      </c>
      <c r="F246" s="24">
        <v>2363.2069999999999</v>
      </c>
      <c r="G246" s="24">
        <v>2362.1890000000003</v>
      </c>
      <c r="H246" s="24">
        <v>1.0179999999995744</v>
      </c>
    </row>
    <row r="247" spans="1:8">
      <c r="A247" s="20">
        <v>40634</v>
      </c>
      <c r="B247" s="21">
        <v>197.52600000000001</v>
      </c>
      <c r="C247" s="22">
        <v>195.81800000000001</v>
      </c>
      <c r="D247" s="22">
        <v>1.7079999999999984</v>
      </c>
      <c r="F247" s="24">
        <v>2407.0239999999999</v>
      </c>
      <c r="G247" s="24">
        <v>2403.482</v>
      </c>
      <c r="H247" s="24">
        <v>3.5419999999999163</v>
      </c>
    </row>
    <row r="248" spans="1:8">
      <c r="A248" s="20">
        <v>40664</v>
      </c>
      <c r="B248" s="21">
        <v>114.72</v>
      </c>
      <c r="C248" s="22">
        <v>87.918000000000006</v>
      </c>
      <c r="D248" s="22">
        <v>26.801999999999992</v>
      </c>
      <c r="F248" s="24">
        <v>2439.0859999999993</v>
      </c>
      <c r="G248" s="24">
        <v>2410.0590000000002</v>
      </c>
      <c r="H248" s="24">
        <v>29.026999999999134</v>
      </c>
    </row>
    <row r="249" spans="1:8">
      <c r="A249" s="20">
        <v>40695</v>
      </c>
      <c r="B249" s="21">
        <v>46.820999999999998</v>
      </c>
      <c r="C249" s="22">
        <v>46.917000000000002</v>
      </c>
      <c r="D249" s="22">
        <v>-9.6000000000003638E-2</v>
      </c>
      <c r="F249" s="24">
        <v>2435.6919999999996</v>
      </c>
      <c r="G249" s="24">
        <v>2407.2120000000004</v>
      </c>
      <c r="H249" s="24">
        <v>28.479999999999109</v>
      </c>
    </row>
    <row r="250" spans="1:8">
      <c r="A250" s="20">
        <v>40725</v>
      </c>
      <c r="B250" s="21">
        <v>46.820999999999998</v>
      </c>
      <c r="C250" s="22">
        <v>48.567999999999998</v>
      </c>
      <c r="D250" s="22">
        <v>-1.7469999999999999</v>
      </c>
      <c r="F250" s="24">
        <v>2432.2979999999993</v>
      </c>
      <c r="G250" s="24">
        <v>2404.7620000000002</v>
      </c>
      <c r="H250" s="24">
        <v>27.535999999999149</v>
      </c>
    </row>
    <row r="251" spans="1:8">
      <c r="A251" s="20">
        <v>40756</v>
      </c>
      <c r="B251" s="21">
        <v>46.820999999999998</v>
      </c>
      <c r="C251" s="22">
        <v>49.715000000000003</v>
      </c>
      <c r="D251" s="22">
        <v>-2.8940000000000055</v>
      </c>
      <c r="F251" s="24">
        <v>2428.9039999999991</v>
      </c>
      <c r="G251" s="24">
        <v>2403.1340000000005</v>
      </c>
      <c r="H251" s="24">
        <v>25.769999999998618</v>
      </c>
    </row>
    <row r="252" spans="1:8">
      <c r="A252" s="20">
        <v>40787</v>
      </c>
      <c r="B252" s="21">
        <v>51.435000000000002</v>
      </c>
      <c r="C252" s="22">
        <v>63.755000000000003</v>
      </c>
      <c r="D252" s="22">
        <v>-12.32</v>
      </c>
      <c r="F252" s="24">
        <v>2417.5899999999992</v>
      </c>
      <c r="G252" s="24">
        <v>2403.2580000000007</v>
      </c>
      <c r="H252" s="24">
        <v>14.331999999998516</v>
      </c>
    </row>
    <row r="253" spans="1:8">
      <c r="A253" s="20">
        <v>40817</v>
      </c>
      <c r="B253" s="21">
        <v>128.41900000000001</v>
      </c>
      <c r="C253" s="22">
        <v>111.7</v>
      </c>
      <c r="D253" s="22">
        <v>16.719000000000008</v>
      </c>
      <c r="F253" s="24">
        <v>2410.9949999999994</v>
      </c>
      <c r="G253" s="24">
        <v>2387.0330000000004</v>
      </c>
      <c r="H253" s="24">
        <v>23.96199999999908</v>
      </c>
    </row>
    <row r="254" spans="1:8">
      <c r="A254" s="20">
        <v>40848</v>
      </c>
      <c r="B254" s="21">
        <v>213.673</v>
      </c>
      <c r="C254" s="22">
        <v>213.33</v>
      </c>
      <c r="D254" s="22">
        <v>0.34299999999998931</v>
      </c>
      <c r="F254" s="24">
        <v>2389.1589999999997</v>
      </c>
      <c r="G254" s="24">
        <v>2367.6089999999995</v>
      </c>
      <c r="H254" s="24">
        <v>21.550000000000182</v>
      </c>
    </row>
    <row r="255" spans="1:8" ht="14.4" thickBot="1">
      <c r="A255" s="25">
        <v>40878</v>
      </c>
      <c r="B255" s="26">
        <v>333.59500000000003</v>
      </c>
      <c r="C255" s="27">
        <v>331.19900000000001</v>
      </c>
      <c r="D255" s="27">
        <v>2.396000000000015</v>
      </c>
      <c r="E255" s="88"/>
      <c r="F255" s="89">
        <v>2347.6</v>
      </c>
      <c r="G255" s="89">
        <v>2328.6689999999999</v>
      </c>
      <c r="H255" s="89">
        <v>18.93100000000004</v>
      </c>
    </row>
    <row r="256" spans="1:8">
      <c r="D256" s="28"/>
      <c r="E256" s="19"/>
      <c r="F256" s="19"/>
      <c r="G256" s="19"/>
    </row>
    <row r="257" spans="1:7" ht="14.4" thickBot="1">
      <c r="B257" s="19"/>
      <c r="C257" s="19"/>
      <c r="D257" s="19"/>
      <c r="E257" s="19"/>
      <c r="F257" s="19"/>
      <c r="G257" s="19"/>
    </row>
    <row r="258" spans="1:7">
      <c r="A258" s="29" t="s">
        <v>44</v>
      </c>
      <c r="B258" s="29" t="s">
        <v>43</v>
      </c>
      <c r="C258" s="29" t="s">
        <v>40</v>
      </c>
      <c r="D258" s="29" t="s">
        <v>41</v>
      </c>
      <c r="E258" s="29" t="s">
        <v>45</v>
      </c>
      <c r="F258" s="29" t="s">
        <v>46</v>
      </c>
    </row>
    <row r="259" spans="1:7">
      <c r="A259" s="30"/>
      <c r="B259" s="31"/>
      <c r="C259" s="31"/>
      <c r="D259" s="32"/>
      <c r="E259" s="33"/>
      <c r="F259" s="34"/>
    </row>
    <row r="260" spans="1:7">
      <c r="A260" s="30"/>
      <c r="B260" s="35"/>
      <c r="C260" s="35"/>
      <c r="D260" s="32"/>
      <c r="E260" s="33"/>
      <c r="F260" s="34"/>
    </row>
    <row r="261" spans="1:7">
      <c r="A261" s="30"/>
      <c r="B261" s="35"/>
      <c r="C261" s="35"/>
      <c r="D261" s="32"/>
      <c r="E261" s="33"/>
      <c r="F261" s="34"/>
    </row>
    <row r="262" spans="1:7">
      <c r="A262" s="30">
        <v>1994</v>
      </c>
      <c r="B262" s="35">
        <v>1607.4340000000002</v>
      </c>
      <c r="C262" s="35">
        <v>1565.703</v>
      </c>
      <c r="D262" s="32">
        <v>41.731000000000222</v>
      </c>
      <c r="E262" s="33">
        <v>41.731000000000222</v>
      </c>
      <c r="F262" s="34">
        <v>2.6653203065971146E-2</v>
      </c>
    </row>
    <row r="263" spans="1:7">
      <c r="A263" s="30">
        <v>1995</v>
      </c>
      <c r="B263" s="35">
        <v>3174.4570000000003</v>
      </c>
      <c r="C263" s="35">
        <v>3177.46</v>
      </c>
      <c r="D263" s="32">
        <v>-3.0029999999997017</v>
      </c>
      <c r="E263" s="33">
        <v>3.0029999999997017</v>
      </c>
      <c r="F263" s="34">
        <v>9.4509450945085124E-4</v>
      </c>
    </row>
    <row r="264" spans="1:7">
      <c r="A264" s="30">
        <v>1996</v>
      </c>
      <c r="B264" s="35">
        <v>3174.8690000000001</v>
      </c>
      <c r="C264" s="35">
        <v>3144.3519999999999</v>
      </c>
      <c r="D264" s="32">
        <v>30.51700000000028</v>
      </c>
      <c r="E264" s="33">
        <v>30.51700000000028</v>
      </c>
      <c r="F264" s="34">
        <v>9.70533833362177E-3</v>
      </c>
    </row>
    <row r="265" spans="1:7">
      <c r="A265" s="30">
        <v>1997</v>
      </c>
      <c r="B265" s="35">
        <v>3084.5860000000002</v>
      </c>
      <c r="C265" s="35">
        <v>3018.3550000000005</v>
      </c>
      <c r="D265" s="32">
        <v>66.230999999999767</v>
      </c>
      <c r="E265" s="33">
        <v>66.230999999999767</v>
      </c>
      <c r="F265" s="34">
        <v>2.1942746959850566E-2</v>
      </c>
    </row>
    <row r="266" spans="1:7">
      <c r="A266" s="30">
        <v>1998</v>
      </c>
      <c r="B266" s="35">
        <v>2544.7829999999999</v>
      </c>
      <c r="C266" s="35">
        <v>2641.703</v>
      </c>
      <c r="D266" s="32">
        <v>-96.920000000000073</v>
      </c>
      <c r="E266" s="33">
        <v>96.920000000000073</v>
      </c>
      <c r="F266" s="34">
        <v>3.6688454379618027E-2</v>
      </c>
    </row>
    <row r="267" spans="1:7">
      <c r="A267" s="30">
        <v>1999</v>
      </c>
      <c r="B267" s="35">
        <v>2700.1120000000001</v>
      </c>
      <c r="C267" s="35">
        <v>2738.4970000000003</v>
      </c>
      <c r="D267" s="32">
        <v>-38.385000000000218</v>
      </c>
      <c r="E267" s="33">
        <v>38.385000000000218</v>
      </c>
      <c r="F267" s="34">
        <v>1.401681287217047E-2</v>
      </c>
    </row>
    <row r="268" spans="1:7">
      <c r="A268" s="30">
        <v>2000</v>
      </c>
      <c r="B268" s="35">
        <v>2928.4280000000003</v>
      </c>
      <c r="C268" s="35">
        <v>2819.68</v>
      </c>
      <c r="D268" s="32">
        <v>108.7480000000005</v>
      </c>
      <c r="E268" s="33">
        <v>108.7480000000005</v>
      </c>
      <c r="F268" s="34">
        <v>3.8567497020938729E-2</v>
      </c>
    </row>
    <row r="269" spans="1:7">
      <c r="A269" s="30">
        <v>2001</v>
      </c>
      <c r="B269" s="35">
        <v>2573.1690000000003</v>
      </c>
      <c r="C269" s="35">
        <v>2625.8789999999999</v>
      </c>
      <c r="D269" s="32">
        <v>-52.709999999999582</v>
      </c>
      <c r="E269" s="33">
        <v>52.709999999999582</v>
      </c>
      <c r="F269" s="34">
        <v>2.0073278319374041E-2</v>
      </c>
    </row>
    <row r="270" spans="1:7">
      <c r="A270" s="30">
        <v>2002</v>
      </c>
      <c r="B270" s="35">
        <v>2735.8160000000003</v>
      </c>
      <c r="C270" s="35">
        <v>2734.3969999999999</v>
      </c>
      <c r="D270" s="32">
        <v>1.4190000000003238</v>
      </c>
      <c r="E270" s="33">
        <v>1.4190000000003238</v>
      </c>
      <c r="F270" s="34">
        <v>5.1894439615034823E-4</v>
      </c>
    </row>
    <row r="271" spans="1:7">
      <c r="A271" s="30">
        <v>2003</v>
      </c>
      <c r="B271" s="35">
        <v>2837.0039999999999</v>
      </c>
      <c r="C271" s="35">
        <v>2805.0419999999999</v>
      </c>
      <c r="D271" s="32">
        <v>31.961999999999989</v>
      </c>
      <c r="E271" s="33">
        <v>31.961999999999989</v>
      </c>
      <c r="F271" s="34">
        <v>1.139448179385549E-2</v>
      </c>
    </row>
    <row r="272" spans="1:7">
      <c r="A272" s="30">
        <v>2004</v>
      </c>
      <c r="B272" s="35">
        <v>2686.1219999999998</v>
      </c>
      <c r="C272" s="35">
        <v>2739.8989999999999</v>
      </c>
      <c r="D272" s="32">
        <v>-53.777000000000044</v>
      </c>
      <c r="E272" s="33">
        <v>53.777000000000044</v>
      </c>
      <c r="F272" s="34">
        <v>1.9627365826258576E-2</v>
      </c>
    </row>
    <row r="273" spans="1:6">
      <c r="A273" s="30">
        <v>2005</v>
      </c>
      <c r="B273" s="35">
        <v>2562.9430000000007</v>
      </c>
      <c r="C273" s="35">
        <v>2614.0260000000003</v>
      </c>
      <c r="D273" s="32">
        <v>-51.082999999999629</v>
      </c>
      <c r="E273" s="33">
        <v>51.082999999999629</v>
      </c>
      <c r="F273" s="34">
        <v>1.9541886729512112E-2</v>
      </c>
    </row>
    <row r="274" spans="1:6">
      <c r="A274" s="30">
        <v>2006</v>
      </c>
      <c r="B274" s="35">
        <v>2322.7190000000001</v>
      </c>
      <c r="C274" s="35">
        <v>2344.9</v>
      </c>
      <c r="D274" s="32">
        <v>-22.18100000000004</v>
      </c>
      <c r="E274" s="33">
        <v>22.18100000000004</v>
      </c>
      <c r="F274" s="34">
        <v>9.4592519936884476E-3</v>
      </c>
    </row>
    <row r="275" spans="1:6">
      <c r="A275" s="30">
        <v>2007</v>
      </c>
      <c r="B275" s="35">
        <v>2514.357</v>
      </c>
      <c r="C275" s="35">
        <v>2524.6390000000001</v>
      </c>
      <c r="D275" s="32">
        <v>-10.282000000000153</v>
      </c>
      <c r="E275" s="33">
        <v>10.282000000000153</v>
      </c>
      <c r="F275" s="34">
        <v>4.0726614775419981E-3</v>
      </c>
    </row>
    <row r="276" spans="1:6">
      <c r="A276" s="30">
        <v>2008</v>
      </c>
      <c r="B276" s="35">
        <v>2549.0119999999997</v>
      </c>
      <c r="C276" s="35">
        <v>2516.2860000000001</v>
      </c>
      <c r="D276" s="32">
        <v>32.725999999999658</v>
      </c>
      <c r="E276" s="33">
        <v>32.725999999999658</v>
      </c>
      <c r="F276" s="34">
        <v>1.3005675825402858E-2</v>
      </c>
    </row>
    <row r="277" spans="1:6">
      <c r="A277" s="30">
        <v>2009</v>
      </c>
      <c r="B277" s="35">
        <v>2483.3769999999995</v>
      </c>
      <c r="C277" s="35">
        <v>2458.971</v>
      </c>
      <c r="D277" s="32">
        <v>24.405999999999494</v>
      </c>
      <c r="E277" s="33">
        <v>24.405999999999494</v>
      </c>
      <c r="F277" s="34">
        <v>9.9252898875177853E-3</v>
      </c>
    </row>
    <row r="278" spans="1:6">
      <c r="A278" s="30">
        <v>2010</v>
      </c>
      <c r="B278" s="35">
        <v>2216.0939999999996</v>
      </c>
      <c r="C278" s="35">
        <v>2222.9189999999999</v>
      </c>
      <c r="D278" s="32">
        <v>-6.8250000000002728</v>
      </c>
      <c r="E278" s="33">
        <v>6.8250000000002728</v>
      </c>
      <c r="F278" s="34">
        <v>3.0702873114136294E-3</v>
      </c>
    </row>
    <row r="279" spans="1:6">
      <c r="A279" s="30">
        <v>2011</v>
      </c>
      <c r="B279" s="35">
        <v>2347.6</v>
      </c>
      <c r="C279" s="35">
        <v>2328.6689999999999</v>
      </c>
      <c r="D279" s="32">
        <v>18.93100000000004</v>
      </c>
      <c r="E279" s="33">
        <v>18.93100000000004</v>
      </c>
      <c r="F279" s="34">
        <v>8.1295366580652045E-3</v>
      </c>
    </row>
    <row r="280" spans="1:6">
      <c r="A280" s="30"/>
      <c r="B280" s="30"/>
      <c r="C280" s="30"/>
      <c r="D280" s="30"/>
      <c r="E280" s="36" t="s">
        <v>47</v>
      </c>
      <c r="F280" s="37">
        <v>1.4852100408911226E-2</v>
      </c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>
  <sheetPr>
    <tabColor theme="6" tint="0.39997558519241921"/>
  </sheetPr>
  <dimension ref="A2:H255"/>
  <sheetViews>
    <sheetView workbookViewId="0">
      <selection activeCell="G23" sqref="G23"/>
    </sheetView>
  </sheetViews>
  <sheetFormatPr defaultRowHeight="13.8"/>
  <cols>
    <col min="1" max="1" width="17.69921875" customWidth="1"/>
    <col min="2" max="2" width="11.09765625" customWidth="1"/>
    <col min="3" max="3" width="17.59765625" customWidth="1"/>
    <col min="4" max="4" width="16.19921875" customWidth="1"/>
    <col min="5" max="6" width="8.8984375" bestFit="1" customWidth="1"/>
    <col min="9" max="9" width="10.59765625" customWidth="1"/>
  </cols>
  <sheetData>
    <row r="2" spans="1:8">
      <c r="A2" s="1" t="s">
        <v>118</v>
      </c>
    </row>
    <row r="3" spans="1:8" ht="14.4" thickBot="1"/>
    <row r="4" spans="1:8">
      <c r="A4" s="2" t="s">
        <v>0</v>
      </c>
      <c r="B4" s="2"/>
      <c r="E4" s="96" t="s">
        <v>222</v>
      </c>
      <c r="F4" s="95"/>
      <c r="G4" s="95"/>
      <c r="H4" s="95"/>
    </row>
    <row r="5" spans="1:8">
      <c r="A5" s="86"/>
      <c r="B5" s="87"/>
      <c r="E5" s="95"/>
      <c r="F5" s="95"/>
      <c r="G5" s="95"/>
      <c r="H5" s="95"/>
    </row>
    <row r="6" spans="1:8">
      <c r="A6" s="3" t="s">
        <v>2</v>
      </c>
      <c r="B6" s="4">
        <v>0.996</v>
      </c>
      <c r="E6" s="97" t="s">
        <v>219</v>
      </c>
      <c r="F6" s="94"/>
      <c r="G6" s="94"/>
      <c r="H6" s="94"/>
    </row>
    <row r="7" spans="1:8">
      <c r="A7" s="3" t="s">
        <v>3</v>
      </c>
      <c r="B7" s="4">
        <v>0.996</v>
      </c>
      <c r="C7" s="93">
        <v>0.99642961141042874</v>
      </c>
      <c r="E7" s="97" t="s">
        <v>220</v>
      </c>
      <c r="F7" s="94"/>
      <c r="G7" s="94"/>
      <c r="H7" s="94"/>
    </row>
    <row r="8" spans="1:8">
      <c r="A8" s="3" t="s">
        <v>4</v>
      </c>
      <c r="B8" s="5">
        <v>2391.38</v>
      </c>
      <c r="E8" s="97" t="s">
        <v>221</v>
      </c>
      <c r="F8" s="94"/>
      <c r="G8" s="94"/>
      <c r="H8" s="94"/>
    </row>
    <row r="9" spans="1:8" ht="14.4" thickBot="1">
      <c r="A9" s="6" t="s">
        <v>5</v>
      </c>
      <c r="B9" s="7">
        <v>174</v>
      </c>
      <c r="C9" s="8" t="s">
        <v>213</v>
      </c>
    </row>
    <row r="11" spans="1:8" ht="14.4" thickBot="1">
      <c r="A11" t="s">
        <v>7</v>
      </c>
    </row>
    <row r="12" spans="1:8">
      <c r="A12" s="9"/>
      <c r="B12" s="9" t="s">
        <v>8</v>
      </c>
      <c r="C12" s="9" t="s">
        <v>9</v>
      </c>
      <c r="D12" s="9" t="s">
        <v>10</v>
      </c>
      <c r="E12" s="9" t="s">
        <v>11</v>
      </c>
      <c r="F12" s="9" t="s">
        <v>12</v>
      </c>
      <c r="G12" s="9" t="s">
        <v>13</v>
      </c>
    </row>
    <row r="13" spans="1:8">
      <c r="A13" s="3" t="s">
        <v>14</v>
      </c>
      <c r="B13" s="10">
        <v>15</v>
      </c>
      <c r="C13" s="11">
        <v>253069484027.37</v>
      </c>
      <c r="D13" s="82">
        <v>16871298935.157999</v>
      </c>
      <c r="E13" s="11">
        <v>2950.192</v>
      </c>
      <c r="F13" s="5">
        <v>0</v>
      </c>
      <c r="G13" s="13">
        <v>1.5209999999999999</v>
      </c>
    </row>
    <row r="14" spans="1:8">
      <c r="A14" s="3" t="s">
        <v>15</v>
      </c>
      <c r="B14" s="85">
        <v>158</v>
      </c>
      <c r="C14" s="11">
        <v>903556398.13999999</v>
      </c>
      <c r="D14" s="82">
        <v>5718711.3806329109</v>
      </c>
      <c r="E14" s="11"/>
      <c r="F14" s="12"/>
    </row>
    <row r="15" spans="1:8" ht="14.4" thickBot="1">
      <c r="A15" s="6" t="s">
        <v>16</v>
      </c>
      <c r="B15" s="7">
        <v>173</v>
      </c>
      <c r="C15" s="14"/>
      <c r="D15" s="14"/>
      <c r="E15" s="14"/>
      <c r="F15" s="15"/>
      <c r="G15" s="15"/>
    </row>
    <row r="16" spans="1:8" ht="14.4" thickBot="1"/>
    <row r="17" spans="1:7">
      <c r="A17" s="9"/>
      <c r="B17" s="9" t="s">
        <v>17</v>
      </c>
      <c r="C17" s="9" t="s">
        <v>18</v>
      </c>
      <c r="D17" s="9" t="s">
        <v>19</v>
      </c>
      <c r="E17" s="9" t="s">
        <v>20</v>
      </c>
      <c r="F17" s="9" t="s">
        <v>21</v>
      </c>
      <c r="G17" s="9" t="s">
        <v>22</v>
      </c>
    </row>
    <row r="18" spans="1:7">
      <c r="A18" s="3" t="s">
        <v>132</v>
      </c>
      <c r="B18" s="5">
        <v>6103.1570000000002</v>
      </c>
      <c r="C18" s="80">
        <v>3244.6930000000002</v>
      </c>
      <c r="D18" s="80">
        <v>1.881</v>
      </c>
      <c r="E18" s="4">
        <v>6.1800000000000001E-2</v>
      </c>
      <c r="F18" s="83">
        <v>-288.88821000000007</v>
      </c>
      <c r="G18" s="83">
        <v>12495.202209999999</v>
      </c>
    </row>
    <row r="19" spans="1:7">
      <c r="A19" s="3" t="s">
        <v>24</v>
      </c>
      <c r="B19" s="5">
        <v>123.97199999999999</v>
      </c>
      <c r="C19" s="80">
        <v>0.90700000000000003</v>
      </c>
      <c r="D19" s="80">
        <v>136.697</v>
      </c>
      <c r="E19" s="4">
        <v>0</v>
      </c>
      <c r="F19" s="83">
        <v>122.18521</v>
      </c>
      <c r="G19" s="83">
        <v>125.75878999999999</v>
      </c>
    </row>
    <row r="20" spans="1:7">
      <c r="A20" s="3" t="s">
        <v>25</v>
      </c>
      <c r="B20" s="5">
        <v>114.715</v>
      </c>
      <c r="C20" s="80">
        <v>1.05</v>
      </c>
      <c r="D20" s="80">
        <v>109.224</v>
      </c>
      <c r="E20" s="4">
        <v>0</v>
      </c>
      <c r="F20" s="83">
        <v>112.6465</v>
      </c>
      <c r="G20" s="83">
        <v>116.7835</v>
      </c>
    </row>
    <row r="21" spans="1:7">
      <c r="A21" s="3" t="s">
        <v>26</v>
      </c>
      <c r="B21" s="5">
        <v>108.259</v>
      </c>
      <c r="C21" s="80">
        <v>1.151</v>
      </c>
      <c r="D21" s="80">
        <v>94.028000000000006</v>
      </c>
      <c r="E21" s="4">
        <v>0</v>
      </c>
      <c r="F21" s="83">
        <v>105.99153</v>
      </c>
      <c r="G21" s="83">
        <v>110.52647</v>
      </c>
    </row>
    <row r="22" spans="1:7">
      <c r="A22" s="3" t="s">
        <v>27</v>
      </c>
      <c r="B22" s="5">
        <v>97.116</v>
      </c>
      <c r="C22" s="80">
        <v>1.9330000000000001</v>
      </c>
      <c r="D22" s="80">
        <v>50.238999999999997</v>
      </c>
      <c r="E22" s="4">
        <v>0</v>
      </c>
      <c r="F22" s="83">
        <v>93.307990000000004</v>
      </c>
      <c r="G22" s="83">
        <v>100.92401</v>
      </c>
    </row>
    <row r="23" spans="1:7">
      <c r="A23" s="3" t="s">
        <v>28</v>
      </c>
      <c r="B23" s="5">
        <v>80.403000000000006</v>
      </c>
      <c r="C23" s="80">
        <v>3.2730000000000001</v>
      </c>
      <c r="D23" s="80">
        <v>24.565999999999999</v>
      </c>
      <c r="E23" s="4">
        <v>0</v>
      </c>
      <c r="F23" s="83">
        <v>73.955190000000002</v>
      </c>
      <c r="G23" s="83">
        <v>86.85081000000001</v>
      </c>
    </row>
    <row r="24" spans="1:7">
      <c r="A24" s="79" t="s">
        <v>29</v>
      </c>
      <c r="B24" s="5">
        <v>38.85</v>
      </c>
      <c r="C24" s="80">
        <v>8.8819999999999997</v>
      </c>
      <c r="D24" s="80">
        <v>4.3739999999999997</v>
      </c>
      <c r="E24" s="4">
        <v>0</v>
      </c>
      <c r="F24" s="83">
        <v>21.352460000000001</v>
      </c>
      <c r="G24" s="83">
        <v>56.347540000000002</v>
      </c>
    </row>
    <row r="25" spans="1:7">
      <c r="A25" s="3" t="s">
        <v>30</v>
      </c>
      <c r="B25" s="5">
        <v>72.358999999999995</v>
      </c>
      <c r="C25" s="80">
        <v>2.246</v>
      </c>
      <c r="D25" s="80">
        <v>32.219000000000001</v>
      </c>
      <c r="E25" s="4">
        <v>0</v>
      </c>
      <c r="F25" s="83">
        <v>67.93437999999999</v>
      </c>
      <c r="G25" s="83">
        <v>76.783619999999999</v>
      </c>
    </row>
    <row r="26" spans="1:7">
      <c r="A26" s="3" t="s">
        <v>31</v>
      </c>
      <c r="B26" s="5">
        <v>102.227</v>
      </c>
      <c r="C26" s="80">
        <v>1.4239999999999999</v>
      </c>
      <c r="D26" s="80">
        <v>71.772000000000006</v>
      </c>
      <c r="E26" s="4">
        <v>0</v>
      </c>
      <c r="F26" s="83">
        <v>99.421720000000008</v>
      </c>
      <c r="G26" s="83">
        <v>105.03228</v>
      </c>
    </row>
    <row r="27" spans="1:7">
      <c r="A27" s="3" t="s">
        <v>32</v>
      </c>
      <c r="B27" s="5">
        <v>112</v>
      </c>
      <c r="C27" s="80">
        <v>1.018</v>
      </c>
      <c r="D27" s="80">
        <v>110.068</v>
      </c>
      <c r="E27" s="4">
        <v>0</v>
      </c>
      <c r="F27" s="83">
        <v>109.99454</v>
      </c>
      <c r="G27" s="83">
        <v>114.00546</v>
      </c>
    </row>
    <row r="28" spans="1:7">
      <c r="A28" s="3" t="s">
        <v>114</v>
      </c>
      <c r="B28" s="5">
        <v>3964.761</v>
      </c>
      <c r="C28" s="80">
        <v>797.37099999999998</v>
      </c>
      <c r="D28" s="80">
        <v>4.9720000000000004</v>
      </c>
      <c r="E28" s="4">
        <v>0</v>
      </c>
      <c r="F28" s="83">
        <v>2393.94013</v>
      </c>
      <c r="G28" s="83">
        <v>5535.58187</v>
      </c>
    </row>
    <row r="29" spans="1:7">
      <c r="A29" s="3" t="s">
        <v>131</v>
      </c>
      <c r="B29" s="80">
        <v>2.9770000000000001E-2</v>
      </c>
      <c r="C29" s="80">
        <v>1.2E-2</v>
      </c>
      <c r="D29" s="80">
        <v>2.4929999999999999</v>
      </c>
      <c r="E29" s="4">
        <v>1.37E-2</v>
      </c>
      <c r="F29" s="83">
        <v>6.13E-3</v>
      </c>
      <c r="G29" s="83">
        <v>5.3409999999999999E-2</v>
      </c>
    </row>
    <row r="30" spans="1:7">
      <c r="A30" s="3" t="s">
        <v>113</v>
      </c>
      <c r="B30" s="5">
        <v>10063.058999999999</v>
      </c>
      <c r="C30" s="80">
        <v>2730.1579999999999</v>
      </c>
      <c r="D30" s="80">
        <v>3.6859999999999999</v>
      </c>
      <c r="E30" s="4">
        <v>2.9999999999999997E-4</v>
      </c>
      <c r="F30" s="83">
        <v>4684.6477399999994</v>
      </c>
      <c r="G30" s="83">
        <v>15441.470259999998</v>
      </c>
    </row>
    <row r="31" spans="1:7">
      <c r="A31" s="3" t="s">
        <v>112</v>
      </c>
      <c r="B31" s="5">
        <v>7326.7849999999999</v>
      </c>
      <c r="C31" s="80">
        <v>2505.768</v>
      </c>
      <c r="D31" s="80">
        <v>2.9239999999999999</v>
      </c>
      <c r="E31" s="4">
        <v>4.0000000000000001E-3</v>
      </c>
      <c r="F31" s="83">
        <v>2390.4220399999995</v>
      </c>
      <c r="G31" s="83">
        <v>12263.14796</v>
      </c>
    </row>
    <row r="32" spans="1:7">
      <c r="A32" s="3" t="s">
        <v>116</v>
      </c>
      <c r="B32" s="5">
        <v>-5719.808</v>
      </c>
      <c r="C32" s="80">
        <v>2490.6480000000001</v>
      </c>
      <c r="D32" s="80">
        <v>-2.2970000000000002</v>
      </c>
      <c r="E32" s="4">
        <v>2.29E-2</v>
      </c>
      <c r="F32" s="83">
        <v>-10626.38456</v>
      </c>
      <c r="G32" s="83">
        <v>-813.23143999999957</v>
      </c>
    </row>
    <row r="33" spans="1:8" ht="14.4" thickBot="1">
      <c r="A33" s="6" t="s">
        <v>117</v>
      </c>
      <c r="B33" s="81">
        <v>2496.451</v>
      </c>
      <c r="C33" s="81">
        <v>744.69799999999998</v>
      </c>
      <c r="D33" s="81">
        <v>3.3519999999999999</v>
      </c>
      <c r="E33" s="17">
        <v>1E-3</v>
      </c>
      <c r="F33" s="84">
        <v>1029.3959400000001</v>
      </c>
      <c r="G33" s="84">
        <v>3963.5060599999997</v>
      </c>
    </row>
    <row r="38" spans="1:8">
      <c r="A38" s="3"/>
    </row>
    <row r="40" spans="1:8">
      <c r="A40" t="s">
        <v>38</v>
      </c>
    </row>
    <row r="41" spans="1:8" ht="14.4" thickBot="1"/>
    <row r="42" spans="1:8">
      <c r="A42" s="9" t="s">
        <v>39</v>
      </c>
      <c r="B42" s="18" t="s">
        <v>43</v>
      </c>
      <c r="C42" s="18" t="s">
        <v>40</v>
      </c>
      <c r="D42" s="18" t="s">
        <v>41</v>
      </c>
      <c r="E42" s="19"/>
    </row>
    <row r="43" spans="1:8">
      <c r="A43" s="20">
        <v>35186</v>
      </c>
      <c r="B43" s="21">
        <v>35842</v>
      </c>
      <c r="C43" s="22">
        <v>36041.131999999998</v>
      </c>
      <c r="D43" s="22">
        <v>-199.13199999999779</v>
      </c>
      <c r="E43" s="19"/>
      <c r="F43" s="24"/>
      <c r="G43" s="24"/>
      <c r="H43" s="24"/>
    </row>
    <row r="44" spans="1:8">
      <c r="A44" s="20">
        <v>35217</v>
      </c>
      <c r="B44" s="21">
        <v>15000.333000000001</v>
      </c>
      <c r="C44" s="22">
        <v>14925.128000000001</v>
      </c>
      <c r="D44" s="22">
        <v>75.204999999999927</v>
      </c>
      <c r="E44" s="19"/>
      <c r="F44" s="24"/>
      <c r="G44" s="24"/>
      <c r="H44" s="24"/>
    </row>
    <row r="45" spans="1:8">
      <c r="A45" s="20">
        <v>35247</v>
      </c>
      <c r="B45" s="21">
        <v>15000.333000000001</v>
      </c>
      <c r="C45" s="22">
        <v>14921.258</v>
      </c>
      <c r="D45" s="22">
        <v>79.075000000000728</v>
      </c>
      <c r="E45" s="19"/>
      <c r="F45" s="24"/>
      <c r="G45" s="24"/>
      <c r="H45" s="24"/>
    </row>
    <row r="46" spans="1:8">
      <c r="A46" s="20">
        <v>35278</v>
      </c>
      <c r="B46" s="21">
        <v>15000.333000000001</v>
      </c>
      <c r="C46" s="22">
        <v>14930.01</v>
      </c>
      <c r="D46" s="22">
        <v>70.32300000000032</v>
      </c>
      <c r="E46" s="19"/>
      <c r="F46" s="24"/>
      <c r="G46" s="24"/>
      <c r="H46" s="24"/>
    </row>
    <row r="47" spans="1:8">
      <c r="A47" s="20">
        <v>35309</v>
      </c>
      <c r="B47" s="21">
        <v>21096</v>
      </c>
      <c r="C47" s="22">
        <v>18929.453000000001</v>
      </c>
      <c r="D47" s="22">
        <v>2166.5469999999987</v>
      </c>
      <c r="E47" s="19"/>
      <c r="F47" s="24"/>
      <c r="G47" s="24"/>
      <c r="H47" s="24"/>
    </row>
    <row r="48" spans="1:8">
      <c r="A48" s="20">
        <v>35339</v>
      </c>
      <c r="B48" s="21">
        <v>46155</v>
      </c>
      <c r="C48" s="22">
        <v>39043.000999999997</v>
      </c>
      <c r="D48" s="22">
        <v>7111.9990000000034</v>
      </c>
      <c r="E48" s="19"/>
      <c r="F48" s="24"/>
      <c r="G48" s="24"/>
      <c r="H48" s="24"/>
    </row>
    <row r="49" spans="1:8">
      <c r="A49" s="20">
        <v>35370</v>
      </c>
      <c r="B49" s="21">
        <v>74472</v>
      </c>
      <c r="C49" s="22">
        <v>77375.145000000004</v>
      </c>
      <c r="D49" s="22">
        <v>-2903.1450000000041</v>
      </c>
      <c r="E49" s="19"/>
      <c r="F49" s="24"/>
      <c r="G49" s="24"/>
      <c r="H49" s="24"/>
    </row>
    <row r="50" spans="1:8">
      <c r="A50" s="20">
        <v>35400</v>
      </c>
      <c r="B50" s="21">
        <v>86149</v>
      </c>
      <c r="C50" s="22">
        <v>97922.487999999998</v>
      </c>
      <c r="D50" s="22">
        <v>-11773.487999999998</v>
      </c>
      <c r="E50" s="19"/>
      <c r="F50" s="24"/>
      <c r="G50" s="24"/>
      <c r="H50" s="24"/>
    </row>
    <row r="51" spans="1:8">
      <c r="A51" s="20">
        <v>35431</v>
      </c>
      <c r="B51" s="21">
        <v>131775.9</v>
      </c>
      <c r="C51" s="22">
        <v>135127.098</v>
      </c>
      <c r="D51" s="22">
        <v>-3351.198000000004</v>
      </c>
      <c r="E51" s="19"/>
      <c r="F51" s="24"/>
      <c r="G51" s="24"/>
      <c r="H51" s="24"/>
    </row>
    <row r="52" spans="1:8" ht="14.4" thickBot="1">
      <c r="A52" s="20">
        <v>35462</v>
      </c>
      <c r="B52" s="21">
        <v>102056.3</v>
      </c>
      <c r="C52" s="22">
        <v>104394.59699999999</v>
      </c>
      <c r="D52" s="22">
        <v>-2338.2969999999914</v>
      </c>
      <c r="E52" s="19"/>
      <c r="F52" s="1" t="s">
        <v>42</v>
      </c>
    </row>
    <row r="53" spans="1:8">
      <c r="A53" s="20">
        <v>35490</v>
      </c>
      <c r="B53" s="21">
        <v>92754.5</v>
      </c>
      <c r="C53" s="22">
        <v>95498.62</v>
      </c>
      <c r="D53" s="22">
        <v>-2744.1199999999953</v>
      </c>
      <c r="E53" s="19"/>
      <c r="F53" s="23" t="s">
        <v>43</v>
      </c>
      <c r="G53" s="23" t="s">
        <v>40</v>
      </c>
      <c r="H53" s="23" t="s">
        <v>41</v>
      </c>
    </row>
    <row r="54" spans="1:8">
      <c r="A54" s="20">
        <v>35521</v>
      </c>
      <c r="B54" s="21">
        <v>56617.8</v>
      </c>
      <c r="C54" s="22">
        <v>58069.309000000001</v>
      </c>
      <c r="D54" s="22">
        <v>-1451.5089999999982</v>
      </c>
      <c r="E54" s="19"/>
      <c r="F54" s="24">
        <v>691919.49900000007</v>
      </c>
      <c r="G54" s="24">
        <v>707177.23899999994</v>
      </c>
      <c r="H54" s="24">
        <v>-15257.739999999874</v>
      </c>
    </row>
    <row r="55" spans="1:8">
      <c r="A55" s="20">
        <v>35551</v>
      </c>
      <c r="B55" s="21">
        <v>40715.800000000003</v>
      </c>
      <c r="C55" s="22">
        <v>39804.421999999999</v>
      </c>
      <c r="D55" s="22">
        <v>911.37800000000425</v>
      </c>
      <c r="E55" s="19"/>
      <c r="F55" s="24">
        <v>696793.29900000012</v>
      </c>
      <c r="G55" s="24">
        <v>710940.52899999998</v>
      </c>
      <c r="H55" s="24">
        <v>-14147.229999999865</v>
      </c>
    </row>
    <row r="56" spans="1:8">
      <c r="A56" s="20">
        <v>35582</v>
      </c>
      <c r="B56" s="21">
        <v>15258.633</v>
      </c>
      <c r="C56" s="22">
        <v>15222.651</v>
      </c>
      <c r="D56" s="22">
        <v>35.981999999999971</v>
      </c>
      <c r="E56" s="19"/>
      <c r="F56" s="24">
        <v>697051.59900000005</v>
      </c>
      <c r="G56" s="24">
        <v>711238.05200000003</v>
      </c>
      <c r="H56" s="24">
        <v>-14186.45299999998</v>
      </c>
    </row>
    <row r="57" spans="1:8">
      <c r="A57" s="20">
        <v>35612</v>
      </c>
      <c r="B57" s="21">
        <v>15258.633</v>
      </c>
      <c r="C57" s="22">
        <v>15210.415999999999</v>
      </c>
      <c r="D57" s="22">
        <v>48.217000000000553</v>
      </c>
      <c r="E57" s="19"/>
      <c r="F57" s="24">
        <v>697309.89900000021</v>
      </c>
      <c r="G57" s="24">
        <v>711527.21</v>
      </c>
      <c r="H57" s="24">
        <v>-14217.310999999754</v>
      </c>
    </row>
    <row r="58" spans="1:8">
      <c r="A58" s="20">
        <v>35643</v>
      </c>
      <c r="B58" s="21">
        <v>15258.633</v>
      </c>
      <c r="C58" s="22">
        <v>15220.18</v>
      </c>
      <c r="D58" s="22">
        <v>38.45299999999952</v>
      </c>
      <c r="E58" s="19"/>
      <c r="F58" s="24">
        <v>697568.19900000014</v>
      </c>
      <c r="G58" s="24">
        <v>711817.38</v>
      </c>
      <c r="H58" s="24">
        <v>-14249.180999999866</v>
      </c>
    </row>
    <row r="59" spans="1:8">
      <c r="A59" s="20">
        <v>35674</v>
      </c>
      <c r="B59" s="21">
        <v>23375.8</v>
      </c>
      <c r="C59" s="22">
        <v>18745.574000000001</v>
      </c>
      <c r="D59" s="22">
        <v>4630.2259999999987</v>
      </c>
      <c r="E59" s="19"/>
      <c r="F59" s="24">
        <v>699847.99900000019</v>
      </c>
      <c r="G59" s="24">
        <v>711633.50100000005</v>
      </c>
      <c r="H59" s="24">
        <v>-11785.501999999862</v>
      </c>
    </row>
    <row r="60" spans="1:8">
      <c r="A60" s="20">
        <v>35704</v>
      </c>
      <c r="B60" s="21">
        <v>44528</v>
      </c>
      <c r="C60" s="22">
        <v>39112.254999999997</v>
      </c>
      <c r="D60" s="22">
        <v>5415.7450000000026</v>
      </c>
      <c r="E60" s="19"/>
      <c r="F60" s="24">
        <v>698220.99900000019</v>
      </c>
      <c r="G60" s="24">
        <v>711702.755</v>
      </c>
      <c r="H60" s="24">
        <v>-13481.755999999819</v>
      </c>
    </row>
    <row r="61" spans="1:8">
      <c r="A61" s="20">
        <v>35735</v>
      </c>
      <c r="B61" s="21">
        <v>70390</v>
      </c>
      <c r="C61" s="22">
        <v>73677.832999999999</v>
      </c>
      <c r="D61" s="22">
        <v>-3287.8329999999987</v>
      </c>
      <c r="E61" s="19"/>
      <c r="F61" s="24">
        <v>694138.99900000007</v>
      </c>
      <c r="G61" s="24">
        <v>708005.44299999997</v>
      </c>
      <c r="H61" s="24">
        <v>-13866.443999999901</v>
      </c>
    </row>
    <row r="62" spans="1:8">
      <c r="A62" s="20">
        <v>35765</v>
      </c>
      <c r="B62" s="21">
        <v>84838</v>
      </c>
      <c r="C62" s="22">
        <v>96152.222999999998</v>
      </c>
      <c r="D62" s="22">
        <v>-11314.222999999998</v>
      </c>
      <c r="E62" s="19"/>
      <c r="F62" s="24">
        <v>692827.99899999984</v>
      </c>
      <c r="G62" s="24">
        <v>706235.17800000007</v>
      </c>
      <c r="H62" s="24">
        <v>-13407.179000000237</v>
      </c>
    </row>
    <row r="63" spans="1:8">
      <c r="A63" s="20">
        <v>35796</v>
      </c>
      <c r="B63" s="21">
        <v>110622</v>
      </c>
      <c r="C63" s="22">
        <v>118631.095</v>
      </c>
      <c r="D63" s="22">
        <v>-8009.0950000000012</v>
      </c>
      <c r="E63" s="19"/>
      <c r="F63" s="24">
        <v>671674.09899999993</v>
      </c>
      <c r="G63" s="24">
        <v>689739.17500000005</v>
      </c>
      <c r="H63" s="24">
        <v>-18065.076000000117</v>
      </c>
    </row>
    <row r="64" spans="1:8">
      <c r="A64" s="20">
        <v>35827</v>
      </c>
      <c r="B64" s="21">
        <v>89188</v>
      </c>
      <c r="C64" s="22">
        <v>82991.607000000004</v>
      </c>
      <c r="D64" s="22">
        <v>6196.3929999999964</v>
      </c>
      <c r="E64" s="19"/>
      <c r="F64" s="24">
        <v>658805.799</v>
      </c>
      <c r="G64" s="24">
        <v>668336.18499999994</v>
      </c>
      <c r="H64" s="24">
        <v>-9530.3859999999404</v>
      </c>
    </row>
    <row r="65" spans="1:8">
      <c r="A65" s="20">
        <v>35855</v>
      </c>
      <c r="B65" s="21">
        <v>83379</v>
      </c>
      <c r="C65" s="22">
        <v>82963.012000000002</v>
      </c>
      <c r="D65" s="22">
        <v>415.98799999999756</v>
      </c>
      <c r="E65" s="19"/>
      <c r="F65" s="24">
        <v>649430.299</v>
      </c>
      <c r="G65" s="24">
        <v>655800.57699999993</v>
      </c>
      <c r="H65" s="24">
        <v>-6370.2779999999329</v>
      </c>
    </row>
    <row r="66" spans="1:8">
      <c r="A66" s="20">
        <v>35886</v>
      </c>
      <c r="B66" s="21">
        <v>44822.7</v>
      </c>
      <c r="C66" s="22">
        <v>48038.358</v>
      </c>
      <c r="D66" s="22">
        <v>-3215.6580000000031</v>
      </c>
      <c r="E66" s="19"/>
      <c r="F66" s="24">
        <v>637635.19900000002</v>
      </c>
      <c r="G66" s="24">
        <v>645769.62600000005</v>
      </c>
      <c r="H66" s="24">
        <v>-8134.4270000000251</v>
      </c>
    </row>
    <row r="67" spans="1:8">
      <c r="A67" s="20">
        <v>35916</v>
      </c>
      <c r="B67" s="21">
        <v>23306.400000000001</v>
      </c>
      <c r="C67" s="22">
        <v>24302.227999999999</v>
      </c>
      <c r="D67" s="22">
        <v>-995.8279999999977</v>
      </c>
      <c r="E67" s="19"/>
      <c r="F67" s="24">
        <v>620225.799</v>
      </c>
      <c r="G67" s="24">
        <v>630267.43200000003</v>
      </c>
      <c r="H67" s="24">
        <v>-10041.633000000031</v>
      </c>
    </row>
    <row r="68" spans="1:8">
      <c r="A68" s="20">
        <v>35947</v>
      </c>
      <c r="B68" s="21">
        <v>13341.633</v>
      </c>
      <c r="C68" s="22">
        <v>15435.835999999999</v>
      </c>
      <c r="D68" s="22">
        <v>-2094.2029999999995</v>
      </c>
      <c r="E68" s="19"/>
      <c r="F68" s="24">
        <v>618308.799</v>
      </c>
      <c r="G68" s="24">
        <v>630480.61700000009</v>
      </c>
      <c r="H68" s="24">
        <v>-12171.818000000087</v>
      </c>
    </row>
    <row r="69" spans="1:8">
      <c r="A69" s="20">
        <v>35977</v>
      </c>
      <c r="B69" s="21">
        <v>13341.633</v>
      </c>
      <c r="C69" s="22">
        <v>15424.522999999999</v>
      </c>
      <c r="D69" s="22">
        <v>-2082.8899999999994</v>
      </c>
      <c r="E69" s="19"/>
      <c r="F69" s="24">
        <v>616391.799</v>
      </c>
      <c r="G69" s="24">
        <v>630694.72400000016</v>
      </c>
      <c r="H69" s="24">
        <v>-14302.925000000163</v>
      </c>
    </row>
    <row r="70" spans="1:8">
      <c r="A70" s="20">
        <v>36008</v>
      </c>
      <c r="B70" s="21">
        <v>13341.633</v>
      </c>
      <c r="C70" s="22">
        <v>15440.808000000001</v>
      </c>
      <c r="D70" s="22">
        <v>-2099.1750000000011</v>
      </c>
      <c r="E70" s="19"/>
      <c r="F70" s="24">
        <v>614474.79900000012</v>
      </c>
      <c r="G70" s="24">
        <v>630915.35199999996</v>
      </c>
      <c r="H70" s="24">
        <v>-16440.55299999984</v>
      </c>
    </row>
    <row r="71" spans="1:8">
      <c r="A71" s="20">
        <v>36039</v>
      </c>
      <c r="B71" s="21">
        <v>20537</v>
      </c>
      <c r="C71" s="22">
        <v>19468.085999999999</v>
      </c>
      <c r="D71" s="22">
        <v>1068.9140000000007</v>
      </c>
      <c r="E71" s="19"/>
      <c r="F71" s="24">
        <v>611635.99900000007</v>
      </c>
      <c r="G71" s="24">
        <v>631637.86399999994</v>
      </c>
      <c r="H71" s="24">
        <v>-20001.864999999874</v>
      </c>
    </row>
    <row r="72" spans="1:8">
      <c r="A72" s="20">
        <v>36069</v>
      </c>
      <c r="B72" s="21">
        <v>24547.131000000001</v>
      </c>
      <c r="C72" s="22">
        <v>36741.353999999999</v>
      </c>
      <c r="D72" s="22">
        <v>-12194.222999999998</v>
      </c>
      <c r="E72" s="19"/>
      <c r="F72" s="24">
        <v>591655.13000000012</v>
      </c>
      <c r="G72" s="24">
        <v>629266.96299999999</v>
      </c>
      <c r="H72" s="24">
        <v>-37611.832999999868</v>
      </c>
    </row>
    <row r="73" spans="1:8">
      <c r="A73" s="20">
        <v>36100</v>
      </c>
      <c r="B73" s="21">
        <v>65298.796000000002</v>
      </c>
      <c r="C73" s="22">
        <v>66021.172999999995</v>
      </c>
      <c r="D73" s="22">
        <v>-722.37699999999313</v>
      </c>
      <c r="E73" s="19"/>
      <c r="F73" s="24">
        <v>586563.92599999998</v>
      </c>
      <c r="G73" s="24">
        <v>621610.30299999996</v>
      </c>
      <c r="H73" s="24">
        <v>-35046.376999999979</v>
      </c>
    </row>
    <row r="74" spans="1:8">
      <c r="A74" s="20">
        <v>36130</v>
      </c>
      <c r="B74" s="21">
        <v>90642.812000000005</v>
      </c>
      <c r="C74" s="22">
        <v>95100.459000000003</v>
      </c>
      <c r="D74" s="22">
        <v>-4457.6469999999972</v>
      </c>
      <c r="E74" s="19"/>
      <c r="F74" s="24">
        <v>592368.73800000001</v>
      </c>
      <c r="G74" s="24">
        <v>620558.53899999999</v>
      </c>
      <c r="H74" s="24">
        <v>-28189.800999999978</v>
      </c>
    </row>
    <row r="75" spans="1:8">
      <c r="A75" s="20">
        <v>36161</v>
      </c>
      <c r="B75" s="21">
        <v>116082.06600000001</v>
      </c>
      <c r="C75" s="22">
        <v>131744.144</v>
      </c>
      <c r="D75" s="22">
        <v>-15662.077999999994</v>
      </c>
      <c r="E75" s="19"/>
      <c r="F75" s="24">
        <v>597828.804</v>
      </c>
      <c r="G75" s="24">
        <v>633671.58799999999</v>
      </c>
      <c r="H75" s="24">
        <v>-35842.783999999985</v>
      </c>
    </row>
    <row r="76" spans="1:8">
      <c r="A76" s="20">
        <v>36192</v>
      </c>
      <c r="B76" s="21">
        <v>90243.548999999999</v>
      </c>
      <c r="C76" s="22">
        <v>91972.664999999994</v>
      </c>
      <c r="D76" s="22">
        <v>-1729.1159999999945</v>
      </c>
      <c r="E76" s="19"/>
      <c r="F76" s="24">
        <v>598884.353</v>
      </c>
      <c r="G76" s="24">
        <v>642652.64599999995</v>
      </c>
      <c r="H76" s="24">
        <v>-43768.292999999947</v>
      </c>
    </row>
    <row r="77" spans="1:8">
      <c r="A77" s="20">
        <v>36220</v>
      </c>
      <c r="B77" s="21">
        <v>90071.323000000004</v>
      </c>
      <c r="C77" s="22">
        <v>86449.638000000006</v>
      </c>
      <c r="D77" s="22">
        <v>3621.6849999999977</v>
      </c>
      <c r="E77" s="19"/>
      <c r="F77" s="24">
        <v>605576.67599999998</v>
      </c>
      <c r="G77" s="24">
        <v>646139.272</v>
      </c>
      <c r="H77" s="24">
        <v>-40562.59600000002</v>
      </c>
    </row>
    <row r="78" spans="1:8">
      <c r="A78" s="20">
        <v>36251</v>
      </c>
      <c r="B78" s="21">
        <v>59033.017</v>
      </c>
      <c r="C78" s="22">
        <v>50348.889000000003</v>
      </c>
      <c r="D78" s="22">
        <v>8684.127999999997</v>
      </c>
      <c r="E78" s="19"/>
      <c r="F78" s="24">
        <v>619786.99300000002</v>
      </c>
      <c r="G78" s="24">
        <v>648449.80299999984</v>
      </c>
      <c r="H78" s="24">
        <v>-28662.809999999823</v>
      </c>
    </row>
    <row r="79" spans="1:8">
      <c r="A79" s="20">
        <v>36281</v>
      </c>
      <c r="B79" s="21">
        <v>31817.194</v>
      </c>
      <c r="C79" s="22">
        <v>26487.55</v>
      </c>
      <c r="D79" s="22">
        <v>5329.6440000000002</v>
      </c>
      <c r="E79" s="19"/>
      <c r="F79" s="24">
        <v>628297.78700000001</v>
      </c>
      <c r="G79" s="24">
        <v>650635.12499999988</v>
      </c>
      <c r="H79" s="24">
        <v>-22337.337999999872</v>
      </c>
    </row>
    <row r="80" spans="1:8">
      <c r="A80" s="20">
        <v>36312</v>
      </c>
      <c r="B80" s="21">
        <v>15761.406999999999</v>
      </c>
      <c r="C80" s="22">
        <v>15686.055</v>
      </c>
      <c r="D80" s="22">
        <v>75.351999999998952</v>
      </c>
      <c r="E80" s="19"/>
      <c r="F80" s="24">
        <v>630717.56099999999</v>
      </c>
      <c r="G80" s="24">
        <v>650885.34400000004</v>
      </c>
      <c r="H80" s="24">
        <v>-20167.783000000054</v>
      </c>
    </row>
    <row r="81" spans="1:8">
      <c r="A81" s="20">
        <v>36342</v>
      </c>
      <c r="B81" s="21">
        <v>15761.406999999999</v>
      </c>
      <c r="C81" s="22">
        <v>15681.56</v>
      </c>
      <c r="D81" s="22">
        <v>79.846999999999753</v>
      </c>
      <c r="E81" s="19"/>
      <c r="F81" s="24">
        <v>633137.33500000008</v>
      </c>
      <c r="G81" s="24">
        <v>651142.38100000005</v>
      </c>
      <c r="H81" s="24">
        <v>-18005.045999999973</v>
      </c>
    </row>
    <row r="82" spans="1:8">
      <c r="A82" s="20">
        <v>36373</v>
      </c>
      <c r="B82" s="21">
        <v>15761.406999999999</v>
      </c>
      <c r="C82" s="22">
        <v>15683.584000000001</v>
      </c>
      <c r="D82" s="22">
        <v>77.822999999998501</v>
      </c>
      <c r="E82" s="19"/>
      <c r="F82" s="24">
        <v>635557.10900000005</v>
      </c>
      <c r="G82" s="24">
        <v>651385.15700000012</v>
      </c>
      <c r="H82" s="24">
        <v>-15828.048000000068</v>
      </c>
    </row>
    <row r="83" spans="1:8">
      <c r="A83" s="20">
        <v>36404</v>
      </c>
      <c r="B83" s="21">
        <v>20339.965</v>
      </c>
      <c r="C83" s="22">
        <v>19662.039000000001</v>
      </c>
      <c r="D83" s="22">
        <v>677.92599999999948</v>
      </c>
      <c r="E83" s="19"/>
      <c r="F83" s="24">
        <v>635360.07400000002</v>
      </c>
      <c r="G83" s="24">
        <v>651579.1100000001</v>
      </c>
      <c r="H83" s="24">
        <v>-16219.03600000008</v>
      </c>
    </row>
    <row r="84" spans="1:8">
      <c r="A84" s="20">
        <v>36434</v>
      </c>
      <c r="B84" s="21">
        <v>42804.616999999998</v>
      </c>
      <c r="C84" s="22">
        <v>41397.535000000003</v>
      </c>
      <c r="D84" s="22">
        <v>1407.0819999999949</v>
      </c>
      <c r="E84" s="19"/>
      <c r="F84" s="24">
        <v>653617.55999999994</v>
      </c>
      <c r="G84" s="24">
        <v>656235.29100000008</v>
      </c>
      <c r="H84" s="24">
        <v>-2617.7310000001453</v>
      </c>
    </row>
    <row r="85" spans="1:8">
      <c r="A85" s="20">
        <v>36465</v>
      </c>
      <c r="B85" s="21">
        <v>64970.483999999997</v>
      </c>
      <c r="C85" s="22">
        <v>62572.159</v>
      </c>
      <c r="D85" s="22">
        <v>2398.3249999999971</v>
      </c>
      <c r="E85" s="19"/>
      <c r="F85" s="24">
        <v>653289.24799999991</v>
      </c>
      <c r="G85" s="24">
        <v>652786.277</v>
      </c>
      <c r="H85" s="24">
        <v>502.97099999990314</v>
      </c>
    </row>
    <row r="86" spans="1:8">
      <c r="A86" s="20">
        <v>36495</v>
      </c>
      <c r="B86" s="21">
        <v>82706.123000000007</v>
      </c>
      <c r="C86" s="22">
        <v>96446.028999999995</v>
      </c>
      <c r="D86" s="22">
        <v>-13739.905999999988</v>
      </c>
      <c r="E86" s="19"/>
      <c r="F86" s="24">
        <v>645352.55900000001</v>
      </c>
      <c r="G86" s="24">
        <v>654131.84699999995</v>
      </c>
      <c r="H86" s="24">
        <v>-8779.2879999999423</v>
      </c>
    </row>
    <row r="87" spans="1:8">
      <c r="A87" s="20">
        <v>36526</v>
      </c>
      <c r="B87" s="21">
        <v>122549.951</v>
      </c>
      <c r="C87" s="22">
        <v>129294.586</v>
      </c>
      <c r="D87" s="22">
        <v>-6744.6349999999948</v>
      </c>
      <c r="E87" s="19"/>
      <c r="F87" s="24">
        <v>651820.44400000002</v>
      </c>
      <c r="G87" s="24">
        <v>651682.28899999999</v>
      </c>
      <c r="H87" s="24">
        <v>138.15500000002794</v>
      </c>
    </row>
    <row r="88" spans="1:8">
      <c r="A88" s="20">
        <v>36557</v>
      </c>
      <c r="B88" s="21">
        <v>105743.951</v>
      </c>
      <c r="C88" s="22">
        <v>96634.767000000007</v>
      </c>
      <c r="D88" s="22">
        <v>9109.1839999999938</v>
      </c>
      <c r="E88" s="19"/>
      <c r="F88" s="24">
        <v>667320.84600000002</v>
      </c>
      <c r="G88" s="24">
        <v>656344.39099999995</v>
      </c>
      <c r="H88" s="24">
        <v>10976.455000000075</v>
      </c>
    </row>
    <row r="89" spans="1:8">
      <c r="A89" s="20">
        <v>36586</v>
      </c>
      <c r="B89" s="21">
        <v>66317.563999999998</v>
      </c>
      <c r="C89" s="22">
        <v>73804.188999999998</v>
      </c>
      <c r="D89" s="22">
        <v>-7486.625</v>
      </c>
      <c r="E89" s="19"/>
      <c r="F89" s="24">
        <v>643567.08700000006</v>
      </c>
      <c r="G89" s="24">
        <v>643698.94200000004</v>
      </c>
      <c r="H89" s="24">
        <v>-131.85499999998137</v>
      </c>
    </row>
    <row r="90" spans="1:8">
      <c r="A90" s="20">
        <v>36617</v>
      </c>
      <c r="B90" s="21">
        <v>61473.817000000003</v>
      </c>
      <c r="C90" s="22">
        <v>56048.58</v>
      </c>
      <c r="D90" s="22">
        <v>5425.237000000001</v>
      </c>
      <c r="E90" s="19"/>
      <c r="F90" s="24">
        <v>646007.88699999999</v>
      </c>
      <c r="G90" s="24">
        <v>649398.63299999991</v>
      </c>
      <c r="H90" s="24">
        <v>-3390.7459999999264</v>
      </c>
    </row>
    <row r="91" spans="1:8">
      <c r="A91" s="20">
        <v>36647</v>
      </c>
      <c r="B91" s="21">
        <v>54852.959000000003</v>
      </c>
      <c r="C91" s="22">
        <v>30356.363000000001</v>
      </c>
      <c r="D91" s="22">
        <v>24496.596000000001</v>
      </c>
      <c r="E91" s="19"/>
      <c r="F91" s="24">
        <v>669043.65200000012</v>
      </c>
      <c r="G91" s="24">
        <v>653267.446</v>
      </c>
      <c r="H91" s="24">
        <v>15776.206000000122</v>
      </c>
    </row>
    <row r="92" spans="1:8">
      <c r="A92" s="20">
        <v>36678</v>
      </c>
      <c r="B92" s="21">
        <v>16746.129000000001</v>
      </c>
      <c r="C92" s="22">
        <v>15822.76</v>
      </c>
      <c r="D92" s="22">
        <v>923.3690000000006</v>
      </c>
      <c r="E92" s="19"/>
      <c r="F92" s="24">
        <v>670028.37400000007</v>
      </c>
      <c r="G92" s="24">
        <v>653404.15099999995</v>
      </c>
      <c r="H92" s="24">
        <v>16624.223000000115</v>
      </c>
    </row>
    <row r="93" spans="1:8">
      <c r="A93" s="20">
        <v>36708</v>
      </c>
      <c r="B93" s="21">
        <v>16746.129000000001</v>
      </c>
      <c r="C93" s="22">
        <v>15878.281000000001</v>
      </c>
      <c r="D93" s="22">
        <v>867.84799999999996</v>
      </c>
      <c r="E93" s="19"/>
      <c r="F93" s="24">
        <v>671013.09600000002</v>
      </c>
      <c r="G93" s="24">
        <v>653600.87199999986</v>
      </c>
      <c r="H93" s="24">
        <v>17412.224000000162</v>
      </c>
    </row>
    <row r="94" spans="1:8">
      <c r="A94" s="20">
        <v>36739</v>
      </c>
      <c r="B94" s="21">
        <v>16746.129000000001</v>
      </c>
      <c r="C94" s="22">
        <v>15879.531999999999</v>
      </c>
      <c r="D94" s="22">
        <v>866.59700000000157</v>
      </c>
      <c r="E94" s="19"/>
      <c r="F94" s="24">
        <v>671997.81799999997</v>
      </c>
      <c r="G94" s="24">
        <v>653796.81999999995</v>
      </c>
      <c r="H94" s="24">
        <v>18200.998000000021</v>
      </c>
    </row>
    <row r="95" spans="1:8">
      <c r="A95" s="20">
        <v>36770</v>
      </c>
      <c r="B95" s="21">
        <v>35174.156999999999</v>
      </c>
      <c r="C95" s="22">
        <v>20337.715</v>
      </c>
      <c r="D95" s="22">
        <v>14836.441999999999</v>
      </c>
      <c r="E95" s="19"/>
      <c r="F95" s="24">
        <v>686832.00999999989</v>
      </c>
      <c r="G95" s="24">
        <v>654472.49599999993</v>
      </c>
      <c r="H95" s="24">
        <v>32359.513999999966</v>
      </c>
    </row>
    <row r="96" spans="1:8">
      <c r="A96" s="20">
        <v>36800</v>
      </c>
      <c r="B96" s="21">
        <v>28849.941999999999</v>
      </c>
      <c r="C96" s="22">
        <v>37276.404999999999</v>
      </c>
      <c r="D96" s="22">
        <v>-8426.4629999999997</v>
      </c>
      <c r="E96" s="19"/>
      <c r="F96" s="24">
        <v>672877.33499999996</v>
      </c>
      <c r="G96" s="24">
        <v>650351.36599999992</v>
      </c>
      <c r="H96" s="24">
        <v>22525.969000000041</v>
      </c>
    </row>
    <row r="97" spans="1:8">
      <c r="A97" s="20">
        <v>36831</v>
      </c>
      <c r="B97" s="21">
        <v>72242.926000000007</v>
      </c>
      <c r="C97" s="22">
        <v>67908.528000000006</v>
      </c>
      <c r="D97" s="22">
        <v>4334.398000000001</v>
      </c>
      <c r="E97" s="19"/>
      <c r="F97" s="24">
        <v>680149.777</v>
      </c>
      <c r="G97" s="24">
        <v>655687.7350000001</v>
      </c>
      <c r="H97" s="24">
        <v>24462.041999999899</v>
      </c>
    </row>
    <row r="98" spans="1:8">
      <c r="A98" s="20">
        <v>36861</v>
      </c>
      <c r="B98" s="21">
        <v>117048.356</v>
      </c>
      <c r="C98" s="22">
        <v>119680.67200000001</v>
      </c>
      <c r="D98" s="22">
        <v>-2632.3160000000062</v>
      </c>
      <c r="E98" s="19"/>
      <c r="F98" s="24">
        <v>714492.01</v>
      </c>
      <c r="G98" s="24">
        <v>678922.37800000014</v>
      </c>
      <c r="H98" s="24">
        <v>35569.631999999867</v>
      </c>
    </row>
    <row r="99" spans="1:8">
      <c r="A99" s="20">
        <v>36892</v>
      </c>
      <c r="B99" s="21">
        <v>114646.995</v>
      </c>
      <c r="C99" s="22">
        <v>115776.777</v>
      </c>
      <c r="D99" s="22">
        <v>-1129.7820000000065</v>
      </c>
      <c r="E99" s="19"/>
      <c r="F99" s="24">
        <v>706589.05400000012</v>
      </c>
      <c r="G99" s="24">
        <v>665404.56900000002</v>
      </c>
      <c r="H99" s="24">
        <v>41184.485000000102</v>
      </c>
    </row>
    <row r="100" spans="1:8">
      <c r="A100" s="20">
        <v>36923</v>
      </c>
      <c r="B100" s="21">
        <v>106174.02499999999</v>
      </c>
      <c r="C100" s="22">
        <v>104952.41099999999</v>
      </c>
      <c r="D100" s="22">
        <v>1221.6140000000014</v>
      </c>
      <c r="E100" s="19"/>
      <c r="F100" s="24">
        <v>707019.12800000003</v>
      </c>
      <c r="G100" s="24">
        <v>673722.21299999999</v>
      </c>
      <c r="H100" s="24">
        <v>33296.915000000037</v>
      </c>
    </row>
    <row r="101" spans="1:8">
      <c r="A101" s="20">
        <v>36951</v>
      </c>
      <c r="B101" s="21">
        <v>84323.138000000006</v>
      </c>
      <c r="C101" s="22">
        <v>87699.067999999999</v>
      </c>
      <c r="D101" s="22">
        <v>-3375.929999999993</v>
      </c>
      <c r="E101" s="19"/>
      <c r="F101" s="24">
        <v>725024.70200000016</v>
      </c>
      <c r="G101" s="24">
        <v>687617.09199999995</v>
      </c>
      <c r="H101" s="24">
        <v>37407.610000000219</v>
      </c>
    </row>
    <row r="102" spans="1:8">
      <c r="A102" s="20">
        <v>36982</v>
      </c>
      <c r="B102" s="21">
        <v>50759.375999999997</v>
      </c>
      <c r="C102" s="22">
        <v>51813.96</v>
      </c>
      <c r="D102" s="22">
        <v>-1054.5840000000026</v>
      </c>
      <c r="E102" s="19"/>
      <c r="F102" s="24">
        <v>714310.26100000006</v>
      </c>
      <c r="G102" s="24">
        <v>683382.47199999995</v>
      </c>
      <c r="H102" s="24">
        <v>30927.789000000106</v>
      </c>
    </row>
    <row r="103" spans="1:8">
      <c r="A103" s="20">
        <v>37012</v>
      </c>
      <c r="B103" s="21">
        <v>23352.686000000002</v>
      </c>
      <c r="C103" s="22">
        <v>27191.738000000001</v>
      </c>
      <c r="D103" s="22">
        <v>-3839.0519999999997</v>
      </c>
      <c r="E103" s="19"/>
      <c r="F103" s="24">
        <v>682809.98800000013</v>
      </c>
      <c r="G103" s="24">
        <v>680217.84699999995</v>
      </c>
      <c r="H103" s="24">
        <v>2592.1410000001779</v>
      </c>
    </row>
    <row r="104" spans="1:8">
      <c r="A104" s="20">
        <v>37043</v>
      </c>
      <c r="B104" s="21">
        <v>16569.847000000002</v>
      </c>
      <c r="C104" s="22">
        <v>15969.228999999999</v>
      </c>
      <c r="D104" s="22">
        <v>600.61800000000221</v>
      </c>
      <c r="E104" s="19"/>
      <c r="F104" s="24">
        <v>682633.70600000001</v>
      </c>
      <c r="G104" s="24">
        <v>680364.31599999999</v>
      </c>
      <c r="H104" s="24">
        <v>2269.390000000014</v>
      </c>
    </row>
    <row r="105" spans="1:8">
      <c r="A105" s="20">
        <v>37073</v>
      </c>
      <c r="B105" s="21">
        <v>16569.847000000002</v>
      </c>
      <c r="C105" s="22">
        <v>15982.09</v>
      </c>
      <c r="D105" s="22">
        <v>587.75700000000143</v>
      </c>
      <c r="E105" s="19"/>
      <c r="F105" s="24">
        <v>682457.424</v>
      </c>
      <c r="G105" s="24">
        <v>680468.125</v>
      </c>
      <c r="H105" s="24">
        <v>1989.2989999999991</v>
      </c>
    </row>
    <row r="106" spans="1:8">
      <c r="A106" s="20">
        <v>37104</v>
      </c>
      <c r="B106" s="21">
        <v>16569.847000000002</v>
      </c>
      <c r="C106" s="22">
        <v>15972.623</v>
      </c>
      <c r="D106" s="22">
        <v>597.22400000000198</v>
      </c>
      <c r="E106" s="19"/>
      <c r="F106" s="24">
        <v>682281.14199999999</v>
      </c>
      <c r="G106" s="24">
        <v>680561.21600000001</v>
      </c>
      <c r="H106" s="24">
        <v>1719.9259999999776</v>
      </c>
    </row>
    <row r="107" spans="1:8">
      <c r="A107" s="20">
        <v>37135</v>
      </c>
      <c r="B107" s="21">
        <v>29582.226999999999</v>
      </c>
      <c r="C107" s="22">
        <v>29582.226999999999</v>
      </c>
      <c r="D107" s="22">
        <v>0</v>
      </c>
      <c r="E107" s="19"/>
      <c r="F107" s="24">
        <v>676689.21199999982</v>
      </c>
      <c r="G107" s="24">
        <v>689805.72799999989</v>
      </c>
      <c r="H107" s="24">
        <v>-13116.516000000061</v>
      </c>
    </row>
    <row r="108" spans="1:8">
      <c r="A108" s="20">
        <v>37165</v>
      </c>
      <c r="B108" s="21">
        <v>37240.362000000001</v>
      </c>
      <c r="C108" s="22">
        <v>38058.781000000003</v>
      </c>
      <c r="D108" s="22">
        <v>-818.41900000000169</v>
      </c>
      <c r="E108" s="19"/>
      <c r="F108" s="24">
        <v>685079.63199999987</v>
      </c>
      <c r="G108" s="24">
        <v>690588.10399999993</v>
      </c>
      <c r="H108" s="24">
        <v>-5508.4720000000671</v>
      </c>
    </row>
    <row r="109" spans="1:8">
      <c r="A109" s="20">
        <v>37196</v>
      </c>
      <c r="B109" s="21">
        <v>58090.705999999998</v>
      </c>
      <c r="C109" s="22">
        <v>59370.750999999997</v>
      </c>
      <c r="D109" s="22">
        <v>-1280.0449999999983</v>
      </c>
      <c r="E109" s="19"/>
      <c r="F109" s="24">
        <v>670927.41199999978</v>
      </c>
      <c r="G109" s="24">
        <v>682050.32699999993</v>
      </c>
      <c r="H109" s="24">
        <v>-11122.915000000154</v>
      </c>
    </row>
    <row r="110" spans="1:8">
      <c r="A110" s="20">
        <v>37226</v>
      </c>
      <c r="B110" s="21">
        <v>84483.178</v>
      </c>
      <c r="C110" s="22">
        <v>86895.005000000005</v>
      </c>
      <c r="D110" s="22">
        <v>-2411.8270000000048</v>
      </c>
      <c r="E110" s="19"/>
      <c r="F110" s="24">
        <v>638362.23399999994</v>
      </c>
      <c r="G110" s="24">
        <v>649264.66000000015</v>
      </c>
      <c r="H110" s="24">
        <v>-10902.42600000021</v>
      </c>
    </row>
    <row r="111" spans="1:8">
      <c r="A111" s="20">
        <v>37257</v>
      </c>
      <c r="B111" s="21">
        <v>111193.239</v>
      </c>
      <c r="C111" s="22">
        <v>110684.325</v>
      </c>
      <c r="D111" s="22">
        <v>508.91400000000431</v>
      </c>
      <c r="E111" s="19"/>
      <c r="F111" s="24">
        <v>634908.47800000012</v>
      </c>
      <c r="G111" s="24">
        <v>644172.20799999998</v>
      </c>
      <c r="H111" s="24">
        <v>-9263.729999999865</v>
      </c>
    </row>
    <row r="112" spans="1:8">
      <c r="A112" s="20">
        <v>37288</v>
      </c>
      <c r="B112" s="21">
        <v>95386.464000000007</v>
      </c>
      <c r="C112" s="22">
        <v>94694.744000000006</v>
      </c>
      <c r="D112" s="22">
        <v>691.72000000000116</v>
      </c>
      <c r="E112" s="19"/>
      <c r="F112" s="24">
        <v>624120.91700000013</v>
      </c>
      <c r="G112" s="24">
        <v>633914.54099999997</v>
      </c>
      <c r="H112" s="24">
        <v>-9793.6239999998361</v>
      </c>
    </row>
    <row r="113" spans="1:8">
      <c r="A113" s="20">
        <v>37316</v>
      </c>
      <c r="B113" s="21">
        <v>93874.866999999998</v>
      </c>
      <c r="C113" s="22">
        <v>94146.596000000005</v>
      </c>
      <c r="D113" s="22">
        <v>-271.72900000000664</v>
      </c>
      <c r="E113" s="19"/>
      <c r="F113" s="24">
        <v>633672.64599999995</v>
      </c>
      <c r="G113" s="24">
        <v>640362.06900000002</v>
      </c>
      <c r="H113" s="24">
        <v>-6689.423000000068</v>
      </c>
    </row>
    <row r="114" spans="1:8">
      <c r="A114" s="20">
        <v>37347</v>
      </c>
      <c r="B114" s="21">
        <v>60619.275999999998</v>
      </c>
      <c r="C114" s="22">
        <v>57137.171000000002</v>
      </c>
      <c r="D114" s="22">
        <v>3482.1049999999959</v>
      </c>
      <c r="E114" s="19"/>
      <c r="F114" s="24">
        <v>643532.54599999997</v>
      </c>
      <c r="G114" s="24">
        <v>645685.28</v>
      </c>
      <c r="H114" s="24">
        <v>-2152.7340000000549</v>
      </c>
    </row>
    <row r="115" spans="1:8">
      <c r="A115" s="20">
        <v>37377</v>
      </c>
      <c r="B115" s="21">
        <v>41128.552000000003</v>
      </c>
      <c r="C115" s="22">
        <v>37905.322999999997</v>
      </c>
      <c r="D115" s="22">
        <v>3223.2290000000066</v>
      </c>
      <c r="E115" s="19"/>
      <c r="F115" s="24">
        <v>661308.41200000001</v>
      </c>
      <c r="G115" s="24">
        <v>656398.86499999999</v>
      </c>
      <c r="H115" s="24">
        <v>4909.5470000000205</v>
      </c>
    </row>
    <row r="116" spans="1:8">
      <c r="A116" s="20">
        <v>37408</v>
      </c>
      <c r="B116" s="21">
        <v>16306.084000000001</v>
      </c>
      <c r="C116" s="22">
        <v>16123.707</v>
      </c>
      <c r="D116" s="22">
        <v>182.37700000000041</v>
      </c>
      <c r="E116" s="19"/>
      <c r="F116" s="24">
        <v>661044.64899999998</v>
      </c>
      <c r="G116" s="24">
        <v>656553.34299999999</v>
      </c>
      <c r="H116" s="24">
        <v>4491.3059999999823</v>
      </c>
    </row>
    <row r="117" spans="1:8">
      <c r="A117" s="20">
        <v>37438</v>
      </c>
      <c r="B117" s="21">
        <v>16306.084000000001</v>
      </c>
      <c r="C117" s="22">
        <v>16078.397000000001</v>
      </c>
      <c r="D117" s="22">
        <v>227.6869999999999</v>
      </c>
      <c r="E117" s="19"/>
      <c r="F117" s="24">
        <v>660780.88600000006</v>
      </c>
      <c r="G117" s="24">
        <v>656649.65</v>
      </c>
      <c r="H117" s="24">
        <v>4131.2360000000335</v>
      </c>
    </row>
    <row r="118" spans="1:8">
      <c r="A118" s="20">
        <v>37469</v>
      </c>
      <c r="B118" s="21">
        <v>16306.084000000001</v>
      </c>
      <c r="C118" s="22">
        <v>16077.682000000001</v>
      </c>
      <c r="D118" s="22">
        <v>228.40200000000004</v>
      </c>
      <c r="E118" s="19"/>
      <c r="F118" s="24">
        <v>660517.12300000002</v>
      </c>
      <c r="G118" s="24">
        <v>656754.70900000003</v>
      </c>
      <c r="H118" s="24">
        <v>3762.4139999999898</v>
      </c>
    </row>
    <row r="119" spans="1:8">
      <c r="A119" s="20">
        <v>37500</v>
      </c>
      <c r="B119" s="21">
        <v>16751.71</v>
      </c>
      <c r="C119" s="22">
        <v>20050.987000000001</v>
      </c>
      <c r="D119" s="22">
        <v>-3299.2770000000019</v>
      </c>
      <c r="E119" s="19"/>
      <c r="F119" s="24">
        <v>647686.60600000003</v>
      </c>
      <c r="G119" s="24">
        <v>647223.46900000004</v>
      </c>
      <c r="H119" s="24">
        <v>463.13699999998789</v>
      </c>
    </row>
    <row r="120" spans="1:8">
      <c r="A120" s="20">
        <v>37530</v>
      </c>
      <c r="B120" s="21">
        <v>46779.504999999997</v>
      </c>
      <c r="C120" s="22">
        <v>45557.544000000002</v>
      </c>
      <c r="D120" s="22">
        <v>1221.9609999999957</v>
      </c>
      <c r="E120" s="19"/>
      <c r="F120" s="24">
        <v>657225.74900000007</v>
      </c>
      <c r="G120" s="24">
        <v>654722.23200000008</v>
      </c>
      <c r="H120" s="24">
        <v>2503.5169999999925</v>
      </c>
    </row>
    <row r="121" spans="1:8">
      <c r="A121" s="20">
        <v>37561</v>
      </c>
      <c r="B121" s="21">
        <v>79954.298999999999</v>
      </c>
      <c r="C121" s="22">
        <v>76443.457999999999</v>
      </c>
      <c r="D121" s="22">
        <v>3510.8410000000003</v>
      </c>
      <c r="E121" s="19"/>
      <c r="F121" s="24">
        <v>679089.34199999995</v>
      </c>
      <c r="G121" s="24">
        <v>671794.9389999999</v>
      </c>
      <c r="H121" s="24">
        <v>7294.4030000000494</v>
      </c>
    </row>
    <row r="122" spans="1:8">
      <c r="A122" s="20">
        <v>37591</v>
      </c>
      <c r="B122" s="21">
        <v>92878.486000000004</v>
      </c>
      <c r="C122" s="22">
        <v>96059.671000000002</v>
      </c>
      <c r="D122" s="22">
        <v>-3181.1849999999977</v>
      </c>
      <c r="E122" s="19"/>
      <c r="F122" s="24">
        <v>687484.65</v>
      </c>
      <c r="G122" s="24">
        <v>680959.60499999998</v>
      </c>
      <c r="H122" s="24">
        <v>6525.0450000000419</v>
      </c>
    </row>
    <row r="123" spans="1:8">
      <c r="A123" s="20">
        <v>37622</v>
      </c>
      <c r="B123" s="21">
        <v>141948.13099999999</v>
      </c>
      <c r="C123" s="22">
        <v>141948.13099999999</v>
      </c>
      <c r="D123" s="22">
        <v>0</v>
      </c>
      <c r="E123" s="19"/>
      <c r="F123" s="24">
        <v>718239.5419999999</v>
      </c>
      <c r="G123" s="24">
        <v>712223.41100000008</v>
      </c>
      <c r="H123" s="24">
        <v>6016.1309999998193</v>
      </c>
    </row>
    <row r="124" spans="1:8">
      <c r="A124" s="20">
        <v>37653</v>
      </c>
      <c r="B124" s="21">
        <v>117355.6</v>
      </c>
      <c r="C124" s="22">
        <v>114916.431</v>
      </c>
      <c r="D124" s="22">
        <v>2439.169000000009</v>
      </c>
      <c r="E124" s="19"/>
      <c r="F124" s="24">
        <v>740208.67799999996</v>
      </c>
      <c r="G124" s="24">
        <v>732445.09799999988</v>
      </c>
      <c r="H124" s="24">
        <v>7763.5800000000745</v>
      </c>
    </row>
    <row r="125" spans="1:8">
      <c r="A125" s="20">
        <v>37681</v>
      </c>
      <c r="B125" s="21">
        <v>93269.09</v>
      </c>
      <c r="C125" s="22">
        <v>91737.835999999996</v>
      </c>
      <c r="D125" s="22">
        <v>1531.2540000000008</v>
      </c>
      <c r="E125" s="19"/>
      <c r="F125" s="24">
        <v>739602.90100000007</v>
      </c>
      <c r="G125" s="24">
        <v>730036.33799999999</v>
      </c>
      <c r="H125" s="24">
        <v>9566.563000000082</v>
      </c>
    </row>
    <row r="126" spans="1:8">
      <c r="A126" s="20">
        <v>37712</v>
      </c>
      <c r="B126" s="21">
        <v>61681.49</v>
      </c>
      <c r="C126" s="22">
        <v>61160.57</v>
      </c>
      <c r="D126" s="22">
        <v>520.91999999999825</v>
      </c>
      <c r="E126" s="19"/>
      <c r="F126" s="24">
        <v>740665.11499999999</v>
      </c>
      <c r="G126" s="24">
        <v>734059.73699999996</v>
      </c>
      <c r="H126" s="24">
        <v>6605.3780000000261</v>
      </c>
    </row>
    <row r="127" spans="1:8">
      <c r="A127" s="20">
        <v>37742</v>
      </c>
      <c r="B127" s="21">
        <v>31765.588</v>
      </c>
      <c r="C127" s="22">
        <v>30506.030999999999</v>
      </c>
      <c r="D127" s="22">
        <v>1259.5570000000007</v>
      </c>
      <c r="E127" s="19"/>
      <c r="F127" s="24">
        <v>731302.15099999995</v>
      </c>
      <c r="G127" s="24">
        <v>726660.44499999995</v>
      </c>
      <c r="H127" s="24">
        <v>4641.7060000000056</v>
      </c>
    </row>
    <row r="128" spans="1:8">
      <c r="A128" s="20">
        <v>37773</v>
      </c>
      <c r="B128" s="21">
        <v>14565.594999999999</v>
      </c>
      <c r="C128" s="22">
        <v>13641.904</v>
      </c>
      <c r="D128" s="22">
        <v>923.69099999999889</v>
      </c>
      <c r="E128" s="19"/>
      <c r="F128" s="24">
        <v>729561.66199999989</v>
      </c>
      <c r="G128" s="24">
        <v>724178.64199999999</v>
      </c>
      <c r="H128" s="24">
        <v>5383.0199999999022</v>
      </c>
    </row>
    <row r="129" spans="1:8">
      <c r="A129" s="20">
        <v>37803</v>
      </c>
      <c r="B129" s="21">
        <v>14565.594999999999</v>
      </c>
      <c r="C129" s="22">
        <v>13665.035</v>
      </c>
      <c r="D129" s="22">
        <v>900.55999999999949</v>
      </c>
      <c r="E129" s="19"/>
      <c r="F129" s="24">
        <v>727821.17299999984</v>
      </c>
      <c r="G129" s="24">
        <v>721765.27999999991</v>
      </c>
      <c r="H129" s="24">
        <v>6055.8929999999236</v>
      </c>
    </row>
    <row r="130" spans="1:8">
      <c r="A130" s="20">
        <v>37834</v>
      </c>
      <c r="B130" s="21">
        <v>14565.594999999999</v>
      </c>
      <c r="C130" s="22">
        <v>13647.887000000001</v>
      </c>
      <c r="D130" s="22">
        <v>917.70799999999872</v>
      </c>
      <c r="E130" s="19"/>
      <c r="F130" s="24">
        <v>726080.68399999989</v>
      </c>
      <c r="G130" s="24">
        <v>719335.48499999987</v>
      </c>
      <c r="H130" s="24">
        <v>6745.1990000000224</v>
      </c>
    </row>
    <row r="131" spans="1:8">
      <c r="A131" s="20">
        <v>37865</v>
      </c>
      <c r="B131" s="21">
        <v>20839.686000000002</v>
      </c>
      <c r="C131" s="22">
        <v>17608.420999999998</v>
      </c>
      <c r="D131" s="22">
        <v>3231.2650000000031</v>
      </c>
      <c r="E131" s="19"/>
      <c r="F131" s="24">
        <v>730168.6599999998</v>
      </c>
      <c r="G131" s="24">
        <v>716892.91899999988</v>
      </c>
      <c r="H131" s="24">
        <v>13275.740999999922</v>
      </c>
    </row>
    <row r="132" spans="1:8">
      <c r="A132" s="20">
        <v>37895</v>
      </c>
      <c r="B132" s="21">
        <v>42342.37</v>
      </c>
      <c r="C132" s="22">
        <v>40294.124000000003</v>
      </c>
      <c r="D132" s="22">
        <v>2048.2459999999992</v>
      </c>
      <c r="E132" s="19"/>
      <c r="F132" s="24">
        <v>725731.52499999979</v>
      </c>
      <c r="G132" s="24">
        <v>711629.49899999984</v>
      </c>
      <c r="H132" s="24">
        <v>14102.025999999954</v>
      </c>
    </row>
    <row r="133" spans="1:8">
      <c r="A133" s="20">
        <v>37926</v>
      </c>
      <c r="B133" s="21">
        <v>70078.917000000001</v>
      </c>
      <c r="C133" s="22">
        <v>67273.777000000002</v>
      </c>
      <c r="D133" s="22">
        <v>2805.1399999999994</v>
      </c>
      <c r="E133" s="19"/>
      <c r="F133" s="24">
        <v>715856.14299999992</v>
      </c>
      <c r="G133" s="24">
        <v>702459.81799999997</v>
      </c>
      <c r="H133" s="24">
        <v>13396.324999999953</v>
      </c>
    </row>
    <row r="134" spans="1:8">
      <c r="A134" s="20">
        <v>37956</v>
      </c>
      <c r="B134" s="21">
        <v>97426.784</v>
      </c>
      <c r="C134" s="22">
        <v>95185.947</v>
      </c>
      <c r="D134" s="22">
        <v>2240.8369999999995</v>
      </c>
      <c r="E134" s="19"/>
      <c r="F134" s="24">
        <v>720404.44099999988</v>
      </c>
      <c r="G134" s="24">
        <v>701586.09399999992</v>
      </c>
      <c r="H134" s="24">
        <v>18818.346999999951</v>
      </c>
    </row>
    <row r="135" spans="1:8">
      <c r="A135" s="20">
        <v>37987</v>
      </c>
      <c r="B135" s="21">
        <v>145664.527</v>
      </c>
      <c r="C135" s="22">
        <v>148900.65</v>
      </c>
      <c r="D135" s="22">
        <v>-3236.1229999999923</v>
      </c>
      <c r="E135" s="19"/>
      <c r="F135" s="24">
        <v>724120.83699999994</v>
      </c>
      <c r="G135" s="24">
        <v>708538.61300000001</v>
      </c>
      <c r="H135" s="24">
        <v>15582.223999999929</v>
      </c>
    </row>
    <row r="136" spans="1:8">
      <c r="A136" s="20">
        <v>38018</v>
      </c>
      <c r="B136" s="21">
        <v>100352.02899999999</v>
      </c>
      <c r="C136" s="22">
        <v>98968.002999999997</v>
      </c>
      <c r="D136" s="22">
        <v>1384.025999999998</v>
      </c>
      <c r="E136" s="19"/>
      <c r="F136" s="24">
        <v>707117.26599999995</v>
      </c>
      <c r="G136" s="24">
        <v>692590.18499999994</v>
      </c>
      <c r="H136" s="24">
        <v>14527.081000000006</v>
      </c>
    </row>
    <row r="137" spans="1:8">
      <c r="A137" s="20">
        <v>38047</v>
      </c>
      <c r="B137" s="21">
        <v>80791.725999999995</v>
      </c>
      <c r="C137" s="22">
        <v>82706.101999999999</v>
      </c>
      <c r="D137" s="22">
        <v>-1914.3760000000038</v>
      </c>
      <c r="E137" s="19"/>
      <c r="F137" s="24">
        <v>694639.902</v>
      </c>
      <c r="G137" s="24">
        <v>683558.451</v>
      </c>
      <c r="H137" s="24">
        <v>11081.451000000001</v>
      </c>
    </row>
    <row r="138" spans="1:8">
      <c r="A138" s="20">
        <v>38078</v>
      </c>
      <c r="B138" s="21">
        <v>57124.474000000002</v>
      </c>
      <c r="C138" s="22">
        <v>58030.514000000003</v>
      </c>
      <c r="D138" s="22">
        <v>-906.04000000000087</v>
      </c>
      <c r="E138" s="19"/>
      <c r="F138" s="24">
        <v>690082.88600000006</v>
      </c>
      <c r="G138" s="24">
        <v>680428.3949999999</v>
      </c>
      <c r="H138" s="24">
        <v>9654.4910000001546</v>
      </c>
    </row>
    <row r="139" spans="1:8">
      <c r="A139" s="20">
        <v>38108</v>
      </c>
      <c r="B139" s="21">
        <v>35148.42</v>
      </c>
      <c r="C139" s="22">
        <v>35334.896999999997</v>
      </c>
      <c r="D139" s="22">
        <v>-186.47699999999895</v>
      </c>
      <c r="E139" s="19"/>
      <c r="F139" s="24">
        <v>693465.71800000011</v>
      </c>
      <c r="G139" s="24">
        <v>685257.26099999994</v>
      </c>
      <c r="H139" s="24">
        <v>8208.4570000001695</v>
      </c>
    </row>
    <row r="140" spans="1:8">
      <c r="A140" s="20">
        <v>38139</v>
      </c>
      <c r="B140" s="21">
        <v>14792.35</v>
      </c>
      <c r="C140" s="22">
        <v>13759.347</v>
      </c>
      <c r="D140" s="22">
        <v>1033.0030000000006</v>
      </c>
      <c r="E140" s="19"/>
      <c r="F140" s="24">
        <v>693692.473</v>
      </c>
      <c r="G140" s="24">
        <v>685374.70399999991</v>
      </c>
      <c r="H140" s="24">
        <v>8317.7690000000875</v>
      </c>
    </row>
    <row r="141" spans="1:8">
      <c r="A141" s="20">
        <v>38169</v>
      </c>
      <c r="B141" s="21">
        <v>14792.35</v>
      </c>
      <c r="C141" s="22">
        <v>13774.143</v>
      </c>
      <c r="D141" s="22">
        <v>1018.2070000000003</v>
      </c>
      <c r="E141" s="19"/>
      <c r="F141" s="24">
        <v>693919.228</v>
      </c>
      <c r="G141" s="24">
        <v>685483.81199999992</v>
      </c>
      <c r="H141" s="24">
        <v>8435.4160000000848</v>
      </c>
    </row>
    <row r="142" spans="1:8">
      <c r="A142" s="20">
        <v>38200</v>
      </c>
      <c r="B142" s="21">
        <v>14792.35</v>
      </c>
      <c r="C142" s="22">
        <v>13773.19</v>
      </c>
      <c r="D142" s="22">
        <v>1019.1599999999999</v>
      </c>
      <c r="E142" s="19"/>
      <c r="F142" s="24">
        <v>694145.98300000001</v>
      </c>
      <c r="G142" s="24">
        <v>685609.11499999987</v>
      </c>
      <c r="H142" s="24">
        <v>8536.8680000001332</v>
      </c>
    </row>
    <row r="143" spans="1:8">
      <c r="A143" s="20">
        <v>38231</v>
      </c>
      <c r="B143" s="21">
        <v>21290.154999999999</v>
      </c>
      <c r="C143" s="22">
        <v>17741.196</v>
      </c>
      <c r="D143" s="22">
        <v>3548.9589999999989</v>
      </c>
      <c r="E143" s="19"/>
      <c r="F143" s="24">
        <v>694596.45200000005</v>
      </c>
      <c r="G143" s="24">
        <v>685741.8899999999</v>
      </c>
      <c r="H143" s="24">
        <v>8854.5620000001509</v>
      </c>
    </row>
    <row r="144" spans="1:8">
      <c r="A144" s="20">
        <v>38261</v>
      </c>
      <c r="B144" s="21">
        <v>34175.652999999998</v>
      </c>
      <c r="C144" s="22">
        <v>37808.404999999999</v>
      </c>
      <c r="D144" s="22">
        <v>-3632.7520000000004</v>
      </c>
      <c r="E144" s="19"/>
      <c r="F144" s="24">
        <v>686429.7350000001</v>
      </c>
      <c r="G144" s="24">
        <v>683256.17099999997</v>
      </c>
      <c r="H144" s="24">
        <v>3173.5640000001295</v>
      </c>
    </row>
    <row r="145" spans="1:8">
      <c r="A145" s="20">
        <v>38292</v>
      </c>
      <c r="B145" s="21">
        <v>64351.019</v>
      </c>
      <c r="C145" s="22">
        <v>65846.108999999997</v>
      </c>
      <c r="D145" s="22">
        <v>-1495.0899999999965</v>
      </c>
      <c r="E145" s="19"/>
      <c r="F145" s="24">
        <v>680701.83699999994</v>
      </c>
      <c r="G145" s="24">
        <v>681828.50300000003</v>
      </c>
      <c r="H145" s="24">
        <v>-1126.6660000000848</v>
      </c>
    </row>
    <row r="146" spans="1:8">
      <c r="A146" s="20">
        <v>38322</v>
      </c>
      <c r="B146" s="21">
        <v>107921.53599999999</v>
      </c>
      <c r="C146" s="22">
        <v>109124.777</v>
      </c>
      <c r="D146" s="22">
        <v>-1203.2410000000091</v>
      </c>
      <c r="E146" s="19"/>
      <c r="F146" s="24">
        <v>691196.58899999992</v>
      </c>
      <c r="G146" s="24">
        <v>695767.3330000001</v>
      </c>
      <c r="H146" s="24">
        <v>-4570.7440000001807</v>
      </c>
    </row>
    <row r="147" spans="1:8">
      <c r="A147" s="20">
        <v>38353</v>
      </c>
      <c r="B147" s="21">
        <v>134566.93700000001</v>
      </c>
      <c r="C147" s="22">
        <v>134511.709</v>
      </c>
      <c r="D147" s="22">
        <v>55.228000000002794</v>
      </c>
      <c r="E147" s="19"/>
      <c r="F147" s="24">
        <v>680098.99899999995</v>
      </c>
      <c r="G147" s="24">
        <v>681378.39199999999</v>
      </c>
      <c r="H147" s="24">
        <v>-1279.39300000004</v>
      </c>
    </row>
    <row r="148" spans="1:8">
      <c r="A148" s="20">
        <v>38384</v>
      </c>
      <c r="B148" s="21">
        <v>99706.93</v>
      </c>
      <c r="C148" s="22">
        <v>96825.035999999993</v>
      </c>
      <c r="D148" s="22">
        <v>2881.8940000000002</v>
      </c>
      <c r="E148" s="19"/>
      <c r="F148" s="24">
        <v>679453.89999999991</v>
      </c>
      <c r="G148" s="24">
        <v>679235.42499999993</v>
      </c>
      <c r="H148" s="24">
        <v>218.47499999997672</v>
      </c>
    </row>
    <row r="149" spans="1:8">
      <c r="A149" s="20">
        <v>38412</v>
      </c>
      <c r="B149" s="21">
        <v>89049.144</v>
      </c>
      <c r="C149" s="22">
        <v>92081.179000000004</v>
      </c>
      <c r="D149" s="22">
        <v>-3032.0350000000035</v>
      </c>
      <c r="E149" s="19"/>
      <c r="F149" s="24">
        <v>687711.31800000009</v>
      </c>
      <c r="G149" s="24">
        <v>688610.50199999998</v>
      </c>
      <c r="H149" s="24">
        <v>-899.18399999989197</v>
      </c>
    </row>
    <row r="150" spans="1:8">
      <c r="A150" s="20">
        <v>38443</v>
      </c>
      <c r="B150" s="21">
        <v>49456.652000000002</v>
      </c>
      <c r="C150" s="22">
        <v>50539.582999999999</v>
      </c>
      <c r="D150" s="22">
        <v>-1082.9309999999969</v>
      </c>
      <c r="E150" s="19"/>
      <c r="F150" s="24">
        <v>680043.49599999993</v>
      </c>
      <c r="G150" s="24">
        <v>681119.571</v>
      </c>
      <c r="H150" s="24">
        <v>-1076.0750000000698</v>
      </c>
    </row>
    <row r="151" spans="1:8">
      <c r="A151" s="20">
        <v>38473</v>
      </c>
      <c r="B151" s="21">
        <v>33331.769999999997</v>
      </c>
      <c r="C151" s="22">
        <v>33203.078999999998</v>
      </c>
      <c r="D151" s="22">
        <v>128.69099999999889</v>
      </c>
      <c r="E151" s="19"/>
      <c r="F151" s="24">
        <v>678226.84600000002</v>
      </c>
      <c r="G151" s="24">
        <v>678987.75300000003</v>
      </c>
      <c r="H151" s="24">
        <v>-760.90700000000652</v>
      </c>
    </row>
    <row r="152" spans="1:8">
      <c r="A152" s="20">
        <v>38504</v>
      </c>
      <c r="B152" s="21">
        <v>13782.761</v>
      </c>
      <c r="C152" s="22">
        <v>13863.215</v>
      </c>
      <c r="D152" s="22">
        <v>-80.453999999999724</v>
      </c>
      <c r="E152" s="19"/>
      <c r="F152" s="24">
        <v>677217.2570000001</v>
      </c>
      <c r="G152" s="24">
        <v>679091.62099999993</v>
      </c>
      <c r="H152" s="24">
        <v>-1874.3639999998268</v>
      </c>
    </row>
    <row r="153" spans="1:8">
      <c r="A153" s="20">
        <v>38534</v>
      </c>
      <c r="B153" s="21">
        <v>13782.761</v>
      </c>
      <c r="C153" s="22">
        <v>13876.463</v>
      </c>
      <c r="D153" s="22">
        <v>-93.701999999999316</v>
      </c>
      <c r="E153" s="19"/>
      <c r="F153" s="24">
        <v>676207.66800000018</v>
      </c>
      <c r="G153" s="24">
        <v>679193.94099999999</v>
      </c>
      <c r="H153" s="24">
        <v>-2986.2729999998119</v>
      </c>
    </row>
    <row r="154" spans="1:8">
      <c r="A154" s="20">
        <v>38565</v>
      </c>
      <c r="B154" s="21">
        <v>13782.761</v>
      </c>
      <c r="C154" s="22">
        <v>13878.636</v>
      </c>
      <c r="D154" s="22">
        <v>-95.875</v>
      </c>
      <c r="E154" s="19"/>
      <c r="F154" s="24">
        <v>675198.07900000014</v>
      </c>
      <c r="G154" s="24">
        <v>679299.38699999999</v>
      </c>
      <c r="H154" s="24">
        <v>-4101.3079999998445</v>
      </c>
    </row>
    <row r="155" spans="1:8">
      <c r="A155" s="20">
        <v>38596</v>
      </c>
      <c r="B155" s="21">
        <v>17103.376</v>
      </c>
      <c r="C155" s="22">
        <v>17851.018</v>
      </c>
      <c r="D155" s="22">
        <v>-747.64199999999983</v>
      </c>
      <c r="E155" s="19"/>
      <c r="F155" s="24">
        <v>671011.30000000028</v>
      </c>
      <c r="G155" s="24">
        <v>679409.20900000003</v>
      </c>
      <c r="H155" s="24">
        <v>-8397.9089999997523</v>
      </c>
    </row>
    <row r="156" spans="1:8">
      <c r="A156" s="20">
        <v>38626</v>
      </c>
      <c r="B156" s="21">
        <v>33636.088000000003</v>
      </c>
      <c r="C156" s="22">
        <v>36321.896000000001</v>
      </c>
      <c r="D156" s="22">
        <v>-2685.8079999999973</v>
      </c>
      <c r="E156" s="19"/>
      <c r="F156" s="24">
        <v>670471.73500000022</v>
      </c>
      <c r="G156" s="24">
        <v>677922.7</v>
      </c>
      <c r="H156" s="24">
        <v>-7450.9649999997346</v>
      </c>
    </row>
    <row r="157" spans="1:8">
      <c r="A157" s="20">
        <v>38657</v>
      </c>
      <c r="B157" s="21">
        <v>66433.209000000003</v>
      </c>
      <c r="C157" s="22">
        <v>69439.584000000003</v>
      </c>
      <c r="D157" s="22">
        <v>-3006.375</v>
      </c>
      <c r="E157" s="19"/>
      <c r="F157" s="24">
        <v>672553.92500000028</v>
      </c>
      <c r="G157" s="24">
        <v>681516.17500000005</v>
      </c>
      <c r="H157" s="24">
        <v>-8962.2499999997672</v>
      </c>
    </row>
    <row r="158" spans="1:8">
      <c r="A158" s="20">
        <v>38687</v>
      </c>
      <c r="B158" s="21">
        <v>104928.6</v>
      </c>
      <c r="C158" s="22">
        <v>103049.353</v>
      </c>
      <c r="D158" s="22">
        <v>1879.247000000003</v>
      </c>
      <c r="E158" s="19"/>
      <c r="F158" s="24">
        <v>669560.98899999994</v>
      </c>
      <c r="G158" s="24">
        <v>675440.75100000005</v>
      </c>
      <c r="H158" s="24">
        <v>-5879.7620000001043</v>
      </c>
    </row>
    <row r="159" spans="1:8">
      <c r="A159" s="20">
        <v>38718</v>
      </c>
      <c r="B159" s="21">
        <v>104448.689</v>
      </c>
      <c r="C159" s="22">
        <v>104221.145</v>
      </c>
      <c r="D159" s="22">
        <v>227.54399999999441</v>
      </c>
      <c r="E159" s="19"/>
      <c r="F159" s="24">
        <v>639442.74099999992</v>
      </c>
      <c r="G159" s="24">
        <v>645150.18700000003</v>
      </c>
      <c r="H159" s="24">
        <v>-5707.4460000001127</v>
      </c>
    </row>
    <row r="160" spans="1:8">
      <c r="A160" s="20">
        <v>38749</v>
      </c>
      <c r="B160" s="21">
        <v>101771.175</v>
      </c>
      <c r="C160" s="22">
        <v>104158.84699999999</v>
      </c>
      <c r="D160" s="22">
        <v>-2387.6719999999914</v>
      </c>
      <c r="E160" s="19"/>
      <c r="F160" s="24">
        <v>641506.98600000003</v>
      </c>
      <c r="G160" s="24">
        <v>652483.99799999991</v>
      </c>
      <c r="H160" s="24">
        <v>-10977.011999999871</v>
      </c>
    </row>
    <row r="161" spans="1:8">
      <c r="A161" s="20">
        <v>38777</v>
      </c>
      <c r="B161" s="21">
        <v>80768.739000000001</v>
      </c>
      <c r="C161" s="22">
        <v>81908.972999999998</v>
      </c>
      <c r="D161" s="22">
        <v>-1140.2339999999967</v>
      </c>
      <c r="E161" s="19"/>
      <c r="F161" s="24">
        <v>633226.58100000001</v>
      </c>
      <c r="G161" s="24">
        <v>642311.79200000002</v>
      </c>
      <c r="H161" s="24">
        <v>-9085.2110000000102</v>
      </c>
    </row>
    <row r="162" spans="1:8">
      <c r="A162" s="20">
        <v>38808</v>
      </c>
      <c r="B162" s="21">
        <v>47588.042999999998</v>
      </c>
      <c r="C162" s="22">
        <v>48568.178</v>
      </c>
      <c r="D162" s="22">
        <v>-980.13500000000204</v>
      </c>
      <c r="E162" s="19"/>
      <c r="F162" s="24">
        <v>631357.97199999995</v>
      </c>
      <c r="G162" s="24">
        <v>640340.38699999999</v>
      </c>
      <c r="H162" s="24">
        <v>-8982.4150000000373</v>
      </c>
    </row>
    <row r="163" spans="1:8">
      <c r="A163" s="20">
        <v>38838</v>
      </c>
      <c r="B163" s="21">
        <v>26780.723999999998</v>
      </c>
      <c r="C163" s="22">
        <v>28696.983</v>
      </c>
      <c r="D163" s="22">
        <v>-1916.2590000000018</v>
      </c>
      <c r="E163" s="19"/>
      <c r="F163" s="24">
        <v>624806.92599999998</v>
      </c>
      <c r="G163" s="24">
        <v>635834.29100000008</v>
      </c>
      <c r="H163" s="24">
        <v>-11027.365000000107</v>
      </c>
    </row>
    <row r="164" spans="1:8">
      <c r="A164" s="20">
        <v>38869</v>
      </c>
      <c r="B164" s="21">
        <v>13714.880999999999</v>
      </c>
      <c r="C164" s="22">
        <v>13970.566999999999</v>
      </c>
      <c r="D164" s="22">
        <v>-255.68599999999969</v>
      </c>
      <c r="E164" s="19"/>
      <c r="F164" s="24">
        <v>624739.04600000009</v>
      </c>
      <c r="G164" s="24">
        <v>635941.64300000004</v>
      </c>
      <c r="H164" s="24">
        <v>-11202.596999999951</v>
      </c>
    </row>
    <row r="165" spans="1:8">
      <c r="A165" s="20">
        <v>38899</v>
      </c>
      <c r="B165" s="21">
        <v>13714.880999999999</v>
      </c>
      <c r="C165" s="22">
        <v>13987.744000000001</v>
      </c>
      <c r="D165" s="22">
        <v>-272.86300000000119</v>
      </c>
      <c r="E165" s="19"/>
      <c r="F165" s="24">
        <v>624671.16600000008</v>
      </c>
      <c r="G165" s="24">
        <v>636052.924</v>
      </c>
      <c r="H165" s="24">
        <v>-11381.757999999914</v>
      </c>
    </row>
    <row r="166" spans="1:8">
      <c r="A166" s="20">
        <v>38930</v>
      </c>
      <c r="B166" s="21">
        <v>13714.880999999999</v>
      </c>
      <c r="C166" s="22">
        <v>13984.857</v>
      </c>
      <c r="D166" s="22">
        <v>-269.97600000000057</v>
      </c>
      <c r="E166" s="19"/>
      <c r="F166" s="24">
        <v>624603.2860000002</v>
      </c>
      <c r="G166" s="24">
        <v>636159.14500000002</v>
      </c>
      <c r="H166" s="24">
        <v>-11555.858999999822</v>
      </c>
    </row>
    <row r="167" spans="1:8">
      <c r="A167" s="20">
        <v>38961</v>
      </c>
      <c r="B167" s="21">
        <v>19727.393</v>
      </c>
      <c r="C167" s="22">
        <v>20456.29</v>
      </c>
      <c r="D167" s="22">
        <v>-728.89700000000084</v>
      </c>
      <c r="E167" s="19"/>
      <c r="F167" s="24">
        <v>627227.30300000019</v>
      </c>
      <c r="G167" s="24">
        <v>638764.41700000002</v>
      </c>
      <c r="H167" s="24">
        <v>-11537.113999999827</v>
      </c>
    </row>
    <row r="168" spans="1:8">
      <c r="A168" s="20">
        <v>38991</v>
      </c>
      <c r="B168" s="21">
        <v>39727.864000000001</v>
      </c>
      <c r="C168" s="22">
        <v>41580.868000000002</v>
      </c>
      <c r="D168" s="22">
        <v>-1853.0040000000008</v>
      </c>
      <c r="E168" s="19"/>
      <c r="F168" s="24">
        <v>633319.07900000014</v>
      </c>
      <c r="G168" s="24">
        <v>644023.38899999997</v>
      </c>
      <c r="H168" s="24">
        <v>-10704.309999999823</v>
      </c>
    </row>
    <row r="169" spans="1:8">
      <c r="A169" s="20">
        <v>39022</v>
      </c>
      <c r="B169" s="21">
        <v>67313.509000000005</v>
      </c>
      <c r="C169" s="22">
        <v>63591.303</v>
      </c>
      <c r="D169" s="22">
        <v>3722.2060000000056</v>
      </c>
      <c r="E169" s="19"/>
      <c r="F169" s="24">
        <v>634199.37899999984</v>
      </c>
      <c r="G169" s="24">
        <v>638175.10800000001</v>
      </c>
      <c r="H169" s="24">
        <v>-3975.7290000001667</v>
      </c>
    </row>
    <row r="170" spans="1:8">
      <c r="A170" s="20">
        <v>39052</v>
      </c>
      <c r="B170" s="21">
        <v>85323.687000000005</v>
      </c>
      <c r="C170" s="22">
        <v>85791.271999999997</v>
      </c>
      <c r="D170" s="22">
        <v>-467.58499999999185</v>
      </c>
      <c r="E170" s="19"/>
      <c r="F170" s="24">
        <v>614594.46600000001</v>
      </c>
      <c r="G170" s="24">
        <v>620917.027</v>
      </c>
      <c r="H170" s="24">
        <v>-6322.560999999987</v>
      </c>
    </row>
    <row r="171" spans="1:8">
      <c r="A171" s="20">
        <v>39083</v>
      </c>
      <c r="B171" s="21">
        <v>116867.94100000001</v>
      </c>
      <c r="C171" s="22">
        <v>117635.624</v>
      </c>
      <c r="D171" s="22">
        <v>-767.68299999998999</v>
      </c>
      <c r="E171" s="19"/>
      <c r="F171" s="24">
        <v>627013.71799999999</v>
      </c>
      <c r="G171" s="24">
        <v>634331.50600000005</v>
      </c>
      <c r="H171" s="24">
        <v>-7317.7880000000587</v>
      </c>
    </row>
    <row r="172" spans="1:8">
      <c r="A172" s="20">
        <v>39114</v>
      </c>
      <c r="B172" s="21">
        <v>112708.598</v>
      </c>
      <c r="C172" s="22">
        <v>113924.913</v>
      </c>
      <c r="D172" s="22">
        <v>-1216.3150000000023</v>
      </c>
      <c r="E172" s="19"/>
      <c r="F172" s="24">
        <v>637951.14099999995</v>
      </c>
      <c r="G172" s="24">
        <v>644097.57199999993</v>
      </c>
      <c r="H172" s="24">
        <v>-6146.4309999999823</v>
      </c>
    </row>
    <row r="173" spans="1:8">
      <c r="A173" s="20">
        <v>39142</v>
      </c>
      <c r="B173" s="21">
        <v>88318.682000000001</v>
      </c>
      <c r="C173" s="22">
        <v>84641.994999999995</v>
      </c>
      <c r="D173" s="22">
        <v>3676.6870000000054</v>
      </c>
      <c r="E173" s="19"/>
      <c r="F173" s="24">
        <v>645501.08400000003</v>
      </c>
      <c r="G173" s="24">
        <v>646830.59400000004</v>
      </c>
      <c r="H173" s="24">
        <v>-1329.5100000000093</v>
      </c>
    </row>
    <row r="174" spans="1:8">
      <c r="A174" s="20">
        <v>39173</v>
      </c>
      <c r="B174" s="21">
        <v>60291.873</v>
      </c>
      <c r="C174" s="22">
        <v>56672.612000000001</v>
      </c>
      <c r="D174" s="22">
        <v>3619.2609999999986</v>
      </c>
      <c r="E174" s="19"/>
      <c r="F174" s="24">
        <v>658204.91399999999</v>
      </c>
      <c r="G174" s="24">
        <v>654935.02799999993</v>
      </c>
      <c r="H174" s="24">
        <v>3269.8860000000568</v>
      </c>
    </row>
    <row r="175" spans="1:8">
      <c r="A175" s="20">
        <v>39203</v>
      </c>
      <c r="B175" s="21">
        <v>29993.616999999998</v>
      </c>
      <c r="C175" s="22">
        <v>30367.312000000002</v>
      </c>
      <c r="D175" s="22">
        <v>-373.69500000000335</v>
      </c>
      <c r="E175" s="19"/>
      <c r="F175" s="24">
        <v>661417.80700000003</v>
      </c>
      <c r="G175" s="24">
        <v>656605.35699999996</v>
      </c>
      <c r="H175" s="24">
        <v>4812.4500000000698</v>
      </c>
    </row>
    <row r="176" spans="1:8">
      <c r="A176" s="20">
        <v>39234</v>
      </c>
      <c r="B176" s="21">
        <v>14088.597</v>
      </c>
      <c r="C176" s="22">
        <v>14077.829</v>
      </c>
      <c r="D176" s="22">
        <v>10.768000000000029</v>
      </c>
      <c r="E176" s="19"/>
      <c r="F176" s="24">
        <v>661791.52299999993</v>
      </c>
      <c r="G176" s="24">
        <v>656712.61899999995</v>
      </c>
      <c r="H176" s="24">
        <v>5078.9039999999804</v>
      </c>
    </row>
    <row r="177" spans="1:8">
      <c r="A177" s="20">
        <v>39264</v>
      </c>
      <c r="B177" s="21">
        <v>14088.597</v>
      </c>
      <c r="C177" s="22">
        <v>14083.514999999999</v>
      </c>
      <c r="D177" s="22">
        <v>5.0820000000003347</v>
      </c>
      <c r="E177" s="19"/>
      <c r="F177" s="24">
        <v>662165.23899999994</v>
      </c>
      <c r="G177" s="24">
        <v>656808.39</v>
      </c>
      <c r="H177" s="24">
        <v>5356.8489999999292</v>
      </c>
    </row>
    <row r="178" spans="1:8">
      <c r="A178" s="20">
        <v>39295</v>
      </c>
      <c r="B178" s="21">
        <v>14088.597</v>
      </c>
      <c r="C178" s="22">
        <v>14093.487999999999</v>
      </c>
      <c r="D178" s="22">
        <v>-4.8909999999996217</v>
      </c>
      <c r="E178" s="19"/>
      <c r="F178" s="24">
        <v>662538.95499999984</v>
      </c>
      <c r="G178" s="24">
        <v>656917.02100000007</v>
      </c>
      <c r="H178" s="24">
        <v>5621.9339999997756</v>
      </c>
    </row>
    <row r="179" spans="1:8">
      <c r="A179" s="20">
        <v>39326</v>
      </c>
      <c r="B179" s="21">
        <v>18248.582999999999</v>
      </c>
      <c r="C179" s="22">
        <v>18066.079000000002</v>
      </c>
      <c r="D179" s="22">
        <v>182.50399999999718</v>
      </c>
      <c r="E179" s="19"/>
      <c r="F179" s="24">
        <v>661060.14499999979</v>
      </c>
      <c r="G179" s="24">
        <v>654526.81000000006</v>
      </c>
      <c r="H179" s="24">
        <v>6533.3349999997299</v>
      </c>
    </row>
    <row r="180" spans="1:8">
      <c r="A180" s="20">
        <v>39356</v>
      </c>
      <c r="B180" s="21">
        <v>29416.519</v>
      </c>
      <c r="C180" s="22">
        <v>32973.748</v>
      </c>
      <c r="D180" s="22">
        <v>-3557.2289999999994</v>
      </c>
      <c r="E180" s="19"/>
      <c r="F180" s="24">
        <v>650748.79999999981</v>
      </c>
      <c r="G180" s="24">
        <v>645919.69000000018</v>
      </c>
      <c r="H180" s="24">
        <v>4829.1099999996368</v>
      </c>
    </row>
    <row r="181" spans="1:8">
      <c r="A181" s="20">
        <v>39387</v>
      </c>
      <c r="B181" s="21">
        <v>69840.381999999998</v>
      </c>
      <c r="C181" s="22">
        <v>72571.284</v>
      </c>
      <c r="D181" s="22">
        <v>-2730.9020000000019</v>
      </c>
      <c r="E181" s="19"/>
      <c r="F181" s="24">
        <v>653275.67299999995</v>
      </c>
      <c r="G181" s="24">
        <v>654899.67100000009</v>
      </c>
      <c r="H181" s="24">
        <v>-1623.9980000001378</v>
      </c>
    </row>
    <row r="182" spans="1:8">
      <c r="A182" s="20">
        <v>39417</v>
      </c>
      <c r="B182" s="21">
        <v>106189.97900000001</v>
      </c>
      <c r="C182" s="22">
        <v>103934.933</v>
      </c>
      <c r="D182" s="22">
        <v>2255.0460000000021</v>
      </c>
      <c r="E182" s="19"/>
      <c r="F182" s="24">
        <v>674141.96500000008</v>
      </c>
      <c r="G182" s="24">
        <v>673043.33200000005</v>
      </c>
      <c r="H182" s="24">
        <v>1098.6330000000307</v>
      </c>
    </row>
    <row r="183" spans="1:8">
      <c r="A183" s="20">
        <v>39448</v>
      </c>
      <c r="B183" s="21">
        <v>119797.12699999999</v>
      </c>
      <c r="C183" s="22">
        <v>114209.054</v>
      </c>
      <c r="D183" s="22">
        <v>5588.0729999999894</v>
      </c>
      <c r="E183" s="19"/>
      <c r="F183" s="24">
        <v>677071.15100000007</v>
      </c>
      <c r="G183" s="24">
        <v>669616.7620000001</v>
      </c>
      <c r="H183" s="24">
        <v>7454.3889999999665</v>
      </c>
    </row>
    <row r="184" spans="1:8">
      <c r="A184" s="20">
        <v>39479</v>
      </c>
      <c r="B184" s="21">
        <v>108286.45</v>
      </c>
      <c r="C184" s="22">
        <v>108474.442</v>
      </c>
      <c r="D184" s="22">
        <v>-187.99199999999837</v>
      </c>
      <c r="E184" s="19"/>
      <c r="F184" s="24">
        <v>672649.00300000003</v>
      </c>
      <c r="G184" s="24">
        <v>664166.29099999997</v>
      </c>
      <c r="H184" s="24">
        <v>8482.7120000000577</v>
      </c>
    </row>
    <row r="185" spans="1:8">
      <c r="A185" s="20">
        <v>39508</v>
      </c>
      <c r="B185" s="21">
        <v>91727.808000000005</v>
      </c>
      <c r="C185" s="22">
        <v>93831.209000000003</v>
      </c>
      <c r="D185" s="22">
        <v>-2103.400999999998</v>
      </c>
      <c r="E185" s="19"/>
      <c r="F185" s="24">
        <v>676058.12899999996</v>
      </c>
      <c r="G185" s="24">
        <v>673355.505</v>
      </c>
      <c r="H185" s="24">
        <v>2702.6239999999525</v>
      </c>
    </row>
    <row r="186" spans="1:8">
      <c r="A186" s="20">
        <v>39539</v>
      </c>
      <c r="B186" s="21">
        <v>51846.373</v>
      </c>
      <c r="C186" s="22">
        <v>50995.711000000003</v>
      </c>
      <c r="D186" s="22">
        <v>850.66199999999662</v>
      </c>
      <c r="E186" s="19"/>
      <c r="F186" s="24">
        <v>667612.62899999996</v>
      </c>
      <c r="G186" s="24">
        <v>667678.60400000005</v>
      </c>
      <c r="H186" s="24">
        <v>-65.975000000093132</v>
      </c>
    </row>
    <row r="187" spans="1:8">
      <c r="A187" s="20">
        <v>39569</v>
      </c>
      <c r="B187" s="21">
        <v>34711.398999999998</v>
      </c>
      <c r="C187" s="22">
        <v>35972.432999999997</v>
      </c>
      <c r="D187" s="22">
        <v>-1261.0339999999997</v>
      </c>
      <c r="E187" s="19"/>
      <c r="F187" s="24">
        <v>672330.41099999996</v>
      </c>
      <c r="G187" s="24">
        <v>673283.72499999998</v>
      </c>
      <c r="H187" s="24">
        <v>-953.31400000001304</v>
      </c>
    </row>
    <row r="188" spans="1:8">
      <c r="A188" s="20">
        <v>39600</v>
      </c>
      <c r="B188" s="21">
        <v>15415.388000000001</v>
      </c>
      <c r="C188" s="22">
        <v>14185.597</v>
      </c>
      <c r="D188" s="22">
        <v>1229.7910000000011</v>
      </c>
      <c r="E188" s="19"/>
      <c r="F188" s="24">
        <v>673657.20200000005</v>
      </c>
      <c r="G188" s="24">
        <v>673391.4929999999</v>
      </c>
      <c r="H188" s="24">
        <v>265.70900000014808</v>
      </c>
    </row>
    <row r="189" spans="1:8">
      <c r="A189" s="20">
        <v>39630</v>
      </c>
      <c r="B189" s="21">
        <v>15415.388000000001</v>
      </c>
      <c r="C189" s="22">
        <v>14195.243</v>
      </c>
      <c r="D189" s="22">
        <v>1220.1450000000004</v>
      </c>
      <c r="E189" s="19"/>
      <c r="F189" s="24">
        <v>674983.99300000002</v>
      </c>
      <c r="G189" s="24">
        <v>673503.2209999999</v>
      </c>
      <c r="H189" s="24">
        <v>1480.7720000001136</v>
      </c>
    </row>
    <row r="190" spans="1:8">
      <c r="A190" s="20">
        <v>39661</v>
      </c>
      <c r="B190" s="21">
        <v>15415.388000000001</v>
      </c>
      <c r="C190" s="22">
        <v>14205.96</v>
      </c>
      <c r="D190" s="22">
        <v>1209.4280000000017</v>
      </c>
      <c r="E190" s="19"/>
      <c r="F190" s="24">
        <v>676310.7840000001</v>
      </c>
      <c r="G190" s="24">
        <v>673615.69299999985</v>
      </c>
      <c r="H190" s="24">
        <v>2695.0910000002477</v>
      </c>
    </row>
    <row r="191" spans="1:8">
      <c r="A191" s="20">
        <v>39692</v>
      </c>
      <c r="B191" s="21">
        <v>17829.322</v>
      </c>
      <c r="C191" s="22">
        <v>18175.424999999999</v>
      </c>
      <c r="D191" s="22">
        <v>-346.10299999999916</v>
      </c>
      <c r="E191" s="19"/>
      <c r="F191" s="24">
        <v>675891.52300000016</v>
      </c>
      <c r="G191" s="24">
        <v>673725.03899999999</v>
      </c>
      <c r="H191" s="24">
        <v>2166.4840000001714</v>
      </c>
    </row>
    <row r="192" spans="1:8">
      <c r="A192" s="20">
        <v>39722</v>
      </c>
      <c r="B192" s="21">
        <v>36784.326000000001</v>
      </c>
      <c r="C192" s="22">
        <v>39461.641000000003</v>
      </c>
      <c r="D192" s="22">
        <v>-2677.3150000000023</v>
      </c>
      <c r="E192" s="19"/>
      <c r="F192" s="24">
        <v>683259.33000000019</v>
      </c>
      <c r="G192" s="24">
        <v>680212.93200000003</v>
      </c>
      <c r="H192" s="24">
        <v>3046.3980000001611</v>
      </c>
    </row>
    <row r="193" spans="1:8">
      <c r="A193" s="20">
        <v>39753</v>
      </c>
      <c r="B193" s="21">
        <v>69570.835000000006</v>
      </c>
      <c r="C193" s="22">
        <v>69160.258000000002</v>
      </c>
      <c r="D193" s="22">
        <v>410.57700000000477</v>
      </c>
      <c r="E193" s="19"/>
      <c r="F193" s="24">
        <v>682989.78300000005</v>
      </c>
      <c r="G193" s="24">
        <v>676801.90600000008</v>
      </c>
      <c r="H193" s="24">
        <v>6187.8769999999786</v>
      </c>
    </row>
    <row r="194" spans="1:8">
      <c r="A194" s="20">
        <v>39783</v>
      </c>
      <c r="B194" s="21">
        <v>116067.851</v>
      </c>
      <c r="C194" s="22">
        <v>111777.113</v>
      </c>
      <c r="D194" s="22">
        <v>4290.7379999999976</v>
      </c>
      <c r="E194" s="19"/>
      <c r="F194" s="24">
        <v>692867.65499999991</v>
      </c>
      <c r="G194" s="24">
        <v>684644.08600000001</v>
      </c>
      <c r="H194" s="24">
        <v>8223.5689999999013</v>
      </c>
    </row>
    <row r="195" spans="1:8">
      <c r="A195" s="20">
        <v>39814</v>
      </c>
      <c r="B195" s="21">
        <v>142607.88200000001</v>
      </c>
      <c r="C195" s="22">
        <v>137337.21</v>
      </c>
      <c r="D195" s="22">
        <v>5270.6720000000205</v>
      </c>
      <c r="E195" s="19"/>
      <c r="F195" s="24">
        <v>715678.40999999992</v>
      </c>
      <c r="G195" s="24">
        <v>707772.24200000009</v>
      </c>
      <c r="H195" s="24">
        <v>7906.1679999998305</v>
      </c>
    </row>
    <row r="196" spans="1:8">
      <c r="A196" s="20">
        <v>39845</v>
      </c>
      <c r="B196" s="21">
        <v>95932.611999999994</v>
      </c>
      <c r="C196" s="22">
        <v>95932.611999999994</v>
      </c>
      <c r="D196" s="22">
        <v>0</v>
      </c>
      <c r="E196" s="19"/>
      <c r="F196" s="24">
        <v>703324.57200000004</v>
      </c>
      <c r="G196" s="24">
        <v>695230.41199999989</v>
      </c>
      <c r="H196" s="24">
        <v>8094.160000000149</v>
      </c>
    </row>
    <row r="197" spans="1:8">
      <c r="A197" s="20">
        <v>39873</v>
      </c>
      <c r="B197" s="21">
        <v>88887.732000000004</v>
      </c>
      <c r="C197" s="22">
        <v>86391.236000000004</v>
      </c>
      <c r="D197" s="22">
        <v>2496.4959999999992</v>
      </c>
      <c r="E197" s="19"/>
      <c r="F197" s="24">
        <v>700484.49599999993</v>
      </c>
      <c r="G197" s="24">
        <v>687790.43900000001</v>
      </c>
      <c r="H197" s="24">
        <v>12694.056999999913</v>
      </c>
    </row>
    <row r="198" spans="1:8">
      <c r="A198" s="20">
        <v>39904</v>
      </c>
      <c r="B198" s="21">
        <v>56695.175000000003</v>
      </c>
      <c r="C198" s="22">
        <v>55000.758999999998</v>
      </c>
      <c r="D198" s="22">
        <v>1694.4160000000047</v>
      </c>
      <c r="E198" s="19"/>
      <c r="F198" s="24">
        <v>705333.29799999995</v>
      </c>
      <c r="G198" s="24">
        <v>691795.48699999996</v>
      </c>
      <c r="H198" s="24">
        <v>13537.810999999987</v>
      </c>
    </row>
    <row r="199" spans="1:8">
      <c r="A199" s="20">
        <v>39934</v>
      </c>
      <c r="B199" s="21">
        <v>33761.053</v>
      </c>
      <c r="C199" s="22">
        <v>35541.284</v>
      </c>
      <c r="D199" s="22">
        <v>-1780.2309999999998</v>
      </c>
      <c r="E199" s="19"/>
      <c r="F199" s="24">
        <v>704382.95199999993</v>
      </c>
      <c r="G199" s="24">
        <v>691364.33799999999</v>
      </c>
      <c r="H199" s="24">
        <v>13018.613999999943</v>
      </c>
    </row>
    <row r="200" spans="1:8">
      <c r="A200" s="20">
        <v>39965</v>
      </c>
      <c r="B200" s="21">
        <v>14398.77</v>
      </c>
      <c r="C200" s="22">
        <v>14297.653</v>
      </c>
      <c r="D200" s="22">
        <v>101.11700000000019</v>
      </c>
      <c r="E200" s="19"/>
      <c r="F200" s="24">
        <v>703366.33399999992</v>
      </c>
      <c r="G200" s="24">
        <v>691476.39399999997</v>
      </c>
      <c r="H200" s="24">
        <v>11889.939999999944</v>
      </c>
    </row>
    <row r="201" spans="1:8">
      <c r="A201" s="20">
        <v>39995</v>
      </c>
      <c r="B201" s="21">
        <v>14398.77</v>
      </c>
      <c r="C201" s="22">
        <v>14309.709000000001</v>
      </c>
      <c r="D201" s="22">
        <v>89.060999999999694</v>
      </c>
      <c r="E201" s="19"/>
      <c r="F201" s="24">
        <v>702349.71600000001</v>
      </c>
      <c r="G201" s="24">
        <v>691590.86</v>
      </c>
      <c r="H201" s="24">
        <v>10758.856000000029</v>
      </c>
    </row>
    <row r="202" spans="1:8">
      <c r="A202" s="20">
        <v>40026</v>
      </c>
      <c r="B202" s="21">
        <v>14398.77</v>
      </c>
      <c r="C202" s="22">
        <v>14313.817999999999</v>
      </c>
      <c r="D202" s="22">
        <v>84.952000000001135</v>
      </c>
      <c r="E202" s="19"/>
      <c r="F202" s="24">
        <v>701333.098</v>
      </c>
      <c r="G202" s="24">
        <v>691698.71799999999</v>
      </c>
      <c r="H202" s="24">
        <v>9634.3800000000047</v>
      </c>
    </row>
    <row r="203" spans="1:8">
      <c r="A203" s="20">
        <v>40057</v>
      </c>
      <c r="B203" s="21">
        <v>15707.816000000001</v>
      </c>
      <c r="C203" s="22">
        <v>18271.581999999999</v>
      </c>
      <c r="D203" s="22">
        <v>-2563.7659999999978</v>
      </c>
      <c r="E203" s="19"/>
      <c r="F203" s="24">
        <v>699211.59199999995</v>
      </c>
      <c r="G203" s="24">
        <v>691794.875</v>
      </c>
      <c r="H203" s="24">
        <v>7416.716999999946</v>
      </c>
    </row>
    <row r="204" spans="1:8">
      <c r="A204" s="20">
        <v>40087</v>
      </c>
      <c r="B204" s="21">
        <v>46268.695</v>
      </c>
      <c r="C204" s="22">
        <v>42992.328000000001</v>
      </c>
      <c r="D204" s="22">
        <v>3276.3669999999984</v>
      </c>
      <c r="E204" s="19"/>
      <c r="F204" s="24">
        <v>708695.96099999989</v>
      </c>
      <c r="G204" s="24">
        <v>695325.56200000003</v>
      </c>
      <c r="H204" s="24">
        <v>13370.398999999859</v>
      </c>
    </row>
    <row r="205" spans="1:8">
      <c r="A205" s="20">
        <v>40118</v>
      </c>
      <c r="B205" s="21">
        <v>59261.951999999997</v>
      </c>
      <c r="C205" s="22">
        <v>58764.004000000001</v>
      </c>
      <c r="D205" s="22">
        <v>497.94799999999668</v>
      </c>
      <c r="E205" s="19"/>
      <c r="F205" s="24">
        <v>698387.07799999998</v>
      </c>
      <c r="G205" s="24">
        <v>684929.30799999996</v>
      </c>
      <c r="H205" s="24">
        <v>13457.770000000019</v>
      </c>
    </row>
    <row r="206" spans="1:8">
      <c r="A206" s="20">
        <v>40148</v>
      </c>
      <c r="B206" s="21">
        <v>101810.889</v>
      </c>
      <c r="C206" s="22">
        <v>104005.374</v>
      </c>
      <c r="D206" s="22">
        <v>-2194.4850000000006</v>
      </c>
      <c r="E206" s="19"/>
      <c r="F206" s="24">
        <v>684130.11600000004</v>
      </c>
      <c r="G206" s="24">
        <v>677157.5689999999</v>
      </c>
      <c r="H206" s="24">
        <v>6972.5470000001369</v>
      </c>
    </row>
    <row r="207" spans="1:8">
      <c r="A207" s="20">
        <v>40179</v>
      </c>
      <c r="B207" s="21">
        <v>121960.24800000001</v>
      </c>
      <c r="C207" s="22">
        <v>119919.238</v>
      </c>
      <c r="D207" s="22">
        <v>2041.0100000000093</v>
      </c>
      <c r="E207" s="19"/>
      <c r="F207" s="24">
        <v>663482.48200000008</v>
      </c>
      <c r="G207" s="24">
        <v>659739.59699999995</v>
      </c>
      <c r="H207" s="24">
        <v>3742.8850000001257</v>
      </c>
    </row>
    <row r="208" spans="1:8">
      <c r="A208" s="20">
        <v>40210</v>
      </c>
      <c r="B208" s="21">
        <v>95150.027000000002</v>
      </c>
      <c r="C208" s="22">
        <v>96684.372000000003</v>
      </c>
      <c r="D208" s="22">
        <v>-1534.3450000000012</v>
      </c>
      <c r="E208" s="19"/>
      <c r="F208" s="24">
        <v>662699.897</v>
      </c>
      <c r="G208" s="24">
        <v>660491.35699999996</v>
      </c>
      <c r="H208" s="24">
        <v>2208.5400000000373</v>
      </c>
    </row>
    <row r="209" spans="1:8">
      <c r="A209" s="20">
        <v>40238</v>
      </c>
      <c r="B209" s="21">
        <v>66434.98</v>
      </c>
      <c r="C209" s="22">
        <v>69097.006999999998</v>
      </c>
      <c r="D209" s="22">
        <v>-2662.0270000000019</v>
      </c>
      <c r="E209" s="19"/>
      <c r="F209" s="24">
        <v>640247.14500000002</v>
      </c>
      <c r="G209" s="24">
        <v>643197.12800000003</v>
      </c>
      <c r="H209" s="24">
        <v>-2949.9830000000075</v>
      </c>
    </row>
    <row r="210" spans="1:8">
      <c r="A210" s="20">
        <v>40269</v>
      </c>
      <c r="B210" s="21">
        <v>42755.531000000003</v>
      </c>
      <c r="C210" s="22">
        <v>45252.173000000003</v>
      </c>
      <c r="D210" s="22">
        <v>-2496.6419999999998</v>
      </c>
      <c r="E210" s="19"/>
      <c r="F210" s="24">
        <v>626307.50099999993</v>
      </c>
      <c r="G210" s="24">
        <v>633448.54200000002</v>
      </c>
      <c r="H210" s="24">
        <v>-7141.0410000000848</v>
      </c>
    </row>
    <row r="211" spans="1:8">
      <c r="A211" s="20">
        <v>40299</v>
      </c>
      <c r="B211" s="21">
        <v>23013.654999999999</v>
      </c>
      <c r="C211" s="22">
        <v>27379.169000000002</v>
      </c>
      <c r="D211" s="22">
        <v>-4365.5140000000029</v>
      </c>
      <c r="E211" s="19"/>
      <c r="F211" s="24">
        <v>615560.103</v>
      </c>
      <c r="G211" s="24">
        <v>625286.42699999991</v>
      </c>
      <c r="H211" s="24">
        <v>-9726.3239999999059</v>
      </c>
    </row>
    <row r="212" spans="1:8">
      <c r="A212" s="20">
        <v>40330</v>
      </c>
      <c r="B212" s="21">
        <v>14020.932000000001</v>
      </c>
      <c r="C212" s="22">
        <v>14403.754000000001</v>
      </c>
      <c r="D212" s="22">
        <v>-382.82200000000012</v>
      </c>
      <c r="E212" s="19"/>
      <c r="F212" s="24">
        <v>615182.26500000001</v>
      </c>
      <c r="G212" s="24">
        <v>625392.52799999993</v>
      </c>
      <c r="H212" s="24">
        <v>-10210.262999999919</v>
      </c>
    </row>
    <row r="213" spans="1:8">
      <c r="A213" s="20">
        <v>40360</v>
      </c>
      <c r="B213" s="21">
        <v>14020.932000000001</v>
      </c>
      <c r="C213" s="22">
        <v>14433.554</v>
      </c>
      <c r="D213" s="22">
        <v>-412.62199999999939</v>
      </c>
      <c r="E213" s="19"/>
      <c r="F213" s="24">
        <v>614804.42700000003</v>
      </c>
      <c r="G213" s="24">
        <v>625516.37299999991</v>
      </c>
      <c r="H213" s="24">
        <v>-10711.94599999988</v>
      </c>
    </row>
    <row r="214" spans="1:8">
      <c r="A214" s="20">
        <v>40391</v>
      </c>
      <c r="B214" s="21">
        <v>14020.932000000001</v>
      </c>
      <c r="C214" s="22">
        <v>14412.566000000001</v>
      </c>
      <c r="D214" s="22">
        <v>-391.63400000000001</v>
      </c>
      <c r="E214" s="19"/>
      <c r="F214" s="24">
        <v>614426.58900000004</v>
      </c>
      <c r="G214" s="24">
        <v>625615.12099999993</v>
      </c>
      <c r="H214" s="24">
        <v>-11188.53199999989</v>
      </c>
    </row>
    <row r="215" spans="1:8">
      <c r="A215" s="20">
        <v>40422</v>
      </c>
      <c r="B215" s="21">
        <v>17531.060000000001</v>
      </c>
      <c r="C215" s="22">
        <v>21018.593000000001</v>
      </c>
      <c r="D215" s="22">
        <v>-3487.5329999999994</v>
      </c>
      <c r="E215" s="19"/>
      <c r="F215" s="24">
        <v>616249.8330000001</v>
      </c>
      <c r="G215" s="24">
        <v>628362.13199999987</v>
      </c>
      <c r="H215" s="24">
        <v>-12112.298999999766</v>
      </c>
    </row>
    <row r="216" spans="1:8">
      <c r="A216" s="20">
        <v>40452</v>
      </c>
      <c r="B216" s="21">
        <v>37800.845000000001</v>
      </c>
      <c r="C216" s="22">
        <v>38917.258000000002</v>
      </c>
      <c r="D216" s="22">
        <v>-1116.4130000000005</v>
      </c>
      <c r="E216" s="19"/>
      <c r="F216" s="24">
        <v>607781.98300000012</v>
      </c>
      <c r="G216" s="24">
        <v>624287.06200000003</v>
      </c>
      <c r="H216" s="24">
        <v>-16505.078999999911</v>
      </c>
    </row>
    <row r="217" spans="1:8">
      <c r="A217" s="20">
        <v>40483</v>
      </c>
      <c r="B217" s="21">
        <v>66113.135999999999</v>
      </c>
      <c r="C217" s="22">
        <v>66168.962</v>
      </c>
      <c r="D217" s="22">
        <v>-55.826000000000931</v>
      </c>
      <c r="E217" s="19"/>
      <c r="F217" s="24">
        <v>614633.16700000013</v>
      </c>
      <c r="G217" s="24">
        <v>631692.02</v>
      </c>
      <c r="H217" s="24">
        <v>-17058.852999999886</v>
      </c>
    </row>
    <row r="218" spans="1:8">
      <c r="A218" s="20">
        <v>40513</v>
      </c>
      <c r="B218" s="21">
        <v>105722.182</v>
      </c>
      <c r="C218" s="22">
        <v>102308.274</v>
      </c>
      <c r="D218" s="22">
        <v>3413.9079999999958</v>
      </c>
      <c r="E218" s="19"/>
      <c r="F218" s="24">
        <v>618544.46000000008</v>
      </c>
      <c r="G218" s="24">
        <v>629994.91999999993</v>
      </c>
      <c r="H218" s="24">
        <v>-11450.459999999846</v>
      </c>
    </row>
    <row r="219" spans="1:8">
      <c r="A219" s="20">
        <v>40544</v>
      </c>
      <c r="B219" s="21">
        <v>136540.285</v>
      </c>
      <c r="C219" s="22">
        <v>133815.04300000001</v>
      </c>
      <c r="D219" s="22">
        <v>2725.2419999999984</v>
      </c>
      <c r="F219" s="24">
        <v>633124.49699999997</v>
      </c>
      <c r="G219" s="24">
        <v>643890.72500000009</v>
      </c>
      <c r="H219" s="24">
        <v>-10766.228000000119</v>
      </c>
    </row>
    <row r="220" spans="1:8">
      <c r="A220" s="20">
        <v>40575</v>
      </c>
      <c r="B220" s="21">
        <v>97232.769</v>
      </c>
      <c r="C220" s="22">
        <v>101533.182</v>
      </c>
      <c r="D220" s="22">
        <v>-4300.4130000000005</v>
      </c>
      <c r="F220" s="24">
        <v>635207.23900000006</v>
      </c>
      <c r="G220" s="24">
        <v>648739.53499999992</v>
      </c>
      <c r="H220" s="24">
        <v>-13532.295999999857</v>
      </c>
    </row>
    <row r="221" spans="1:8">
      <c r="A221" s="20">
        <v>40603</v>
      </c>
      <c r="B221" s="21">
        <v>95250.692999999999</v>
      </c>
      <c r="C221" s="22">
        <v>89863.423999999999</v>
      </c>
      <c r="D221" s="22">
        <v>5387.2690000000002</v>
      </c>
      <c r="F221" s="24">
        <v>664022.95199999993</v>
      </c>
      <c r="G221" s="24">
        <v>669505.95200000005</v>
      </c>
      <c r="H221" s="24">
        <v>-5483.0000000001164</v>
      </c>
    </row>
    <row r="222" spans="1:8">
      <c r="A222" s="20">
        <v>40634</v>
      </c>
      <c r="B222" s="21">
        <v>55722.279000000002</v>
      </c>
      <c r="C222" s="22">
        <v>56231.858</v>
      </c>
      <c r="D222" s="22">
        <v>-509.5789999999979</v>
      </c>
      <c r="F222" s="24">
        <v>676989.7</v>
      </c>
      <c r="G222" s="24">
        <v>680485.63699999999</v>
      </c>
      <c r="H222" s="24">
        <v>-3495.9370000000345</v>
      </c>
    </row>
    <row r="223" spans="1:8">
      <c r="A223" s="20">
        <v>40664</v>
      </c>
      <c r="B223" s="21">
        <v>32424.446</v>
      </c>
      <c r="C223" s="22">
        <v>30462.745999999999</v>
      </c>
      <c r="D223" s="22">
        <v>1961.7000000000007</v>
      </c>
      <c r="F223" s="24">
        <v>686400.49099999992</v>
      </c>
      <c r="G223" s="24">
        <v>683569.21400000004</v>
      </c>
      <c r="H223" s="24">
        <v>2831.2769999998854</v>
      </c>
    </row>
    <row r="224" spans="1:8">
      <c r="A224" s="20">
        <v>40695</v>
      </c>
      <c r="B224" s="21">
        <v>13254.29</v>
      </c>
      <c r="C224" s="22">
        <v>14519.411</v>
      </c>
      <c r="D224" s="22">
        <v>-1265.1209999999992</v>
      </c>
      <c r="F224" s="24">
        <v>685633.84899999993</v>
      </c>
      <c r="G224" s="24">
        <v>683684.87100000004</v>
      </c>
      <c r="H224" s="24">
        <v>1948.9779999998864</v>
      </c>
    </row>
    <row r="225" spans="1:8">
      <c r="A225" s="20">
        <v>40725</v>
      </c>
      <c r="B225" s="21">
        <v>13254.29</v>
      </c>
      <c r="C225" s="22">
        <v>14538.464</v>
      </c>
      <c r="D225" s="22">
        <v>-1284.1739999999991</v>
      </c>
      <c r="F225" s="24">
        <v>684867.20700000005</v>
      </c>
      <c r="G225" s="24">
        <v>683789.78100000008</v>
      </c>
      <c r="H225" s="24">
        <v>1077.4259999999776</v>
      </c>
    </row>
    <row r="226" spans="1:8">
      <c r="A226" s="20">
        <v>40756</v>
      </c>
      <c r="B226" s="21">
        <v>13254.29</v>
      </c>
      <c r="C226" s="22">
        <v>14537.540999999999</v>
      </c>
      <c r="D226" s="22">
        <v>-1283.2509999999984</v>
      </c>
      <c r="F226" s="24">
        <v>684100.56500000006</v>
      </c>
      <c r="G226" s="24">
        <v>683914.75600000005</v>
      </c>
      <c r="H226" s="24">
        <v>185.80900000000838</v>
      </c>
    </row>
    <row r="227" spans="1:8">
      <c r="A227" s="20">
        <v>40787</v>
      </c>
      <c r="B227" s="21">
        <v>14597.502</v>
      </c>
      <c r="C227" s="22">
        <v>18516.830000000002</v>
      </c>
      <c r="D227" s="22">
        <v>-3919.3280000000013</v>
      </c>
      <c r="F227" s="24">
        <v>681167.00699999998</v>
      </c>
      <c r="G227" s="24">
        <v>681412.99300000002</v>
      </c>
      <c r="H227" s="24">
        <v>-245.98600000003353</v>
      </c>
    </row>
    <row r="228" spans="1:8">
      <c r="A228" s="20">
        <v>40817</v>
      </c>
      <c r="B228" s="21">
        <v>36540.372000000003</v>
      </c>
      <c r="C228" s="22">
        <v>36022.758000000002</v>
      </c>
      <c r="D228" s="22">
        <v>517.6140000000014</v>
      </c>
      <c r="F228" s="24">
        <v>679906.53399999999</v>
      </c>
      <c r="G228" s="24">
        <v>678518.49300000002</v>
      </c>
      <c r="H228" s="24">
        <v>1388.0409999999683</v>
      </c>
    </row>
    <row r="229" spans="1:8">
      <c r="A229" s="20">
        <v>40848</v>
      </c>
      <c r="B229" s="21">
        <v>61018.169000000002</v>
      </c>
      <c r="C229" s="22">
        <v>62327.998</v>
      </c>
      <c r="D229" s="22">
        <v>-1309.8289999999979</v>
      </c>
      <c r="F229" s="24">
        <v>674811.56700000004</v>
      </c>
      <c r="G229" s="24">
        <v>674677.52899999998</v>
      </c>
      <c r="H229" s="24">
        <v>134.03800000005867</v>
      </c>
    </row>
    <row r="230" spans="1:8" ht="14.4" thickBot="1">
      <c r="A230" s="25">
        <v>40878</v>
      </c>
      <c r="B230" s="26">
        <v>95548.198999999993</v>
      </c>
      <c r="C230" s="27">
        <v>93543.771999999997</v>
      </c>
      <c r="D230" s="27">
        <v>2004.426999999996</v>
      </c>
      <c r="E230" s="88"/>
      <c r="F230" s="89">
        <v>664637.58399999992</v>
      </c>
      <c r="G230" s="89">
        <v>665913.027</v>
      </c>
      <c r="H230" s="89">
        <v>-1275.4430000000866</v>
      </c>
    </row>
    <row r="231" spans="1:8">
      <c r="D231" s="28"/>
      <c r="E231" s="19"/>
      <c r="F231" s="19"/>
      <c r="G231" s="19"/>
    </row>
    <row r="232" spans="1:8" ht="14.4" thickBot="1">
      <c r="B232" s="19"/>
      <c r="C232" s="19"/>
      <c r="D232" s="19"/>
      <c r="E232" s="19"/>
      <c r="F232" s="19"/>
      <c r="G232" s="19"/>
    </row>
    <row r="233" spans="1:8">
      <c r="A233" s="29" t="s">
        <v>44</v>
      </c>
      <c r="B233" s="29" t="s">
        <v>43</v>
      </c>
      <c r="C233" s="29" t="s">
        <v>40</v>
      </c>
      <c r="D233" s="29" t="s">
        <v>41</v>
      </c>
      <c r="E233" s="29" t="s">
        <v>45</v>
      </c>
      <c r="F233" s="29" t="s">
        <v>46</v>
      </c>
    </row>
    <row r="234" spans="1:8">
      <c r="A234" s="30"/>
      <c r="B234" s="31"/>
      <c r="C234" s="31"/>
      <c r="D234" s="32"/>
      <c r="E234" s="33"/>
      <c r="F234" s="34"/>
    </row>
    <row r="235" spans="1:8">
      <c r="A235" s="30"/>
      <c r="B235" s="35"/>
      <c r="C235" s="35"/>
      <c r="D235" s="32"/>
      <c r="E235" s="33"/>
      <c r="F235" s="34"/>
    </row>
    <row r="236" spans="1:8">
      <c r="A236" s="30"/>
      <c r="B236" s="35"/>
      <c r="C236" s="35"/>
      <c r="D236" s="32"/>
      <c r="E236" s="33"/>
      <c r="F236" s="34"/>
    </row>
    <row r="237" spans="1:8">
      <c r="A237" s="30"/>
      <c r="B237" s="35"/>
      <c r="C237" s="35"/>
      <c r="D237" s="32"/>
      <c r="E237" s="33"/>
      <c r="F237" s="34"/>
    </row>
    <row r="238" spans="1:8">
      <c r="A238" s="30"/>
      <c r="B238" s="35"/>
      <c r="C238" s="35"/>
      <c r="D238" s="32"/>
      <c r="E238" s="33"/>
      <c r="F238" s="34"/>
    </row>
    <row r="239" spans="1:8">
      <c r="A239" s="30">
        <v>1996</v>
      </c>
      <c r="B239" s="35">
        <v>308714.99900000001</v>
      </c>
      <c r="C239" s="35">
        <v>314087.61499999999</v>
      </c>
      <c r="D239" s="32">
        <v>-5372.61599999998</v>
      </c>
      <c r="E239" s="33">
        <v>5372.61599999998</v>
      </c>
      <c r="F239" s="34">
        <v>1.7105469122047301E-2</v>
      </c>
    </row>
    <row r="240" spans="1:8">
      <c r="A240" s="30">
        <v>1997</v>
      </c>
      <c r="B240" s="35">
        <v>692827.99899999984</v>
      </c>
      <c r="C240" s="35">
        <v>706235.17800000007</v>
      </c>
      <c r="D240" s="32">
        <v>-13407.179000000237</v>
      </c>
      <c r="E240" s="33">
        <v>13407.179000000237</v>
      </c>
      <c r="F240" s="34">
        <v>1.8984014698854659E-2</v>
      </c>
    </row>
    <row r="241" spans="1:6">
      <c r="A241" s="30">
        <v>1998</v>
      </c>
      <c r="B241" s="35">
        <v>592368.73800000001</v>
      </c>
      <c r="C241" s="35">
        <v>620558.53899999999</v>
      </c>
      <c r="D241" s="32">
        <v>-28189.800999999978</v>
      </c>
      <c r="E241" s="33">
        <v>28189.800999999978</v>
      </c>
      <c r="F241" s="34">
        <v>4.5426497628131064E-2</v>
      </c>
    </row>
    <row r="242" spans="1:6">
      <c r="A242" s="30">
        <v>1999</v>
      </c>
      <c r="B242" s="35">
        <v>645352.55900000001</v>
      </c>
      <c r="C242" s="35">
        <v>654131.84699999995</v>
      </c>
      <c r="D242" s="32">
        <v>-8779.2879999999423</v>
      </c>
      <c r="E242" s="33">
        <v>8779.2879999999423</v>
      </c>
      <c r="F242" s="34">
        <v>1.3421282024814706E-2</v>
      </c>
    </row>
    <row r="243" spans="1:6">
      <c r="A243" s="30">
        <v>2000</v>
      </c>
      <c r="B243" s="35">
        <v>714492.01</v>
      </c>
      <c r="C243" s="35">
        <v>678922.37800000014</v>
      </c>
      <c r="D243" s="32">
        <v>35569.631999999867</v>
      </c>
      <c r="E243" s="33">
        <v>35569.631999999867</v>
      </c>
      <c r="F243" s="34">
        <v>5.2391308863293733E-2</v>
      </c>
    </row>
    <row r="244" spans="1:6">
      <c r="A244" s="30">
        <v>2001</v>
      </c>
      <c r="B244" s="35">
        <v>638362.23399999994</v>
      </c>
      <c r="C244" s="35">
        <v>649264.66000000015</v>
      </c>
      <c r="D244" s="32">
        <v>-10902.42600000021</v>
      </c>
      <c r="E244" s="33">
        <v>10902.42600000021</v>
      </c>
      <c r="F244" s="34">
        <v>1.6791959691753757E-2</v>
      </c>
    </row>
    <row r="245" spans="1:6">
      <c r="A245" s="30">
        <v>2002</v>
      </c>
      <c r="B245" s="35">
        <v>687484.65</v>
      </c>
      <c r="C245" s="35">
        <v>680959.60499999998</v>
      </c>
      <c r="D245" s="32">
        <v>6525.0450000000419</v>
      </c>
      <c r="E245" s="33">
        <v>6525.0450000000419</v>
      </c>
      <c r="F245" s="34">
        <v>9.5821322617221059E-3</v>
      </c>
    </row>
    <row r="246" spans="1:6">
      <c r="A246" s="30">
        <v>2003</v>
      </c>
      <c r="B246" s="35">
        <v>720404.44099999988</v>
      </c>
      <c r="C246" s="35">
        <v>701586.09399999992</v>
      </c>
      <c r="D246" s="32">
        <v>18818.346999999951</v>
      </c>
      <c r="E246" s="33">
        <v>18818.346999999951</v>
      </c>
      <c r="F246" s="34">
        <v>2.6822576959457171E-2</v>
      </c>
    </row>
    <row r="247" spans="1:6">
      <c r="A247" s="30">
        <v>2004</v>
      </c>
      <c r="B247" s="35">
        <v>691196.58899999992</v>
      </c>
      <c r="C247" s="35">
        <v>695767.3330000001</v>
      </c>
      <c r="D247" s="32">
        <v>-4570.7440000001807</v>
      </c>
      <c r="E247" s="33">
        <v>4570.7440000001807</v>
      </c>
      <c r="F247" s="34">
        <v>6.5693570008412278E-3</v>
      </c>
    </row>
    <row r="248" spans="1:6">
      <c r="A248" s="30">
        <v>2005</v>
      </c>
      <c r="B248" s="35">
        <v>669560.98899999994</v>
      </c>
      <c r="C248" s="35">
        <v>675440.75100000005</v>
      </c>
      <c r="D248" s="32">
        <v>-5879.7620000001043</v>
      </c>
      <c r="E248" s="33">
        <v>5879.7620000001043</v>
      </c>
      <c r="F248" s="34">
        <v>8.7050744144398003E-3</v>
      </c>
    </row>
    <row r="249" spans="1:6">
      <c r="A249" s="30">
        <v>2006</v>
      </c>
      <c r="B249" s="35">
        <v>614594.46600000001</v>
      </c>
      <c r="C249" s="35">
        <v>620917.027</v>
      </c>
      <c r="D249" s="32">
        <v>-6322.560999999987</v>
      </c>
      <c r="E249" s="33">
        <v>6322.560999999987</v>
      </c>
      <c r="F249" s="34">
        <v>1.0182618168079303E-2</v>
      </c>
    </row>
    <row r="250" spans="1:6">
      <c r="A250" s="30">
        <v>2007</v>
      </c>
      <c r="B250" s="35">
        <v>674141.96500000008</v>
      </c>
      <c r="C250" s="35">
        <v>673043.33200000005</v>
      </c>
      <c r="D250" s="32">
        <v>1098.6330000000307</v>
      </c>
      <c r="E250" s="33">
        <v>1098.6330000000307</v>
      </c>
      <c r="F250" s="34">
        <v>1.6323362074405496E-3</v>
      </c>
    </row>
    <row r="251" spans="1:6">
      <c r="A251" s="30">
        <v>2008</v>
      </c>
      <c r="B251" s="35">
        <v>692867.65499999991</v>
      </c>
      <c r="C251" s="35">
        <v>684644.08600000001</v>
      </c>
      <c r="D251" s="32">
        <v>8223.5689999999013</v>
      </c>
      <c r="E251" s="33">
        <v>8223.5689999999013</v>
      </c>
      <c r="F251" s="34">
        <v>1.2011451158580374E-2</v>
      </c>
    </row>
    <row r="252" spans="1:6">
      <c r="A252" s="30">
        <v>2009</v>
      </c>
      <c r="B252" s="35">
        <v>684130.11600000004</v>
      </c>
      <c r="C252" s="35">
        <v>677157.5689999999</v>
      </c>
      <c r="D252" s="32">
        <v>6972.5470000001369</v>
      </c>
      <c r="E252" s="33">
        <v>6972.5470000001369</v>
      </c>
      <c r="F252" s="34">
        <v>1.0296786625743437E-2</v>
      </c>
    </row>
    <row r="253" spans="1:6">
      <c r="A253" s="30">
        <v>2010</v>
      </c>
      <c r="B253" s="35">
        <v>618544.46000000008</v>
      </c>
      <c r="C253" s="35">
        <v>629994.91999999993</v>
      </c>
      <c r="D253" s="32">
        <v>-11450.459999999846</v>
      </c>
      <c r="E253" s="33">
        <v>11450.459999999846</v>
      </c>
      <c r="F253" s="34">
        <v>1.8175479891170944E-2</v>
      </c>
    </row>
    <row r="254" spans="1:6">
      <c r="A254" s="30">
        <v>2011</v>
      </c>
      <c r="B254" s="35">
        <v>664637.58399999992</v>
      </c>
      <c r="C254" s="35">
        <v>665913.027</v>
      </c>
      <c r="D254" s="32">
        <v>-1275.4430000000866</v>
      </c>
      <c r="E254" s="33">
        <v>1275.4430000000866</v>
      </c>
      <c r="F254" s="34">
        <v>1.9153297026581319E-3</v>
      </c>
    </row>
    <row r="255" spans="1:6">
      <c r="A255" s="30"/>
      <c r="B255" s="30"/>
      <c r="C255" s="30"/>
      <c r="D255" s="30"/>
      <c r="E255" s="36" t="s">
        <v>47</v>
      </c>
      <c r="F255" s="37">
        <v>1.6875854651189268E-2</v>
      </c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>
  <sheetPr>
    <tabColor theme="6" tint="0.39997558519241921"/>
  </sheetPr>
  <dimension ref="A2:H297"/>
  <sheetViews>
    <sheetView workbookViewId="0">
      <selection activeCell="G22" sqref="G22"/>
    </sheetView>
  </sheetViews>
  <sheetFormatPr defaultRowHeight="13.8"/>
  <cols>
    <col min="1" max="1" width="17.69921875" customWidth="1"/>
    <col min="3" max="3" width="14.3984375" bestFit="1" customWidth="1"/>
    <col min="4" max="4" width="13.3984375" bestFit="1" customWidth="1"/>
    <col min="5" max="6" width="8.8984375" bestFit="1" customWidth="1"/>
    <col min="9" max="9" width="10.59765625" customWidth="1"/>
  </cols>
  <sheetData>
    <row r="2" spans="1:8">
      <c r="A2" s="1" t="s">
        <v>133</v>
      </c>
    </row>
    <row r="3" spans="1:8" ht="14.4" thickBot="1"/>
    <row r="4" spans="1:8">
      <c r="A4" s="2" t="s">
        <v>0</v>
      </c>
      <c r="B4" s="2"/>
      <c r="E4" s="96" t="s">
        <v>222</v>
      </c>
      <c r="F4" s="95"/>
      <c r="G4" s="95"/>
      <c r="H4" s="95"/>
    </row>
    <row r="5" spans="1:8">
      <c r="A5" s="86"/>
      <c r="B5" s="87"/>
      <c r="E5" s="95"/>
      <c r="F5" s="95"/>
      <c r="G5" s="95"/>
      <c r="H5" s="95"/>
    </row>
    <row r="6" spans="1:8">
      <c r="A6" s="3" t="s">
        <v>2</v>
      </c>
      <c r="B6" s="4">
        <v>0.997</v>
      </c>
      <c r="E6" s="97" t="s">
        <v>219</v>
      </c>
      <c r="F6" s="94"/>
      <c r="G6" s="94"/>
      <c r="H6" s="94"/>
    </row>
    <row r="7" spans="1:8">
      <c r="A7" s="3" t="s">
        <v>3</v>
      </c>
      <c r="B7" s="4">
        <v>0.997</v>
      </c>
      <c r="C7" s="93">
        <v>0.9971458383841072</v>
      </c>
      <c r="E7" s="97" t="s">
        <v>220</v>
      </c>
      <c r="F7" s="94"/>
      <c r="G7" s="94"/>
      <c r="H7" s="94"/>
    </row>
    <row r="8" spans="1:8">
      <c r="A8" s="3" t="s">
        <v>4</v>
      </c>
      <c r="B8" s="5">
        <v>8.6</v>
      </c>
      <c r="E8" s="97" t="s">
        <v>221</v>
      </c>
      <c r="F8" s="94"/>
      <c r="G8" s="94"/>
      <c r="H8" s="94"/>
    </row>
    <row r="9" spans="1:8" ht="14.4" thickBot="1">
      <c r="A9" s="6" t="s">
        <v>5</v>
      </c>
      <c r="B9" s="7">
        <v>220</v>
      </c>
      <c r="C9" s="8" t="s">
        <v>214</v>
      </c>
    </row>
    <row r="11" spans="1:8" ht="14.4" thickBot="1">
      <c r="A11" t="s">
        <v>7</v>
      </c>
    </row>
    <row r="12" spans="1:8">
      <c r="A12" s="9"/>
      <c r="B12" s="9" t="s">
        <v>8</v>
      </c>
      <c r="C12" s="9" t="s">
        <v>9</v>
      </c>
      <c r="D12" s="9" t="s">
        <v>10</v>
      </c>
      <c r="E12" s="9" t="s">
        <v>11</v>
      </c>
      <c r="F12" s="9" t="s">
        <v>12</v>
      </c>
      <c r="G12" s="9" t="s">
        <v>13</v>
      </c>
    </row>
    <row r="13" spans="1:8">
      <c r="A13" s="3" t="s">
        <v>14</v>
      </c>
      <c r="B13" s="10">
        <v>23</v>
      </c>
      <c r="C13" s="11">
        <v>5075872.34</v>
      </c>
      <c r="D13" s="82">
        <v>220690.10173913042</v>
      </c>
      <c r="E13" s="11">
        <v>2985.7240000000002</v>
      </c>
      <c r="F13" s="5">
        <v>0</v>
      </c>
      <c r="G13" s="13">
        <v>1.589</v>
      </c>
    </row>
    <row r="14" spans="1:8">
      <c r="A14" s="3" t="s">
        <v>15</v>
      </c>
      <c r="B14" s="85">
        <v>196</v>
      </c>
      <c r="C14" s="11">
        <v>14487.36</v>
      </c>
      <c r="D14" s="82">
        <v>73.915102040816336</v>
      </c>
      <c r="E14" s="11"/>
      <c r="F14" s="12"/>
    </row>
    <row r="15" spans="1:8" ht="14.4" thickBot="1">
      <c r="A15" s="6" t="s">
        <v>16</v>
      </c>
      <c r="B15" s="90">
        <v>219</v>
      </c>
      <c r="C15" s="14"/>
      <c r="D15" s="14"/>
      <c r="E15" s="14"/>
      <c r="F15" s="15"/>
      <c r="G15" s="15"/>
    </row>
    <row r="16" spans="1:8" ht="14.4" thickBot="1"/>
    <row r="17" spans="1:7">
      <c r="A17" s="9"/>
      <c r="B17" s="9" t="s">
        <v>17</v>
      </c>
      <c r="C17" s="9" t="s">
        <v>18</v>
      </c>
      <c r="D17" s="9" t="s">
        <v>19</v>
      </c>
      <c r="E17" s="9" t="s">
        <v>20</v>
      </c>
      <c r="F17" s="9" t="s">
        <v>21</v>
      </c>
      <c r="G17" s="9" t="s">
        <v>22</v>
      </c>
    </row>
    <row r="18" spans="1:7">
      <c r="A18" s="3" t="s">
        <v>132</v>
      </c>
      <c r="B18" s="80">
        <v>-86.929000000000002</v>
      </c>
      <c r="C18" s="80">
        <v>7.4080000000000004</v>
      </c>
      <c r="D18" s="80">
        <v>-11.734</v>
      </c>
      <c r="E18" s="4">
        <v>0</v>
      </c>
      <c r="F18" s="83">
        <v>-101.52276000000001</v>
      </c>
      <c r="G18" s="83">
        <v>-72.335239999999999</v>
      </c>
    </row>
    <row r="19" spans="1:7">
      <c r="A19" s="3" t="s">
        <v>24</v>
      </c>
      <c r="B19" s="80">
        <v>0.629</v>
      </c>
      <c r="C19" s="80">
        <v>7.0000000000000001E-3</v>
      </c>
      <c r="D19" s="80">
        <v>87.962000000000003</v>
      </c>
      <c r="E19" s="4">
        <v>0</v>
      </c>
      <c r="F19" s="83">
        <v>0.61521000000000003</v>
      </c>
      <c r="G19" s="83">
        <v>0.64278999999999997</v>
      </c>
    </row>
    <row r="20" spans="1:7">
      <c r="A20" s="3" t="s">
        <v>25</v>
      </c>
      <c r="B20" s="80">
        <v>0.61499999999999999</v>
      </c>
      <c r="C20" s="80">
        <v>8.9999999999999993E-3</v>
      </c>
      <c r="D20" s="80">
        <v>71.293999999999997</v>
      </c>
      <c r="E20" s="4">
        <v>0</v>
      </c>
      <c r="F20" s="83">
        <v>0.59726999999999997</v>
      </c>
      <c r="G20" s="83">
        <v>0.63273000000000001</v>
      </c>
    </row>
    <row r="21" spans="1:7">
      <c r="A21" s="3" t="s">
        <v>26</v>
      </c>
      <c r="B21" s="80">
        <v>0.628</v>
      </c>
      <c r="C21" s="80">
        <v>0.01</v>
      </c>
      <c r="D21" s="80">
        <v>60.793999999999997</v>
      </c>
      <c r="E21" s="4">
        <v>0</v>
      </c>
      <c r="F21" s="83">
        <v>0.60829999999999995</v>
      </c>
      <c r="G21" s="83">
        <v>0.64770000000000005</v>
      </c>
    </row>
    <row r="22" spans="1:7">
      <c r="A22" s="3" t="s">
        <v>27</v>
      </c>
      <c r="B22" s="80">
        <v>0.61199999999999999</v>
      </c>
      <c r="C22" s="80">
        <v>1.6E-2</v>
      </c>
      <c r="D22" s="80">
        <v>37.131999999999998</v>
      </c>
      <c r="E22" s="4">
        <v>0</v>
      </c>
      <c r="F22" s="83">
        <v>0.58048</v>
      </c>
      <c r="G22" s="83">
        <v>0.64351999999999998</v>
      </c>
    </row>
    <row r="23" spans="1:7">
      <c r="A23" s="3" t="s">
        <v>28</v>
      </c>
      <c r="B23" s="80">
        <v>0.59299999999999997</v>
      </c>
      <c r="C23" s="80">
        <v>3.1E-2</v>
      </c>
      <c r="D23" s="80">
        <v>19.367999999999999</v>
      </c>
      <c r="E23" s="4">
        <v>0</v>
      </c>
      <c r="F23" s="83">
        <v>0.53193000000000001</v>
      </c>
      <c r="G23" s="83">
        <v>0.65406999999999993</v>
      </c>
    </row>
    <row r="24" spans="1:7">
      <c r="A24" s="79" t="s">
        <v>29</v>
      </c>
      <c r="B24" s="80">
        <v>0.27200000000000002</v>
      </c>
      <c r="C24" s="80">
        <v>5.6000000000000001E-2</v>
      </c>
      <c r="D24" s="80">
        <v>4.8949999999999996</v>
      </c>
      <c r="E24" s="4">
        <v>0</v>
      </c>
      <c r="F24" s="83">
        <v>0.16168000000000002</v>
      </c>
      <c r="G24" s="83">
        <v>0.38231999999999999</v>
      </c>
    </row>
    <row r="25" spans="1:7">
      <c r="A25" s="3" t="s">
        <v>30</v>
      </c>
      <c r="B25" s="80">
        <v>0.42599999999999999</v>
      </c>
      <c r="C25" s="80">
        <v>2.1000000000000001E-2</v>
      </c>
      <c r="D25" s="80">
        <v>20.684999999999999</v>
      </c>
      <c r="E25" s="4">
        <v>0</v>
      </c>
      <c r="F25" s="83">
        <v>0.38462999999999997</v>
      </c>
      <c r="G25" s="83">
        <v>0.46737000000000001</v>
      </c>
    </row>
    <row r="26" spans="1:7">
      <c r="A26" s="3" t="s">
        <v>31</v>
      </c>
      <c r="B26" s="80">
        <v>0.52</v>
      </c>
      <c r="C26" s="80">
        <v>1.2999999999999999E-2</v>
      </c>
      <c r="D26" s="80">
        <v>41.005000000000003</v>
      </c>
      <c r="E26" s="4">
        <v>0</v>
      </c>
      <c r="F26" s="83">
        <v>0.49439</v>
      </c>
      <c r="G26" s="83">
        <v>0.54561000000000004</v>
      </c>
    </row>
    <row r="27" spans="1:7">
      <c r="A27" s="3" t="s">
        <v>32</v>
      </c>
      <c r="B27" s="80">
        <v>0.59399999999999997</v>
      </c>
      <c r="C27" s="80">
        <v>8.0000000000000002E-3</v>
      </c>
      <c r="D27" s="80">
        <v>69.944000000000003</v>
      </c>
      <c r="E27" s="4">
        <v>0</v>
      </c>
      <c r="F27" s="83">
        <v>0.57823999999999998</v>
      </c>
      <c r="G27" s="83">
        <v>0.60975999999999997</v>
      </c>
    </row>
    <row r="28" spans="1:7">
      <c r="A28" s="3" t="s">
        <v>119</v>
      </c>
      <c r="B28" s="80">
        <v>80.902000000000001</v>
      </c>
      <c r="C28" s="80">
        <v>18.175000000000001</v>
      </c>
      <c r="D28" s="80">
        <v>4.4509999999999996</v>
      </c>
      <c r="E28" s="4">
        <v>0</v>
      </c>
      <c r="F28" s="83">
        <v>45.097250000000003</v>
      </c>
      <c r="G28" s="83">
        <v>116.70675</v>
      </c>
    </row>
    <row r="29" spans="1:7">
      <c r="A29" s="3" t="s">
        <v>120</v>
      </c>
      <c r="B29" s="80">
        <v>77.125</v>
      </c>
      <c r="C29" s="80">
        <v>18.143000000000001</v>
      </c>
      <c r="D29" s="80">
        <v>4.2510000000000003</v>
      </c>
      <c r="E29" s="4">
        <v>0</v>
      </c>
      <c r="F29" s="83">
        <v>41.383290000000002</v>
      </c>
      <c r="G29" s="83">
        <v>112.86671</v>
      </c>
    </row>
    <row r="30" spans="1:7">
      <c r="A30" s="3" t="s">
        <v>121</v>
      </c>
      <c r="B30" s="80">
        <v>74.623000000000005</v>
      </c>
      <c r="C30" s="80">
        <v>18.134</v>
      </c>
      <c r="D30" s="80">
        <v>4.1150000000000002</v>
      </c>
      <c r="E30" s="4">
        <v>1E-4</v>
      </c>
      <c r="F30" s="83">
        <v>38.899020000000007</v>
      </c>
      <c r="G30" s="83">
        <v>110.34698</v>
      </c>
    </row>
    <row r="31" spans="1:7">
      <c r="A31" s="3" t="s">
        <v>114</v>
      </c>
      <c r="B31" s="80">
        <v>82.171000000000006</v>
      </c>
      <c r="C31" s="80">
        <v>17.971</v>
      </c>
      <c r="D31" s="80">
        <v>4.5720000000000001</v>
      </c>
      <c r="E31" s="4">
        <v>0</v>
      </c>
      <c r="F31" s="83">
        <v>46.768130000000006</v>
      </c>
      <c r="G31" s="83">
        <v>117.57387</v>
      </c>
    </row>
    <row r="32" spans="1:7">
      <c r="A32" s="3" t="s">
        <v>122</v>
      </c>
      <c r="B32" s="80">
        <v>592.21100000000001</v>
      </c>
      <c r="C32" s="80">
        <v>24.206</v>
      </c>
      <c r="D32" s="80">
        <v>24.466000000000001</v>
      </c>
      <c r="E32" s="4">
        <v>0</v>
      </c>
      <c r="F32" s="83">
        <v>544.52517999999998</v>
      </c>
      <c r="G32" s="83">
        <v>639.89682000000005</v>
      </c>
    </row>
    <row r="33" spans="1:7">
      <c r="A33" s="3" t="s">
        <v>218</v>
      </c>
      <c r="B33" s="80">
        <v>26.931999999999999</v>
      </c>
      <c r="C33" s="80">
        <v>5.8440000000000003</v>
      </c>
      <c r="D33" s="80">
        <v>4.6079999999999997</v>
      </c>
      <c r="E33" s="4">
        <v>0</v>
      </c>
      <c r="F33" s="83">
        <v>15.419319999999999</v>
      </c>
      <c r="G33" s="83">
        <v>38.444679999999998</v>
      </c>
    </row>
    <row r="34" spans="1:7">
      <c r="A34" s="3" t="s">
        <v>123</v>
      </c>
      <c r="B34" s="80">
        <v>-0.13200000000000001</v>
      </c>
      <c r="C34" s="80">
        <v>2.5000000000000001E-2</v>
      </c>
      <c r="D34" s="80">
        <v>-5.2690000000000001</v>
      </c>
      <c r="E34" s="4">
        <v>0</v>
      </c>
      <c r="F34" s="83">
        <v>-0.18125000000000002</v>
      </c>
      <c r="G34" s="83">
        <v>-8.2750000000000004E-2</v>
      </c>
    </row>
    <row r="35" spans="1:7">
      <c r="A35" s="3" t="s">
        <v>124</v>
      </c>
      <c r="B35" s="80">
        <v>-25.917999999999999</v>
      </c>
      <c r="C35" s="80">
        <v>8.8819999999999997</v>
      </c>
      <c r="D35" s="80">
        <v>-2.9180000000000001</v>
      </c>
      <c r="E35" s="4">
        <v>3.8999999999999998E-3</v>
      </c>
      <c r="F35" s="83">
        <v>-43.41554</v>
      </c>
      <c r="G35" s="83">
        <v>-8.4204599999999985</v>
      </c>
    </row>
    <row r="36" spans="1:7">
      <c r="A36" s="3" t="s">
        <v>125</v>
      </c>
      <c r="B36" s="80">
        <v>-60.256999999999998</v>
      </c>
      <c r="C36" s="80">
        <v>6.2560000000000002</v>
      </c>
      <c r="D36" s="80">
        <v>-9.6310000000000002</v>
      </c>
      <c r="E36" s="4">
        <v>0</v>
      </c>
      <c r="F36" s="83">
        <v>-72.581320000000005</v>
      </c>
      <c r="G36" s="83">
        <v>-47.932679999999998</v>
      </c>
    </row>
    <row r="37" spans="1:7">
      <c r="A37" s="3" t="s">
        <v>130</v>
      </c>
      <c r="B37" s="80">
        <v>12.427</v>
      </c>
      <c r="C37" s="80">
        <v>6.3029999999999999</v>
      </c>
      <c r="D37" s="80">
        <v>1.972</v>
      </c>
      <c r="E37" s="4">
        <v>5.0099999999999999E-2</v>
      </c>
      <c r="F37" s="83">
        <v>1.0089999999999932E-2</v>
      </c>
      <c r="G37" s="83">
        <v>24.843910000000001</v>
      </c>
    </row>
    <row r="38" spans="1:7">
      <c r="A38" s="3" t="s">
        <v>129</v>
      </c>
      <c r="B38" s="80">
        <v>27.026</v>
      </c>
      <c r="C38" s="80">
        <v>8.8780000000000001</v>
      </c>
      <c r="D38" s="80">
        <v>3.044</v>
      </c>
      <c r="E38" s="4">
        <v>2.7000000000000001E-3</v>
      </c>
      <c r="F38" s="83">
        <v>9.5363399999999992</v>
      </c>
      <c r="G38" s="83">
        <v>44.515659999999997</v>
      </c>
    </row>
    <row r="39" spans="1:7">
      <c r="A39" s="3" t="s">
        <v>126</v>
      </c>
      <c r="B39" s="80">
        <v>-32.557000000000002</v>
      </c>
      <c r="C39" s="80">
        <v>8.9589999999999996</v>
      </c>
      <c r="D39" s="80">
        <v>-3.6339999999999999</v>
      </c>
      <c r="E39" s="4">
        <v>4.0000000000000002E-4</v>
      </c>
      <c r="F39" s="83">
        <v>-50.206230000000005</v>
      </c>
      <c r="G39" s="83">
        <v>-14.907770000000003</v>
      </c>
    </row>
    <row r="40" spans="1:7">
      <c r="A40" s="3" t="s">
        <v>127</v>
      </c>
      <c r="B40" s="80">
        <v>22.513999999999999</v>
      </c>
      <c r="C40" s="80">
        <v>8.8970000000000002</v>
      </c>
      <c r="D40" s="80">
        <v>2.5310000000000001</v>
      </c>
      <c r="E40" s="4">
        <v>1.2200000000000001E-2</v>
      </c>
      <c r="F40" s="83">
        <v>4.9869099999999982</v>
      </c>
      <c r="G40" s="83">
        <v>40.041089999999997</v>
      </c>
    </row>
    <row r="41" spans="1:7" ht="14.4" thickBot="1">
      <c r="A41" s="6" t="s">
        <v>128</v>
      </c>
      <c r="B41" s="81">
        <v>-32</v>
      </c>
      <c r="C41" s="81">
        <v>8.9529999999999994</v>
      </c>
      <c r="D41" s="81">
        <v>-3.5739999999999998</v>
      </c>
      <c r="E41" s="17">
        <v>5.0000000000000001E-4</v>
      </c>
      <c r="F41" s="84">
        <v>-49.637410000000003</v>
      </c>
      <c r="G41" s="84">
        <v>-14.362590000000001</v>
      </c>
    </row>
    <row r="42" spans="1:7">
      <c r="A42" s="3"/>
      <c r="B42" s="80"/>
      <c r="C42" s="80"/>
      <c r="D42" s="80"/>
      <c r="E42" s="80"/>
      <c r="F42" s="80"/>
      <c r="G42" s="80"/>
    </row>
    <row r="43" spans="1:7">
      <c r="A43" s="3"/>
    </row>
    <row r="45" spans="1:7">
      <c r="A45" t="s">
        <v>38</v>
      </c>
    </row>
    <row r="46" spans="1:7" ht="14.4" thickBot="1"/>
    <row r="47" spans="1:7">
      <c r="A47" s="9" t="s">
        <v>39</v>
      </c>
      <c r="B47" s="18" t="s">
        <v>43</v>
      </c>
      <c r="C47" s="18" t="s">
        <v>40</v>
      </c>
      <c r="D47" s="18" t="s">
        <v>41</v>
      </c>
      <c r="E47" s="19"/>
    </row>
    <row r="48" spans="1:7">
      <c r="A48" s="20">
        <v>34060</v>
      </c>
      <c r="B48" s="21">
        <v>263.43799999999999</v>
      </c>
      <c r="C48" s="22">
        <v>263.92</v>
      </c>
      <c r="D48" s="22">
        <v>-0.48200000000002774</v>
      </c>
      <c r="E48" s="19"/>
    </row>
    <row r="49" spans="1:8">
      <c r="A49" s="20">
        <v>34090</v>
      </c>
      <c r="B49" s="21">
        <v>136.107</v>
      </c>
      <c r="C49" s="22">
        <v>155.06700000000001</v>
      </c>
      <c r="D49" s="22">
        <v>-18.960000000000008</v>
      </c>
      <c r="E49" s="19"/>
    </row>
    <row r="50" spans="1:8">
      <c r="A50" s="20">
        <v>34121</v>
      </c>
      <c r="B50" s="21">
        <v>67.906999999999996</v>
      </c>
      <c r="C50" s="22">
        <v>71.825000000000003</v>
      </c>
      <c r="D50" s="22">
        <v>-3.9180000000000064</v>
      </c>
      <c r="E50" s="19"/>
    </row>
    <row r="51" spans="1:8">
      <c r="A51" s="20">
        <v>34151</v>
      </c>
      <c r="B51" s="21">
        <v>67.906999999999996</v>
      </c>
      <c r="C51" s="22">
        <v>71.67</v>
      </c>
      <c r="D51" s="22">
        <v>-3.7630000000000052</v>
      </c>
      <c r="E51" s="19"/>
    </row>
    <row r="52" spans="1:8">
      <c r="A52" s="20">
        <v>34182</v>
      </c>
      <c r="B52" s="21">
        <v>67.906999999999996</v>
      </c>
      <c r="C52" s="22">
        <v>71.045000000000002</v>
      </c>
      <c r="D52" s="22">
        <v>-3.1380000000000052</v>
      </c>
      <c r="E52" s="19"/>
    </row>
    <row r="53" spans="1:8">
      <c r="A53" s="20">
        <v>34213</v>
      </c>
      <c r="B53" s="21">
        <v>101.14400000000001</v>
      </c>
      <c r="C53" s="22">
        <v>104.288</v>
      </c>
      <c r="D53" s="22">
        <v>-3.1439999999999912</v>
      </c>
      <c r="E53" s="19"/>
    </row>
    <row r="54" spans="1:8">
      <c r="A54" s="20">
        <v>34243</v>
      </c>
      <c r="B54" s="21">
        <v>200.72800000000001</v>
      </c>
      <c r="C54" s="22">
        <v>194.928</v>
      </c>
      <c r="D54" s="22">
        <v>5.8000000000000114</v>
      </c>
      <c r="E54" s="19"/>
    </row>
    <row r="55" spans="1:8">
      <c r="A55" s="20">
        <v>34274</v>
      </c>
      <c r="B55" s="21">
        <v>304.71499999999997</v>
      </c>
      <c r="C55" s="22">
        <v>297.23</v>
      </c>
      <c r="D55" s="22">
        <v>7.4849999999999568</v>
      </c>
      <c r="E55" s="19"/>
    </row>
    <row r="56" spans="1:8">
      <c r="A56" s="20">
        <v>34304</v>
      </c>
      <c r="B56" s="21">
        <v>445.72899999999998</v>
      </c>
      <c r="C56" s="22">
        <v>439.58</v>
      </c>
      <c r="D56" s="22">
        <v>6.1490000000000009</v>
      </c>
      <c r="E56" s="19"/>
    </row>
    <row r="57" spans="1:8" ht="14.4" thickBot="1">
      <c r="A57" s="20">
        <v>34335</v>
      </c>
      <c r="B57" s="21">
        <v>641.35500000000002</v>
      </c>
      <c r="C57" s="22">
        <v>628.12800000000004</v>
      </c>
      <c r="D57" s="22">
        <v>13.226999999999975</v>
      </c>
      <c r="E57" s="19"/>
      <c r="F57" s="1" t="s">
        <v>42</v>
      </c>
    </row>
    <row r="58" spans="1:8">
      <c r="A58" s="20">
        <v>34366</v>
      </c>
      <c r="B58" s="21">
        <v>517.96199999999999</v>
      </c>
      <c r="C58" s="22">
        <v>503.05</v>
      </c>
      <c r="D58" s="22">
        <v>14.911999999999978</v>
      </c>
      <c r="E58" s="19"/>
      <c r="F58" s="23" t="s">
        <v>43</v>
      </c>
      <c r="G58" s="23" t="s">
        <v>40</v>
      </c>
      <c r="H58" s="23" t="s">
        <v>41</v>
      </c>
    </row>
    <row r="59" spans="1:8">
      <c r="A59" s="20">
        <v>34394</v>
      </c>
      <c r="B59" s="21">
        <v>414.48099999999999</v>
      </c>
      <c r="C59" s="22">
        <v>411.22199999999998</v>
      </c>
      <c r="D59" s="22">
        <v>3.2590000000000146</v>
      </c>
      <c r="E59" s="19"/>
      <c r="F59" s="24">
        <v>3229.38</v>
      </c>
      <c r="G59" s="24">
        <v>3211.9530000000004</v>
      </c>
      <c r="H59" s="24">
        <v>17.42699999999968</v>
      </c>
    </row>
    <row r="60" spans="1:8">
      <c r="A60" s="20">
        <v>34425</v>
      </c>
      <c r="B60" s="21">
        <v>251.291</v>
      </c>
      <c r="C60" s="22">
        <v>246.37799999999999</v>
      </c>
      <c r="D60" s="22">
        <v>4.9130000000000109</v>
      </c>
      <c r="E60" s="19"/>
      <c r="F60" s="24">
        <v>3217.2330000000002</v>
      </c>
      <c r="G60" s="24">
        <v>3194.4110000000005</v>
      </c>
      <c r="H60" s="24">
        <v>22.821999999999662</v>
      </c>
    </row>
    <row r="61" spans="1:8">
      <c r="A61" s="20">
        <v>34455</v>
      </c>
      <c r="B61" s="21">
        <v>161.559</v>
      </c>
      <c r="C61" s="22">
        <v>176.547</v>
      </c>
      <c r="D61" s="22">
        <v>-14.988</v>
      </c>
      <c r="E61" s="19"/>
      <c r="F61" s="24">
        <v>3242.6850000000004</v>
      </c>
      <c r="G61" s="24">
        <v>3215.8910000000005</v>
      </c>
      <c r="H61" s="24">
        <v>26.793999999999869</v>
      </c>
    </row>
    <row r="62" spans="1:8">
      <c r="A62" s="20">
        <v>34486</v>
      </c>
      <c r="B62" s="21">
        <v>69.454999999999998</v>
      </c>
      <c r="C62" s="22">
        <v>71.113</v>
      </c>
      <c r="D62" s="22">
        <v>-1.6580000000000013</v>
      </c>
      <c r="E62" s="19"/>
      <c r="F62" s="24">
        <v>3244.2330000000002</v>
      </c>
      <c r="G62" s="24">
        <v>3215.1790000000005</v>
      </c>
      <c r="H62" s="24">
        <v>29.053999999999633</v>
      </c>
    </row>
    <row r="63" spans="1:8">
      <c r="A63" s="20">
        <v>34516</v>
      </c>
      <c r="B63" s="21">
        <v>69.454999999999998</v>
      </c>
      <c r="C63" s="22">
        <v>69.936000000000007</v>
      </c>
      <c r="D63" s="22">
        <v>-0.48100000000000875</v>
      </c>
      <c r="E63" s="19"/>
      <c r="F63" s="24">
        <v>3245.7809999999999</v>
      </c>
      <c r="G63" s="24">
        <v>3213.4450000000006</v>
      </c>
      <c r="H63" s="24">
        <v>32.335999999999331</v>
      </c>
    </row>
    <row r="64" spans="1:8">
      <c r="A64" s="20">
        <v>34547</v>
      </c>
      <c r="B64" s="21">
        <v>69.454999999999998</v>
      </c>
      <c r="C64" s="22">
        <v>70.052999999999997</v>
      </c>
      <c r="D64" s="22">
        <v>-0.59799999999999898</v>
      </c>
      <c r="E64" s="19"/>
      <c r="F64" s="24">
        <v>3247.3289999999997</v>
      </c>
      <c r="G64" s="24">
        <v>3212.4530000000004</v>
      </c>
      <c r="H64" s="24">
        <v>34.875999999999294</v>
      </c>
    </row>
    <row r="65" spans="1:8">
      <c r="A65" s="20">
        <v>34578</v>
      </c>
      <c r="B65" s="21">
        <v>89.132000000000005</v>
      </c>
      <c r="C65" s="22">
        <v>77.683999999999997</v>
      </c>
      <c r="D65" s="22">
        <v>11.448000000000008</v>
      </c>
      <c r="E65" s="19"/>
      <c r="F65" s="24">
        <v>3235.3170000000005</v>
      </c>
      <c r="G65" s="24">
        <v>3185.8490000000002</v>
      </c>
      <c r="H65" s="24">
        <v>49.468000000000302</v>
      </c>
    </row>
    <row r="66" spans="1:8">
      <c r="A66" s="20">
        <v>34608</v>
      </c>
      <c r="B66" s="21">
        <v>155.49600000000001</v>
      </c>
      <c r="C66" s="22">
        <v>165.202</v>
      </c>
      <c r="D66" s="22">
        <v>-9.7059999999999889</v>
      </c>
      <c r="E66" s="19"/>
      <c r="F66" s="24">
        <v>3190.0850000000005</v>
      </c>
      <c r="G66" s="24">
        <v>3156.1230000000005</v>
      </c>
      <c r="H66" s="24">
        <v>33.961999999999989</v>
      </c>
    </row>
    <row r="67" spans="1:8">
      <c r="A67" s="20">
        <v>34639</v>
      </c>
      <c r="B67" s="21">
        <v>229.22200000000001</v>
      </c>
      <c r="C67" s="22">
        <v>229.22200000000001</v>
      </c>
      <c r="D67" s="22">
        <v>0</v>
      </c>
      <c r="E67" s="19"/>
      <c r="F67" s="24">
        <v>3114.5920000000006</v>
      </c>
      <c r="G67" s="24">
        <v>3088.1150000000002</v>
      </c>
      <c r="H67" s="24">
        <v>26.477000000000317</v>
      </c>
    </row>
    <row r="68" spans="1:8">
      <c r="A68" s="20">
        <v>34669</v>
      </c>
      <c r="B68" s="21">
        <v>385.45800000000003</v>
      </c>
      <c r="C68" s="22">
        <v>392.99</v>
      </c>
      <c r="D68" s="22">
        <v>-7.5319999999999823</v>
      </c>
      <c r="E68" s="19"/>
      <c r="F68" s="24">
        <v>3054.3210000000004</v>
      </c>
      <c r="G68" s="24">
        <v>3041.5250000000005</v>
      </c>
      <c r="H68" s="24">
        <v>12.795999999999822</v>
      </c>
    </row>
    <row r="69" spans="1:8">
      <c r="A69" s="20">
        <v>34700</v>
      </c>
      <c r="B69" s="21">
        <v>460.21600000000001</v>
      </c>
      <c r="C69" s="22">
        <v>465.59300000000002</v>
      </c>
      <c r="D69" s="22">
        <v>-5.3770000000000095</v>
      </c>
      <c r="E69" s="19"/>
      <c r="F69" s="24">
        <v>2873.1819999999998</v>
      </c>
      <c r="G69" s="24">
        <v>2878.99</v>
      </c>
      <c r="H69" s="24">
        <v>-5.8079999999999927</v>
      </c>
    </row>
    <row r="70" spans="1:8">
      <c r="A70" s="20">
        <v>34731</v>
      </c>
      <c r="B70" s="21">
        <v>495.27499999999998</v>
      </c>
      <c r="C70" s="22">
        <v>481.947</v>
      </c>
      <c r="D70" s="22">
        <v>13.327999999999975</v>
      </c>
      <c r="E70" s="19"/>
      <c r="F70" s="24">
        <v>2850.4950000000003</v>
      </c>
      <c r="G70" s="24">
        <v>2857.8870000000002</v>
      </c>
      <c r="H70" s="24">
        <v>-7.3919999999998254</v>
      </c>
    </row>
    <row r="71" spans="1:8">
      <c r="A71" s="20">
        <v>34759</v>
      </c>
      <c r="B71" s="21">
        <v>367.24200000000002</v>
      </c>
      <c r="C71" s="22">
        <v>364.30200000000002</v>
      </c>
      <c r="D71" s="22">
        <v>2.9399999999999977</v>
      </c>
      <c r="E71" s="19"/>
      <c r="F71" s="24">
        <v>2803.2560000000003</v>
      </c>
      <c r="G71" s="24">
        <v>2810.9670000000001</v>
      </c>
      <c r="H71" s="24">
        <v>-7.7109999999997854</v>
      </c>
    </row>
    <row r="72" spans="1:8">
      <c r="A72" s="20">
        <v>34790</v>
      </c>
      <c r="B72" s="21">
        <v>297.28800000000001</v>
      </c>
      <c r="C72" s="22">
        <v>296.61799999999999</v>
      </c>
      <c r="D72" s="22">
        <v>0.67000000000001592</v>
      </c>
      <c r="E72" s="19"/>
      <c r="F72" s="24">
        <v>2849.2530000000002</v>
      </c>
      <c r="G72" s="24">
        <v>2861.2069999999999</v>
      </c>
      <c r="H72" s="24">
        <v>-11.953999999999724</v>
      </c>
    </row>
    <row r="73" spans="1:8">
      <c r="A73" s="20">
        <v>34820</v>
      </c>
      <c r="B73" s="21">
        <v>134.37100000000001</v>
      </c>
      <c r="C73" s="22">
        <v>143.90600000000001</v>
      </c>
      <c r="D73" s="22">
        <v>-9.5349999999999966</v>
      </c>
      <c r="E73" s="19"/>
      <c r="F73" s="24">
        <v>2822.0650000000005</v>
      </c>
      <c r="G73" s="24">
        <v>2828.5660000000003</v>
      </c>
      <c r="H73" s="24">
        <v>-6.500999999999749</v>
      </c>
    </row>
    <row r="74" spans="1:8">
      <c r="A74" s="20">
        <v>34851</v>
      </c>
      <c r="B74" s="21">
        <v>64.120999999999995</v>
      </c>
      <c r="C74" s="22">
        <v>69.537999999999997</v>
      </c>
      <c r="D74" s="22">
        <v>-5.4170000000000016</v>
      </c>
      <c r="E74" s="19"/>
      <c r="F74" s="24">
        <v>2816.7310000000007</v>
      </c>
      <c r="G74" s="24">
        <v>2826.991</v>
      </c>
      <c r="H74" s="24">
        <v>-10.259999999999309</v>
      </c>
    </row>
    <row r="75" spans="1:8">
      <c r="A75" s="20">
        <v>34881</v>
      </c>
      <c r="B75" s="21">
        <v>64.120999999999995</v>
      </c>
      <c r="C75" s="22">
        <v>70.174999999999997</v>
      </c>
      <c r="D75" s="22">
        <v>-6.054000000000002</v>
      </c>
      <c r="E75" s="19"/>
      <c r="F75" s="24">
        <v>2811.3970000000004</v>
      </c>
      <c r="G75" s="24">
        <v>2827.23</v>
      </c>
      <c r="H75" s="24">
        <v>-15.832999999999629</v>
      </c>
    </row>
    <row r="76" spans="1:8">
      <c r="A76" s="20">
        <v>34912</v>
      </c>
      <c r="B76" s="21">
        <v>64.120999999999995</v>
      </c>
      <c r="C76" s="22">
        <v>69.608999999999995</v>
      </c>
      <c r="D76" s="22">
        <v>-5.4879999999999995</v>
      </c>
      <c r="E76" s="19"/>
      <c r="F76" s="24">
        <v>2806.0630000000006</v>
      </c>
      <c r="G76" s="24">
        <v>2826.7860000000001</v>
      </c>
      <c r="H76" s="24">
        <v>-20.722999999999502</v>
      </c>
    </row>
    <row r="77" spans="1:8">
      <c r="A77" s="20">
        <v>34943</v>
      </c>
      <c r="B77" s="21">
        <v>88.671999999999997</v>
      </c>
      <c r="C77" s="22">
        <v>94.123000000000005</v>
      </c>
      <c r="D77" s="22">
        <v>-5.4510000000000076</v>
      </c>
      <c r="E77" s="19"/>
      <c r="F77" s="24">
        <v>2805.6030000000005</v>
      </c>
      <c r="G77" s="24">
        <v>2843.2250000000004</v>
      </c>
      <c r="H77" s="24">
        <v>-37.621999999999844</v>
      </c>
    </row>
    <row r="78" spans="1:8">
      <c r="A78" s="20">
        <v>34973</v>
      </c>
      <c r="B78" s="21">
        <v>141.85300000000001</v>
      </c>
      <c r="C78" s="22">
        <v>154.78899999999999</v>
      </c>
      <c r="D78" s="22">
        <v>-12.935999999999979</v>
      </c>
      <c r="E78" s="19"/>
      <c r="F78" s="24">
        <v>2791.9600000000005</v>
      </c>
      <c r="G78" s="24">
        <v>2832.8119999999999</v>
      </c>
      <c r="H78" s="24">
        <v>-40.851999999999407</v>
      </c>
    </row>
    <row r="79" spans="1:8">
      <c r="A79" s="20">
        <v>35004</v>
      </c>
      <c r="B79" s="21">
        <v>342.62900000000002</v>
      </c>
      <c r="C79" s="22">
        <v>328.89499999999998</v>
      </c>
      <c r="D79" s="22">
        <v>13.734000000000037</v>
      </c>
      <c r="E79" s="19"/>
      <c r="F79" s="24">
        <v>2905.3670000000002</v>
      </c>
      <c r="G79" s="24">
        <v>2932.4850000000001</v>
      </c>
      <c r="H79" s="24">
        <v>-27.117999999999938</v>
      </c>
    </row>
    <row r="80" spans="1:8">
      <c r="A80" s="20">
        <v>35034</v>
      </c>
      <c r="B80" s="21">
        <v>507.47300000000001</v>
      </c>
      <c r="C80" s="22">
        <v>480.52600000000001</v>
      </c>
      <c r="D80" s="22">
        <v>26.947000000000003</v>
      </c>
      <c r="E80" s="19"/>
      <c r="F80" s="24">
        <v>3027.3820000000001</v>
      </c>
      <c r="G80" s="24">
        <v>3020.0209999999993</v>
      </c>
      <c r="H80" s="24">
        <v>7.3610000000007858</v>
      </c>
    </row>
    <row r="81" spans="1:8">
      <c r="A81" s="20">
        <v>35065</v>
      </c>
      <c r="B81" s="21">
        <v>528.29300000000001</v>
      </c>
      <c r="C81" s="22">
        <v>531.15800000000002</v>
      </c>
      <c r="D81" s="22">
        <v>-2.8650000000000091</v>
      </c>
      <c r="E81" s="19"/>
      <c r="F81" s="24">
        <v>3095.4590000000007</v>
      </c>
      <c r="G81" s="24">
        <v>3085.5859999999998</v>
      </c>
      <c r="H81" s="24">
        <v>9.8730000000009568</v>
      </c>
    </row>
    <row r="82" spans="1:8">
      <c r="A82" s="20">
        <v>35096</v>
      </c>
      <c r="B82" s="21">
        <v>500.64499999999998</v>
      </c>
      <c r="C82" s="22">
        <v>469.93</v>
      </c>
      <c r="D82" s="22">
        <v>30.714999999999975</v>
      </c>
      <c r="E82" s="19"/>
      <c r="F82" s="24">
        <v>3100.8290000000002</v>
      </c>
      <c r="G82" s="24">
        <v>3073.5689999999995</v>
      </c>
      <c r="H82" s="24">
        <v>27.260000000000673</v>
      </c>
    </row>
    <row r="83" spans="1:8">
      <c r="A83" s="20">
        <v>35125</v>
      </c>
      <c r="B83" s="21">
        <v>457.77</v>
      </c>
      <c r="C83" s="22">
        <v>456.995</v>
      </c>
      <c r="D83" s="22">
        <v>0.77499999999997726</v>
      </c>
      <c r="E83" s="19"/>
      <c r="F83" s="24">
        <v>3191.357</v>
      </c>
      <c r="G83" s="24">
        <v>3166.2619999999997</v>
      </c>
      <c r="H83" s="24">
        <v>25.095000000000255</v>
      </c>
    </row>
    <row r="84" spans="1:8">
      <c r="A84" s="20">
        <v>35156</v>
      </c>
      <c r="B84" s="21">
        <v>295.91800000000001</v>
      </c>
      <c r="C84" s="22">
        <v>290.11900000000003</v>
      </c>
      <c r="D84" s="22">
        <v>5.7989999999999782</v>
      </c>
      <c r="E84" s="19"/>
      <c r="F84" s="24">
        <v>3189.9870000000001</v>
      </c>
      <c r="G84" s="24">
        <v>3159.7629999999999</v>
      </c>
      <c r="H84" s="24">
        <v>30.22400000000016</v>
      </c>
    </row>
    <row r="85" spans="1:8">
      <c r="A85" s="20">
        <v>35186</v>
      </c>
      <c r="B85" s="21">
        <v>173.58099999999999</v>
      </c>
      <c r="C85" s="22">
        <v>169.66800000000001</v>
      </c>
      <c r="D85" s="22">
        <v>3.9129999999999825</v>
      </c>
      <c r="E85" s="19"/>
      <c r="F85" s="24">
        <v>3229.1970000000001</v>
      </c>
      <c r="G85" s="24">
        <v>3185.5250000000001</v>
      </c>
      <c r="H85" s="24">
        <v>43.672000000000025</v>
      </c>
    </row>
    <row r="86" spans="1:8">
      <c r="A86" s="20">
        <v>35217</v>
      </c>
      <c r="B86" s="21">
        <v>67.236999999999995</v>
      </c>
      <c r="C86" s="22">
        <v>68.691000000000003</v>
      </c>
      <c r="D86" s="22">
        <v>-1.4540000000000077</v>
      </c>
      <c r="E86" s="19"/>
      <c r="F86" s="24">
        <v>3232.3130000000001</v>
      </c>
      <c r="G86" s="24">
        <v>3184.6779999999999</v>
      </c>
      <c r="H86" s="24">
        <v>47.635000000000218</v>
      </c>
    </row>
    <row r="87" spans="1:8">
      <c r="A87" s="20">
        <v>35247</v>
      </c>
      <c r="B87" s="21">
        <v>67.236999999999995</v>
      </c>
      <c r="C87" s="22">
        <v>68.215999999999994</v>
      </c>
      <c r="D87" s="22">
        <v>-0.9789999999999992</v>
      </c>
      <c r="E87" s="19"/>
      <c r="F87" s="24">
        <v>3235.4290000000005</v>
      </c>
      <c r="G87" s="24">
        <v>3182.7189999999996</v>
      </c>
      <c r="H87" s="24">
        <v>52.710000000000946</v>
      </c>
    </row>
    <row r="88" spans="1:8">
      <c r="A88" s="20">
        <v>35278</v>
      </c>
      <c r="B88" s="21">
        <v>67.236999999999995</v>
      </c>
      <c r="C88" s="22">
        <v>68.685000000000002</v>
      </c>
      <c r="D88" s="22">
        <v>-1.4480000000000075</v>
      </c>
      <c r="E88" s="19"/>
      <c r="F88" s="24">
        <v>3238.5450000000005</v>
      </c>
      <c r="G88" s="24">
        <v>3181.7949999999996</v>
      </c>
      <c r="H88" s="24">
        <v>56.750000000000909</v>
      </c>
    </row>
    <row r="89" spans="1:8">
      <c r="A89" s="20">
        <v>35309</v>
      </c>
      <c r="B89" s="21">
        <v>89.236999999999995</v>
      </c>
      <c r="C89" s="22">
        <v>75.997</v>
      </c>
      <c r="D89" s="22">
        <v>13.239999999999995</v>
      </c>
      <c r="E89" s="19"/>
      <c r="F89" s="24">
        <v>3239.1100000000006</v>
      </c>
      <c r="G89" s="24">
        <v>3163.6689999999999</v>
      </c>
      <c r="H89" s="24">
        <v>75.441000000000713</v>
      </c>
    </row>
    <row r="90" spans="1:8">
      <c r="A90" s="20">
        <v>35339</v>
      </c>
      <c r="B90" s="21">
        <v>169.018</v>
      </c>
      <c r="C90" s="22">
        <v>170.13499999999999</v>
      </c>
      <c r="D90" s="22">
        <v>-1.1169999999999902</v>
      </c>
      <c r="E90" s="19"/>
      <c r="F90" s="24">
        <v>3266.2750000000005</v>
      </c>
      <c r="G90" s="24">
        <v>3179.0150000000003</v>
      </c>
      <c r="H90" s="24">
        <v>87.260000000000218</v>
      </c>
    </row>
    <row r="91" spans="1:8">
      <c r="A91" s="20">
        <v>35370</v>
      </c>
      <c r="B91" s="21">
        <v>333.08100000000002</v>
      </c>
      <c r="C91" s="22">
        <v>328.84</v>
      </c>
      <c r="D91" s="22">
        <v>4.2410000000000423</v>
      </c>
      <c r="E91" s="19"/>
      <c r="F91" s="24">
        <v>3256.7270000000008</v>
      </c>
      <c r="G91" s="24">
        <v>3178.96</v>
      </c>
      <c r="H91" s="24">
        <v>77.767000000000735</v>
      </c>
    </row>
    <row r="92" spans="1:8">
      <c r="A92" s="20">
        <v>35400</v>
      </c>
      <c r="B92" s="21">
        <v>405.31700000000001</v>
      </c>
      <c r="C92" s="22">
        <v>399.64499999999998</v>
      </c>
      <c r="D92" s="22">
        <v>5.6720000000000255</v>
      </c>
      <c r="E92" s="19"/>
      <c r="F92" s="24">
        <v>3154.5710000000004</v>
      </c>
      <c r="G92" s="24">
        <v>3098.0790000000002</v>
      </c>
      <c r="H92" s="24">
        <v>56.492000000000189</v>
      </c>
    </row>
    <row r="93" spans="1:8">
      <c r="A93" s="20">
        <v>35431</v>
      </c>
      <c r="B93" s="21">
        <v>539.20600000000002</v>
      </c>
      <c r="C93" s="22">
        <v>520.08900000000006</v>
      </c>
      <c r="D93" s="22">
        <v>19.116999999999962</v>
      </c>
      <c r="E93" s="19"/>
      <c r="F93" s="24">
        <v>3165.4840000000004</v>
      </c>
      <c r="G93" s="24">
        <v>3087.0099999999998</v>
      </c>
      <c r="H93" s="24">
        <v>78.474000000000615</v>
      </c>
    </row>
    <row r="94" spans="1:8">
      <c r="A94" s="20">
        <v>35462</v>
      </c>
      <c r="B94" s="21">
        <v>420.37099999999998</v>
      </c>
      <c r="C94" s="22">
        <v>402.63799999999998</v>
      </c>
      <c r="D94" s="22">
        <v>17.733000000000004</v>
      </c>
      <c r="E94" s="19"/>
      <c r="F94" s="24">
        <v>3085.2100000000005</v>
      </c>
      <c r="G94" s="24">
        <v>3019.7179999999998</v>
      </c>
      <c r="H94" s="24">
        <v>65.492000000000644</v>
      </c>
    </row>
    <row r="95" spans="1:8">
      <c r="A95" s="20">
        <v>35490</v>
      </c>
      <c r="B95" s="21">
        <v>412.36</v>
      </c>
      <c r="C95" s="22">
        <v>395.75299999999999</v>
      </c>
      <c r="D95" s="22">
        <v>16.607000000000028</v>
      </c>
      <c r="E95" s="19"/>
      <c r="F95" s="24">
        <v>3039.8</v>
      </c>
      <c r="G95" s="24">
        <v>2958.4760000000001</v>
      </c>
      <c r="H95" s="24">
        <v>81.324000000000069</v>
      </c>
    </row>
    <row r="96" spans="1:8">
      <c r="A96" s="20">
        <v>35521</v>
      </c>
      <c r="B96" s="21">
        <v>275.25</v>
      </c>
      <c r="C96" s="22">
        <v>275.67700000000002</v>
      </c>
      <c r="D96" s="22">
        <v>-0.42700000000002092</v>
      </c>
      <c r="E96" s="19"/>
      <c r="F96" s="24">
        <v>3019.1320000000001</v>
      </c>
      <c r="G96" s="24">
        <v>2944.0340000000001</v>
      </c>
      <c r="H96" s="24">
        <v>75.097999999999956</v>
      </c>
    </row>
    <row r="97" spans="1:8">
      <c r="A97" s="20">
        <v>35551</v>
      </c>
      <c r="B97" s="21">
        <v>198.66200000000001</v>
      </c>
      <c r="C97" s="22">
        <v>206.292</v>
      </c>
      <c r="D97" s="22">
        <v>-7.6299999999999955</v>
      </c>
      <c r="E97" s="19"/>
      <c r="F97" s="24">
        <v>3044.2130000000002</v>
      </c>
      <c r="G97" s="24">
        <v>2980.6579999999999</v>
      </c>
      <c r="H97" s="24">
        <v>63.555000000000291</v>
      </c>
    </row>
    <row r="98" spans="1:8">
      <c r="A98" s="20">
        <v>35582</v>
      </c>
      <c r="B98" s="21">
        <v>67.215000000000003</v>
      </c>
      <c r="C98" s="22">
        <v>67.753</v>
      </c>
      <c r="D98" s="22">
        <v>-0.5379999999999967</v>
      </c>
      <c r="E98" s="19"/>
      <c r="F98" s="24">
        <v>3044.1910000000003</v>
      </c>
      <c r="G98" s="24">
        <v>2979.7200000000003</v>
      </c>
      <c r="H98" s="24">
        <v>64.471000000000004</v>
      </c>
    </row>
    <row r="99" spans="1:8">
      <c r="A99" s="20">
        <v>35612</v>
      </c>
      <c r="B99" s="21">
        <v>67.215000000000003</v>
      </c>
      <c r="C99" s="22">
        <v>66.192999999999998</v>
      </c>
      <c r="D99" s="22">
        <v>1.0220000000000056</v>
      </c>
      <c r="E99" s="19"/>
      <c r="F99" s="24">
        <v>3044.1690000000003</v>
      </c>
      <c r="G99" s="24">
        <v>2977.6970000000006</v>
      </c>
      <c r="H99" s="24">
        <v>66.471999999999753</v>
      </c>
    </row>
    <row r="100" spans="1:8">
      <c r="A100" s="20">
        <v>35643</v>
      </c>
      <c r="B100" s="21">
        <v>67.215000000000003</v>
      </c>
      <c r="C100" s="22">
        <v>67.653999999999996</v>
      </c>
      <c r="D100" s="22">
        <v>-0.43899999999999295</v>
      </c>
      <c r="E100" s="19"/>
      <c r="F100" s="24">
        <v>3044.1470000000004</v>
      </c>
      <c r="G100" s="24">
        <v>2976.6660000000006</v>
      </c>
      <c r="H100" s="24">
        <v>67.480999999999767</v>
      </c>
    </row>
    <row r="101" spans="1:8">
      <c r="A101" s="20">
        <v>35674</v>
      </c>
      <c r="B101" s="21">
        <v>88.465000000000003</v>
      </c>
      <c r="C101" s="22">
        <v>75.022000000000006</v>
      </c>
      <c r="D101" s="22">
        <v>13.442999999999998</v>
      </c>
      <c r="E101" s="19"/>
      <c r="F101" s="24">
        <v>3043.3750000000005</v>
      </c>
      <c r="G101" s="24">
        <v>2975.6910000000003</v>
      </c>
      <c r="H101" s="24">
        <v>67.684000000000196</v>
      </c>
    </row>
    <row r="102" spans="1:8">
      <c r="A102" s="20">
        <v>35704</v>
      </c>
      <c r="B102" s="21">
        <v>169.57300000000001</v>
      </c>
      <c r="C102" s="22">
        <v>170.12</v>
      </c>
      <c r="D102" s="22">
        <v>-0.54699999999999704</v>
      </c>
      <c r="E102" s="19"/>
      <c r="F102" s="24">
        <v>3043.9300000000003</v>
      </c>
      <c r="G102" s="24">
        <v>2975.6759999999999</v>
      </c>
      <c r="H102" s="24">
        <v>68.25400000000036</v>
      </c>
    </row>
    <row r="103" spans="1:8">
      <c r="A103" s="20">
        <v>35735</v>
      </c>
      <c r="B103" s="21">
        <v>305.20600000000002</v>
      </c>
      <c r="C103" s="22">
        <v>307.19900000000001</v>
      </c>
      <c r="D103" s="22">
        <v>-1.992999999999995</v>
      </c>
      <c r="E103" s="19"/>
      <c r="F103" s="24">
        <v>3016.0550000000003</v>
      </c>
      <c r="G103" s="24">
        <v>2954.0350000000003</v>
      </c>
      <c r="H103" s="24">
        <v>62.019999999999982</v>
      </c>
    </row>
    <row r="104" spans="1:8">
      <c r="A104" s="20">
        <v>35765</v>
      </c>
      <c r="B104" s="21">
        <v>404.68799999999999</v>
      </c>
      <c r="C104" s="22">
        <v>407.983</v>
      </c>
      <c r="D104" s="22">
        <v>-3.2950000000000159</v>
      </c>
      <c r="E104" s="19"/>
      <c r="F104" s="24">
        <v>3015.4259999999999</v>
      </c>
      <c r="G104" s="24">
        <v>2962.373</v>
      </c>
      <c r="H104" s="24">
        <v>53.052999999999884</v>
      </c>
    </row>
    <row r="105" spans="1:8">
      <c r="A105" s="20">
        <v>35796</v>
      </c>
      <c r="B105" s="21">
        <v>433.20299999999997</v>
      </c>
      <c r="C105" s="22">
        <v>425.37900000000002</v>
      </c>
      <c r="D105" s="22">
        <v>7.8239999999999554</v>
      </c>
      <c r="E105" s="19"/>
      <c r="F105" s="24">
        <v>2909.4229999999998</v>
      </c>
      <c r="G105" s="24">
        <v>2867.663</v>
      </c>
      <c r="H105" s="24">
        <v>41.759999999999764</v>
      </c>
    </row>
    <row r="106" spans="1:8">
      <c r="A106" s="20">
        <v>35827</v>
      </c>
      <c r="B106" s="21">
        <v>359.262</v>
      </c>
      <c r="C106" s="22">
        <v>356.113</v>
      </c>
      <c r="D106" s="22">
        <v>3.1490000000000009</v>
      </c>
      <c r="E106" s="19"/>
      <c r="F106" s="24">
        <v>2848.3140000000003</v>
      </c>
      <c r="G106" s="24">
        <v>2821.1379999999999</v>
      </c>
      <c r="H106" s="24">
        <v>27.176000000000386</v>
      </c>
    </row>
    <row r="107" spans="1:8">
      <c r="A107" s="20">
        <v>35855</v>
      </c>
      <c r="B107" s="21">
        <v>362.95299999999997</v>
      </c>
      <c r="C107" s="22">
        <v>348.161</v>
      </c>
      <c r="D107" s="22">
        <v>14.791999999999973</v>
      </c>
      <c r="E107" s="19"/>
      <c r="F107" s="24">
        <v>2798.9070000000002</v>
      </c>
      <c r="G107" s="24">
        <v>2773.5459999999998</v>
      </c>
      <c r="H107" s="24">
        <v>25.361000000000331</v>
      </c>
    </row>
    <row r="108" spans="1:8">
      <c r="A108" s="20">
        <v>35886</v>
      </c>
      <c r="B108" s="21">
        <v>214.81299999999999</v>
      </c>
      <c r="C108" s="22">
        <v>222.90899999999999</v>
      </c>
      <c r="D108" s="22">
        <v>-8.0960000000000036</v>
      </c>
      <c r="E108" s="19"/>
      <c r="F108" s="24">
        <v>2738.4700000000003</v>
      </c>
      <c r="G108" s="24">
        <v>2720.7779999999998</v>
      </c>
      <c r="H108" s="24">
        <v>17.692000000000462</v>
      </c>
    </row>
    <row r="109" spans="1:8">
      <c r="A109" s="20">
        <v>35916</v>
      </c>
      <c r="B109" s="21">
        <v>82.510999999999996</v>
      </c>
      <c r="C109" s="22">
        <v>87.997</v>
      </c>
      <c r="D109" s="22">
        <v>-5.4860000000000042</v>
      </c>
      <c r="E109" s="19"/>
      <c r="F109" s="24">
        <v>2622.319</v>
      </c>
      <c r="G109" s="24">
        <v>2602.4829999999997</v>
      </c>
      <c r="H109" s="24">
        <v>19.83600000000024</v>
      </c>
    </row>
    <row r="110" spans="1:8">
      <c r="A110" s="20">
        <v>35947</v>
      </c>
      <c r="B110" s="21">
        <v>65.162999999999997</v>
      </c>
      <c r="C110" s="22">
        <v>68.661000000000001</v>
      </c>
      <c r="D110" s="22">
        <v>-3.4980000000000047</v>
      </c>
      <c r="E110" s="19"/>
      <c r="F110" s="24">
        <v>2620.2669999999998</v>
      </c>
      <c r="G110" s="24">
        <v>2603.3910000000001</v>
      </c>
      <c r="H110" s="24">
        <v>16.875999999999749</v>
      </c>
    </row>
    <row r="111" spans="1:8">
      <c r="A111" s="20">
        <v>35977</v>
      </c>
      <c r="B111" s="21">
        <v>65.162999999999997</v>
      </c>
      <c r="C111" s="22">
        <v>68.783000000000001</v>
      </c>
      <c r="D111" s="22">
        <v>-3.6200000000000045</v>
      </c>
      <c r="E111" s="19"/>
      <c r="F111" s="24">
        <v>2618.2149999999997</v>
      </c>
      <c r="G111" s="24">
        <v>2605.9809999999998</v>
      </c>
      <c r="H111" s="24">
        <v>12.233999999999924</v>
      </c>
    </row>
    <row r="112" spans="1:8">
      <c r="A112" s="20">
        <v>36008</v>
      </c>
      <c r="B112" s="21">
        <v>65.162999999999997</v>
      </c>
      <c r="C112" s="22">
        <v>66.376000000000005</v>
      </c>
      <c r="D112" s="22">
        <v>-1.2130000000000081</v>
      </c>
      <c r="E112" s="19"/>
      <c r="F112" s="24">
        <v>2616.163</v>
      </c>
      <c r="G112" s="24">
        <v>2604.703</v>
      </c>
      <c r="H112" s="24">
        <v>11.460000000000036</v>
      </c>
    </row>
    <row r="113" spans="1:8">
      <c r="A113" s="20">
        <v>36039</v>
      </c>
      <c r="B113" s="21">
        <v>73.076999999999998</v>
      </c>
      <c r="C113" s="22">
        <v>74.111999999999995</v>
      </c>
      <c r="D113" s="22">
        <v>-1.0349999999999966</v>
      </c>
      <c r="E113" s="19"/>
      <c r="F113" s="24">
        <v>2600.7749999999996</v>
      </c>
      <c r="G113" s="24">
        <v>2603.7930000000001</v>
      </c>
      <c r="H113" s="24">
        <v>-3.0180000000004839</v>
      </c>
    </row>
    <row r="114" spans="1:8">
      <c r="A114" s="20">
        <v>36069</v>
      </c>
      <c r="B114" s="21">
        <v>141.62</v>
      </c>
      <c r="C114" s="22">
        <v>150.703</v>
      </c>
      <c r="D114" s="22">
        <v>-9.0829999999999984</v>
      </c>
      <c r="E114" s="19"/>
      <c r="F114" s="24">
        <v>2572.8220000000001</v>
      </c>
      <c r="G114" s="24">
        <v>2584.3760000000002</v>
      </c>
      <c r="H114" s="24">
        <v>-11.554000000000087</v>
      </c>
    </row>
    <row r="115" spans="1:8">
      <c r="A115" s="20">
        <v>36100</v>
      </c>
      <c r="B115" s="21">
        <v>239.97300000000001</v>
      </c>
      <c r="C115" s="22">
        <v>255.37899999999999</v>
      </c>
      <c r="D115" s="22">
        <v>-15.405999999999977</v>
      </c>
      <c r="E115" s="19"/>
      <c r="F115" s="24">
        <v>2507.5889999999999</v>
      </c>
      <c r="G115" s="24">
        <v>2532.556</v>
      </c>
      <c r="H115" s="24">
        <v>-24.967000000000098</v>
      </c>
    </row>
    <row r="116" spans="1:8">
      <c r="A116" s="20">
        <v>36130</v>
      </c>
      <c r="B116" s="21">
        <v>349.565</v>
      </c>
      <c r="C116" s="22">
        <v>369.24599999999998</v>
      </c>
      <c r="D116" s="22">
        <v>-19.680999999999983</v>
      </c>
      <c r="E116" s="19"/>
      <c r="F116" s="24">
        <v>2452.4659999999999</v>
      </c>
      <c r="G116" s="24">
        <v>2493.819</v>
      </c>
      <c r="H116" s="24">
        <v>-41.353000000000065</v>
      </c>
    </row>
    <row r="117" spans="1:8">
      <c r="A117" s="20">
        <v>36161</v>
      </c>
      <c r="B117" s="21">
        <v>524.57100000000003</v>
      </c>
      <c r="C117" s="22">
        <v>516.80700000000002</v>
      </c>
      <c r="D117" s="22">
        <v>7.76400000000001</v>
      </c>
      <c r="E117" s="19"/>
      <c r="F117" s="24">
        <v>2543.8339999999998</v>
      </c>
      <c r="G117" s="24">
        <v>2585.2469999999994</v>
      </c>
      <c r="H117" s="24">
        <v>-41.412999999999556</v>
      </c>
    </row>
    <row r="118" spans="1:8">
      <c r="A118" s="20">
        <v>36192</v>
      </c>
      <c r="B118" s="21">
        <v>385.26400000000001</v>
      </c>
      <c r="C118" s="22">
        <v>375.94799999999998</v>
      </c>
      <c r="D118" s="22">
        <v>9.3160000000000309</v>
      </c>
      <c r="E118" s="19"/>
      <c r="F118" s="24">
        <v>2569.8360000000002</v>
      </c>
      <c r="G118" s="24">
        <v>2605.0819999999999</v>
      </c>
      <c r="H118" s="24">
        <v>-35.24599999999964</v>
      </c>
    </row>
    <row r="119" spans="1:8">
      <c r="A119" s="20">
        <v>36220</v>
      </c>
      <c r="B119" s="21">
        <v>388.40899999999999</v>
      </c>
      <c r="C119" s="22">
        <v>388.64699999999999</v>
      </c>
      <c r="D119" s="22">
        <v>-0.23799999999999955</v>
      </c>
      <c r="E119" s="19"/>
      <c r="F119" s="24">
        <v>2595.2920000000004</v>
      </c>
      <c r="G119" s="24">
        <v>2645.5679999999998</v>
      </c>
      <c r="H119" s="24">
        <v>-50.275999999999385</v>
      </c>
    </row>
    <row r="120" spans="1:8">
      <c r="A120" s="20">
        <v>36251</v>
      </c>
      <c r="B120" s="21">
        <v>218.529</v>
      </c>
      <c r="C120" s="22">
        <v>228.76900000000001</v>
      </c>
      <c r="D120" s="22">
        <v>-10.240000000000009</v>
      </c>
      <c r="E120" s="19"/>
      <c r="F120" s="24">
        <v>2599.0080000000003</v>
      </c>
      <c r="G120" s="24">
        <v>2651.4279999999999</v>
      </c>
      <c r="H120" s="24">
        <v>-52.419999999999618</v>
      </c>
    </row>
    <row r="121" spans="1:8">
      <c r="A121" s="20">
        <v>36281</v>
      </c>
      <c r="B121" s="21">
        <v>101.389</v>
      </c>
      <c r="C121" s="22">
        <v>103.51600000000001</v>
      </c>
      <c r="D121" s="22">
        <v>-2.1270000000000095</v>
      </c>
      <c r="E121" s="19"/>
      <c r="F121" s="24">
        <v>2617.8860000000004</v>
      </c>
      <c r="G121" s="24">
        <v>2666.9469999999997</v>
      </c>
      <c r="H121" s="24">
        <v>-49.06099999999924</v>
      </c>
    </row>
    <row r="122" spans="1:8">
      <c r="A122" s="20">
        <v>36312</v>
      </c>
      <c r="B122" s="21">
        <v>62.466999999999999</v>
      </c>
      <c r="C122" s="22">
        <v>67.355999999999995</v>
      </c>
      <c r="D122" s="22">
        <v>-4.8889999999999958</v>
      </c>
      <c r="E122" s="19"/>
      <c r="F122" s="24">
        <v>2615.1900000000005</v>
      </c>
      <c r="G122" s="24">
        <v>2665.6419999999998</v>
      </c>
      <c r="H122" s="24">
        <v>-50.451999999999316</v>
      </c>
    </row>
    <row r="123" spans="1:8">
      <c r="A123" s="20">
        <v>36342</v>
      </c>
      <c r="B123" s="21">
        <v>62.466999999999999</v>
      </c>
      <c r="C123" s="22">
        <v>67.195999999999998</v>
      </c>
      <c r="D123" s="22">
        <v>-4.7289999999999992</v>
      </c>
      <c r="E123" s="19"/>
      <c r="F123" s="24">
        <v>2612.4940000000006</v>
      </c>
      <c r="G123" s="24">
        <v>2664.0550000000003</v>
      </c>
      <c r="H123" s="24">
        <v>-51.560999999999694</v>
      </c>
    </row>
    <row r="124" spans="1:8">
      <c r="A124" s="20">
        <v>36373</v>
      </c>
      <c r="B124" s="21">
        <v>62.466999999999999</v>
      </c>
      <c r="C124" s="22">
        <v>65.876999999999995</v>
      </c>
      <c r="D124" s="22">
        <v>-3.4099999999999966</v>
      </c>
      <c r="E124" s="19"/>
      <c r="F124" s="24">
        <v>2609.7980000000007</v>
      </c>
      <c r="G124" s="24">
        <v>2663.556</v>
      </c>
      <c r="H124" s="24">
        <v>-53.757999999999356</v>
      </c>
    </row>
    <row r="125" spans="1:8">
      <c r="A125" s="20">
        <v>36404</v>
      </c>
      <c r="B125" s="21">
        <v>74.381</v>
      </c>
      <c r="C125" s="22">
        <v>73.343000000000004</v>
      </c>
      <c r="D125" s="22">
        <v>1.0379999999999967</v>
      </c>
      <c r="E125" s="19"/>
      <c r="F125" s="24">
        <v>2611.1020000000003</v>
      </c>
      <c r="G125" s="24">
        <v>2662.7869999999998</v>
      </c>
      <c r="H125" s="24">
        <v>-51.684999999999491</v>
      </c>
    </row>
    <row r="126" spans="1:8">
      <c r="A126" s="20">
        <v>36434</v>
      </c>
      <c r="B126" s="21">
        <v>178.63399999999999</v>
      </c>
      <c r="C126" s="22">
        <v>163.959</v>
      </c>
      <c r="D126" s="22">
        <v>14.674999999999983</v>
      </c>
      <c r="E126" s="19"/>
      <c r="F126" s="24">
        <v>2648.1160000000004</v>
      </c>
      <c r="G126" s="24">
        <v>2676.0430000000001</v>
      </c>
      <c r="H126" s="24">
        <v>-27.92699999999968</v>
      </c>
    </row>
    <row r="127" spans="1:8">
      <c r="A127" s="20">
        <v>36465</v>
      </c>
      <c r="B127" s="21">
        <v>226.89</v>
      </c>
      <c r="C127" s="22">
        <v>245.959</v>
      </c>
      <c r="D127" s="22">
        <v>-19.069000000000017</v>
      </c>
      <c r="E127" s="19"/>
      <c r="F127" s="24">
        <v>2635.0329999999999</v>
      </c>
      <c r="G127" s="24">
        <v>2666.6229999999991</v>
      </c>
      <c r="H127" s="24">
        <v>-31.589999999999236</v>
      </c>
    </row>
    <row r="128" spans="1:8">
      <c r="A128" s="20">
        <v>36495</v>
      </c>
      <c r="B128" s="21">
        <v>386.541</v>
      </c>
      <c r="C128" s="22">
        <v>388.22300000000001</v>
      </c>
      <c r="D128" s="22">
        <v>-1.6820000000000164</v>
      </c>
      <c r="E128" s="19"/>
      <c r="F128" s="24">
        <v>2672.0090000000005</v>
      </c>
      <c r="G128" s="24">
        <v>2685.6</v>
      </c>
      <c r="H128" s="24">
        <v>-13.59099999999944</v>
      </c>
    </row>
    <row r="129" spans="1:8">
      <c r="A129" s="20">
        <v>36526</v>
      </c>
      <c r="B129" s="21">
        <v>445.88400000000001</v>
      </c>
      <c r="C129" s="22">
        <v>439.50799999999998</v>
      </c>
      <c r="D129" s="22">
        <v>6.3760000000000332</v>
      </c>
      <c r="E129" s="19"/>
      <c r="F129" s="24">
        <v>2593.3220000000006</v>
      </c>
      <c r="G129" s="24">
        <v>2608.3009999999999</v>
      </c>
      <c r="H129" s="24">
        <v>-14.97899999999936</v>
      </c>
    </row>
    <row r="130" spans="1:8">
      <c r="A130" s="20">
        <v>36557</v>
      </c>
      <c r="B130" s="21">
        <v>459.19200000000001</v>
      </c>
      <c r="C130" s="22">
        <v>452.81599999999997</v>
      </c>
      <c r="D130" s="22">
        <v>6.3760000000000332</v>
      </c>
      <c r="E130" s="19"/>
      <c r="F130" s="24">
        <v>2667.25</v>
      </c>
      <c r="G130" s="24">
        <v>2685.1689999999994</v>
      </c>
      <c r="H130" s="24">
        <v>-17.918999999999414</v>
      </c>
    </row>
    <row r="131" spans="1:8">
      <c r="A131" s="20">
        <v>36586</v>
      </c>
      <c r="B131" s="21">
        <v>291.27499999999998</v>
      </c>
      <c r="C131" s="22">
        <v>301.22399999999999</v>
      </c>
      <c r="D131" s="22">
        <v>-9.9490000000000123</v>
      </c>
      <c r="E131" s="19"/>
      <c r="F131" s="24">
        <v>2570.116</v>
      </c>
      <c r="G131" s="24">
        <v>2597.7460000000001</v>
      </c>
      <c r="H131" s="24">
        <v>-27.630000000000109</v>
      </c>
    </row>
    <row r="132" spans="1:8">
      <c r="A132" s="20">
        <v>36617</v>
      </c>
      <c r="B132" s="21">
        <v>244.99100000000001</v>
      </c>
      <c r="C132" s="22">
        <v>244.18199999999999</v>
      </c>
      <c r="D132" s="22">
        <v>0.80900000000002592</v>
      </c>
      <c r="E132" s="19"/>
      <c r="F132" s="24">
        <v>2596.578</v>
      </c>
      <c r="G132" s="24">
        <v>2613.1590000000001</v>
      </c>
      <c r="H132" s="24">
        <v>-16.581000000000131</v>
      </c>
    </row>
    <row r="133" spans="1:8">
      <c r="A133" s="20">
        <v>36647</v>
      </c>
      <c r="B133" s="21">
        <v>123.629</v>
      </c>
      <c r="C133" s="22">
        <v>118.191</v>
      </c>
      <c r="D133" s="22">
        <v>5.4380000000000024</v>
      </c>
      <c r="E133" s="19"/>
      <c r="F133" s="24">
        <v>2618.8179999999998</v>
      </c>
      <c r="G133" s="24">
        <v>2627.8339999999998</v>
      </c>
      <c r="H133" s="24">
        <v>-9.0160000000000764</v>
      </c>
    </row>
    <row r="134" spans="1:8">
      <c r="A134" s="20">
        <v>36678</v>
      </c>
      <c r="B134" s="21">
        <v>68.515000000000001</v>
      </c>
      <c r="C134" s="22">
        <v>64.567999999999998</v>
      </c>
      <c r="D134" s="22">
        <v>3.9470000000000027</v>
      </c>
      <c r="E134" s="19"/>
      <c r="F134" s="24">
        <v>2624.8659999999995</v>
      </c>
      <c r="G134" s="24">
        <v>2625.0459999999998</v>
      </c>
      <c r="H134" s="24">
        <v>-0.18000000000029104</v>
      </c>
    </row>
    <row r="135" spans="1:8">
      <c r="A135" s="20">
        <v>36708</v>
      </c>
      <c r="B135" s="21">
        <v>68.515000000000001</v>
      </c>
      <c r="C135" s="22">
        <v>65.076999999999998</v>
      </c>
      <c r="D135" s="22">
        <v>3.4380000000000024</v>
      </c>
      <c r="E135" s="19"/>
      <c r="F135" s="24">
        <v>2630.9139999999998</v>
      </c>
      <c r="G135" s="24">
        <v>2622.9269999999997</v>
      </c>
      <c r="H135" s="24">
        <v>7.98700000000008</v>
      </c>
    </row>
    <row r="136" spans="1:8">
      <c r="A136" s="20">
        <v>36739</v>
      </c>
      <c r="B136" s="21">
        <v>68.515000000000001</v>
      </c>
      <c r="C136" s="22">
        <v>64.278999999999996</v>
      </c>
      <c r="D136" s="22">
        <v>4.2360000000000042</v>
      </c>
      <c r="E136" s="19"/>
      <c r="F136" s="24">
        <v>2636.9619999999995</v>
      </c>
      <c r="G136" s="24">
        <v>2621.3290000000002</v>
      </c>
      <c r="H136" s="24">
        <v>15.632999999999356</v>
      </c>
    </row>
    <row r="137" spans="1:8">
      <c r="A137" s="20">
        <v>36770</v>
      </c>
      <c r="B137" s="21">
        <v>79.268000000000001</v>
      </c>
      <c r="C137" s="22">
        <v>78.114999999999995</v>
      </c>
      <c r="D137" s="22">
        <v>1.1530000000000058</v>
      </c>
      <c r="E137" s="19"/>
      <c r="F137" s="24">
        <v>2641.8489999999997</v>
      </c>
      <c r="G137" s="24">
        <v>2626.1010000000001</v>
      </c>
      <c r="H137" s="24">
        <v>15.747999999999593</v>
      </c>
    </row>
    <row r="138" spans="1:8">
      <c r="A138" s="20">
        <v>36800</v>
      </c>
      <c r="B138" s="21">
        <v>161.398</v>
      </c>
      <c r="C138" s="22">
        <v>143.63999999999999</v>
      </c>
      <c r="D138" s="22">
        <v>17.75800000000001</v>
      </c>
      <c r="E138" s="19"/>
      <c r="F138" s="24">
        <v>2624.6129999999998</v>
      </c>
      <c r="G138" s="24">
        <v>2605.7819999999992</v>
      </c>
      <c r="H138" s="24">
        <v>18.831000000000586</v>
      </c>
    </row>
    <row r="139" spans="1:8">
      <c r="A139" s="20">
        <v>36831</v>
      </c>
      <c r="B139" s="21">
        <v>242.87</v>
      </c>
      <c r="C139" s="22">
        <v>274.92</v>
      </c>
      <c r="D139" s="22">
        <v>-32.050000000000011</v>
      </c>
      <c r="E139" s="19"/>
      <c r="F139" s="24">
        <v>2640.5929999999998</v>
      </c>
      <c r="G139" s="24">
        <v>2634.7429999999995</v>
      </c>
      <c r="H139" s="24">
        <v>5.8500000000003638</v>
      </c>
    </row>
    <row r="140" spans="1:8">
      <c r="A140" s="20">
        <v>36861</v>
      </c>
      <c r="B140" s="21">
        <v>514.14400000000001</v>
      </c>
      <c r="C140" s="22">
        <v>509.97300000000001</v>
      </c>
      <c r="D140" s="22">
        <v>4.1709999999999923</v>
      </c>
      <c r="E140" s="19"/>
      <c r="F140" s="24">
        <v>2768.1959999999999</v>
      </c>
      <c r="G140" s="24">
        <v>2756.4929999999999</v>
      </c>
      <c r="H140" s="24">
        <v>11.702999999999975</v>
      </c>
    </row>
    <row r="141" spans="1:8">
      <c r="A141" s="20">
        <v>36892</v>
      </c>
      <c r="B141" s="21">
        <v>466.47699999999998</v>
      </c>
      <c r="C141" s="22">
        <v>466.25599999999997</v>
      </c>
      <c r="D141" s="22">
        <v>0.22100000000000364</v>
      </c>
      <c r="E141" s="19"/>
      <c r="F141" s="24">
        <v>2788.7889999999998</v>
      </c>
      <c r="G141" s="24">
        <v>2783.241</v>
      </c>
      <c r="H141" s="24">
        <v>5.5479999999997744</v>
      </c>
    </row>
    <row r="142" spans="1:8">
      <c r="A142" s="20">
        <v>36923</v>
      </c>
      <c r="B142" s="21">
        <v>397.49200000000002</v>
      </c>
      <c r="C142" s="22">
        <v>387.69900000000001</v>
      </c>
      <c r="D142" s="22">
        <v>9.7930000000000064</v>
      </c>
      <c r="E142" s="19"/>
      <c r="F142" s="24">
        <v>2727.0890000000004</v>
      </c>
      <c r="G142" s="24">
        <v>2718.1239999999998</v>
      </c>
      <c r="H142" s="24">
        <v>8.9650000000006003</v>
      </c>
    </row>
    <row r="143" spans="1:8">
      <c r="A143" s="20">
        <v>36951</v>
      </c>
      <c r="B143" s="21">
        <v>394.536</v>
      </c>
      <c r="C143" s="22">
        <v>386.45499999999998</v>
      </c>
      <c r="D143" s="22">
        <v>8.0810000000000173</v>
      </c>
      <c r="E143" s="19"/>
      <c r="F143" s="24">
        <v>2830.3500000000004</v>
      </c>
      <c r="G143" s="24">
        <v>2803.355</v>
      </c>
      <c r="H143" s="24">
        <v>26.995000000000346</v>
      </c>
    </row>
    <row r="144" spans="1:8">
      <c r="A144" s="20">
        <v>36982</v>
      </c>
      <c r="B144" s="21">
        <v>206.64</v>
      </c>
      <c r="C144" s="22">
        <v>206.83600000000001</v>
      </c>
      <c r="D144" s="22">
        <v>-0.19600000000002638</v>
      </c>
      <c r="E144" s="19"/>
      <c r="F144" s="24">
        <v>2791.9990000000003</v>
      </c>
      <c r="G144" s="24">
        <v>2766.009</v>
      </c>
      <c r="H144" s="24">
        <v>25.990000000000236</v>
      </c>
    </row>
    <row r="145" spans="1:8">
      <c r="A145" s="20">
        <v>37012</v>
      </c>
      <c r="B145" s="21">
        <v>105.229</v>
      </c>
      <c r="C145" s="22">
        <v>95.927999999999997</v>
      </c>
      <c r="D145" s="22">
        <v>9.3010000000000019</v>
      </c>
      <c r="E145" s="19"/>
      <c r="F145" s="24">
        <v>2773.5989999999997</v>
      </c>
      <c r="G145" s="24">
        <v>2743.7460000000001</v>
      </c>
      <c r="H145" s="24">
        <v>29.852999999999611</v>
      </c>
    </row>
    <row r="146" spans="1:8">
      <c r="A146" s="20">
        <v>37043</v>
      </c>
      <c r="B146" s="21">
        <v>60.975999999999999</v>
      </c>
      <c r="C146" s="22">
        <v>59.808999999999997</v>
      </c>
      <c r="D146" s="22">
        <v>1.1670000000000016</v>
      </c>
      <c r="E146" s="19"/>
      <c r="F146" s="24">
        <v>2766.0599999999995</v>
      </c>
      <c r="G146" s="24">
        <v>2738.9870000000001</v>
      </c>
      <c r="H146" s="24">
        <v>27.072999999999411</v>
      </c>
    </row>
    <row r="147" spans="1:8">
      <c r="A147" s="20">
        <v>37073</v>
      </c>
      <c r="B147" s="21">
        <v>60.975999999999999</v>
      </c>
      <c r="C147" s="22">
        <v>62.185000000000002</v>
      </c>
      <c r="D147" s="22">
        <v>-1.2090000000000032</v>
      </c>
      <c r="E147" s="19"/>
      <c r="F147" s="24">
        <v>2758.5209999999997</v>
      </c>
      <c r="G147" s="24">
        <v>2736.0949999999998</v>
      </c>
      <c r="H147" s="24">
        <v>22.425999999999931</v>
      </c>
    </row>
    <row r="148" spans="1:8">
      <c r="A148" s="20">
        <v>37104</v>
      </c>
      <c r="B148" s="21">
        <v>60.975999999999999</v>
      </c>
      <c r="C148" s="22">
        <v>62.664999999999999</v>
      </c>
      <c r="D148" s="22">
        <v>-1.6890000000000001</v>
      </c>
      <c r="E148" s="19"/>
      <c r="F148" s="24">
        <v>2750.982</v>
      </c>
      <c r="G148" s="24">
        <v>2734.4810000000002</v>
      </c>
      <c r="H148" s="24">
        <v>16.500999999999749</v>
      </c>
    </row>
    <row r="149" spans="1:8">
      <c r="A149" s="20">
        <v>37135</v>
      </c>
      <c r="B149" s="21">
        <v>70.02</v>
      </c>
      <c r="C149" s="22">
        <v>70.64</v>
      </c>
      <c r="D149" s="22">
        <v>-0.62000000000000455</v>
      </c>
      <c r="E149" s="19"/>
      <c r="F149" s="24">
        <v>2741.7339999999999</v>
      </c>
      <c r="G149" s="24">
        <v>2727.0060000000003</v>
      </c>
      <c r="H149" s="24">
        <v>14.727999999999611</v>
      </c>
    </row>
    <row r="150" spans="1:8">
      <c r="A150" s="20">
        <v>37165</v>
      </c>
      <c r="B150" s="21">
        <v>145.17599999999999</v>
      </c>
      <c r="C150" s="22">
        <v>145.63800000000001</v>
      </c>
      <c r="D150" s="22">
        <v>-0.46200000000001751</v>
      </c>
      <c r="E150" s="19"/>
      <c r="F150" s="24">
        <v>2725.5120000000002</v>
      </c>
      <c r="G150" s="24">
        <v>2729.0039999999999</v>
      </c>
      <c r="H150" s="24">
        <v>-3.4919999999997344</v>
      </c>
    </row>
    <row r="151" spans="1:8">
      <c r="A151" s="20">
        <v>37196</v>
      </c>
      <c r="B151" s="21">
        <v>208.041</v>
      </c>
      <c r="C151" s="22">
        <v>211.364</v>
      </c>
      <c r="D151" s="22">
        <v>-3.3230000000000075</v>
      </c>
      <c r="E151" s="19"/>
      <c r="F151" s="24">
        <v>2690.6830000000004</v>
      </c>
      <c r="G151" s="24">
        <v>2665.4479999999999</v>
      </c>
      <c r="H151" s="24">
        <v>25.235000000000582</v>
      </c>
    </row>
    <row r="152" spans="1:8">
      <c r="A152" s="20">
        <v>37226</v>
      </c>
      <c r="B152" s="21">
        <v>334.72800000000001</v>
      </c>
      <c r="C152" s="22">
        <v>351.45600000000002</v>
      </c>
      <c r="D152" s="22">
        <v>-16.728000000000009</v>
      </c>
      <c r="E152" s="19"/>
      <c r="F152" s="24">
        <v>2511.2670000000003</v>
      </c>
      <c r="G152" s="24">
        <v>2506.931</v>
      </c>
      <c r="H152" s="24">
        <v>4.3360000000002401</v>
      </c>
    </row>
    <row r="153" spans="1:8">
      <c r="A153" s="20">
        <v>37257</v>
      </c>
      <c r="B153" s="21">
        <v>405.97500000000002</v>
      </c>
      <c r="C153" s="22">
        <v>402.02600000000001</v>
      </c>
      <c r="D153" s="22">
        <v>3.9490000000000123</v>
      </c>
      <c r="E153" s="19"/>
      <c r="F153" s="24">
        <v>2450.7650000000003</v>
      </c>
      <c r="G153" s="24">
        <v>2442.701</v>
      </c>
      <c r="H153" s="24">
        <v>8.0640000000003056</v>
      </c>
    </row>
    <row r="154" spans="1:8">
      <c r="A154" s="20">
        <v>37288</v>
      </c>
      <c r="B154" s="21">
        <v>385.65699999999998</v>
      </c>
      <c r="C154" s="22">
        <v>363.714</v>
      </c>
      <c r="D154" s="22">
        <v>21.942999999999984</v>
      </c>
      <c r="E154" s="19"/>
      <c r="F154" s="24">
        <v>2438.9300000000003</v>
      </c>
      <c r="G154" s="24">
        <v>2418.7159999999999</v>
      </c>
      <c r="H154" s="24">
        <v>20.214000000000397</v>
      </c>
    </row>
    <row r="155" spans="1:8">
      <c r="A155" s="20">
        <v>37316</v>
      </c>
      <c r="B155" s="21">
        <v>357.74400000000003</v>
      </c>
      <c r="C155" s="22">
        <v>367.10500000000002</v>
      </c>
      <c r="D155" s="22">
        <v>-9.36099999999999</v>
      </c>
      <c r="E155" s="19"/>
      <c r="F155" s="24">
        <v>2402.1379999999999</v>
      </c>
      <c r="G155" s="24">
        <v>2399.366</v>
      </c>
      <c r="H155" s="24">
        <v>2.7719999999999345</v>
      </c>
    </row>
    <row r="156" spans="1:8">
      <c r="A156" s="20">
        <v>37347</v>
      </c>
      <c r="B156" s="21">
        <v>216.983</v>
      </c>
      <c r="C156" s="22">
        <v>223.31299999999999</v>
      </c>
      <c r="D156" s="22">
        <v>-6.3299999999999841</v>
      </c>
      <c r="E156" s="19"/>
      <c r="F156" s="24">
        <v>2412.4810000000002</v>
      </c>
      <c r="G156" s="24">
        <v>2415.8429999999998</v>
      </c>
      <c r="H156" s="24">
        <v>-3.3619999999996253</v>
      </c>
    </row>
    <row r="157" spans="1:8">
      <c r="A157" s="20">
        <v>37377</v>
      </c>
      <c r="B157" s="21">
        <v>168.63</v>
      </c>
      <c r="C157" s="22">
        <v>158.715</v>
      </c>
      <c r="D157" s="22">
        <v>9.914999999999992</v>
      </c>
      <c r="E157" s="19"/>
      <c r="F157" s="24">
        <v>2475.8820000000001</v>
      </c>
      <c r="G157" s="24">
        <v>2478.63</v>
      </c>
      <c r="H157" s="24">
        <v>-2.7480000000000473</v>
      </c>
    </row>
    <row r="158" spans="1:8">
      <c r="A158" s="20">
        <v>37408</v>
      </c>
      <c r="B158" s="21">
        <v>66.278999999999996</v>
      </c>
      <c r="C158" s="22">
        <v>62.674999999999997</v>
      </c>
      <c r="D158" s="22">
        <v>3.6039999999999992</v>
      </c>
      <c r="E158" s="19"/>
      <c r="F158" s="24">
        <v>2481.1849999999999</v>
      </c>
      <c r="G158" s="24">
        <v>2481.4960000000005</v>
      </c>
      <c r="H158" s="24">
        <v>-0.3110000000006039</v>
      </c>
    </row>
    <row r="159" spans="1:8">
      <c r="A159" s="20">
        <v>37438</v>
      </c>
      <c r="B159" s="21">
        <v>66.278999999999996</v>
      </c>
      <c r="C159" s="22">
        <v>60.82</v>
      </c>
      <c r="D159" s="22">
        <v>5.4589999999999961</v>
      </c>
      <c r="E159" s="19"/>
      <c r="F159" s="24">
        <v>2486.4880000000003</v>
      </c>
      <c r="G159" s="24">
        <v>2480.1310000000003</v>
      </c>
      <c r="H159" s="24">
        <v>6.3569999999999709</v>
      </c>
    </row>
    <row r="160" spans="1:8">
      <c r="A160" s="20">
        <v>37469</v>
      </c>
      <c r="B160" s="21">
        <v>66.278999999999996</v>
      </c>
      <c r="C160" s="22">
        <v>62.308999999999997</v>
      </c>
      <c r="D160" s="22">
        <v>3.9699999999999989</v>
      </c>
      <c r="E160" s="19"/>
      <c r="F160" s="24">
        <v>2491.7910000000002</v>
      </c>
      <c r="G160" s="24">
        <v>2479.7750000000005</v>
      </c>
      <c r="H160" s="24">
        <v>12.015999999999622</v>
      </c>
    </row>
    <row r="161" spans="1:8">
      <c r="A161" s="20">
        <v>37500</v>
      </c>
      <c r="B161" s="21">
        <v>59.457999999999998</v>
      </c>
      <c r="C161" s="22">
        <v>69.433000000000007</v>
      </c>
      <c r="D161" s="22">
        <v>-9.9750000000000085</v>
      </c>
      <c r="E161" s="19"/>
      <c r="F161" s="24">
        <v>2481.2290000000003</v>
      </c>
      <c r="G161" s="24">
        <v>2478.5680000000007</v>
      </c>
      <c r="H161" s="24">
        <v>2.6609999999996035</v>
      </c>
    </row>
    <row r="162" spans="1:8">
      <c r="A162" s="20">
        <v>37530</v>
      </c>
      <c r="B162" s="21">
        <v>163.369</v>
      </c>
      <c r="C162" s="22">
        <v>169.34299999999999</v>
      </c>
      <c r="D162" s="22">
        <v>-5.9739999999999895</v>
      </c>
      <c r="E162" s="19"/>
      <c r="F162" s="24">
        <v>2499.422</v>
      </c>
      <c r="G162" s="24">
        <v>2502.2730000000006</v>
      </c>
      <c r="H162" s="24">
        <v>-2.8510000000005675</v>
      </c>
    </row>
    <row r="163" spans="1:8">
      <c r="A163" s="20">
        <v>37561</v>
      </c>
      <c r="B163" s="21">
        <v>271.536</v>
      </c>
      <c r="C163" s="22">
        <v>274.78399999999999</v>
      </c>
      <c r="D163" s="22">
        <v>-3.2479999999999905</v>
      </c>
      <c r="E163" s="19"/>
      <c r="F163" s="24">
        <v>2562.9169999999999</v>
      </c>
      <c r="G163" s="24">
        <v>2565.6929999999998</v>
      </c>
      <c r="H163" s="24">
        <v>-2.7759999999998399</v>
      </c>
    </row>
    <row r="164" spans="1:8">
      <c r="A164" s="20">
        <v>37591</v>
      </c>
      <c r="B164" s="21">
        <v>407.23500000000001</v>
      </c>
      <c r="C164" s="22">
        <v>412.20299999999997</v>
      </c>
      <c r="D164" s="22">
        <v>-4.9679999999999609</v>
      </c>
      <c r="E164" s="19"/>
      <c r="F164" s="24">
        <v>2635.424</v>
      </c>
      <c r="G164" s="24">
        <v>2626.4399999999996</v>
      </c>
      <c r="H164" s="24">
        <v>8.9840000000003783</v>
      </c>
    </row>
    <row r="165" spans="1:8">
      <c r="A165" s="20">
        <v>37622</v>
      </c>
      <c r="B165" s="21">
        <v>545.745</v>
      </c>
      <c r="C165" s="22">
        <v>532.51199999999994</v>
      </c>
      <c r="D165" s="22">
        <v>13.233000000000061</v>
      </c>
      <c r="E165" s="19"/>
      <c r="F165" s="24">
        <v>2775.194</v>
      </c>
      <c r="G165" s="24">
        <v>2756.9259999999995</v>
      </c>
      <c r="H165" s="24">
        <v>18.268000000000484</v>
      </c>
    </row>
    <row r="166" spans="1:8">
      <c r="A166" s="20">
        <v>37653</v>
      </c>
      <c r="B166" s="21">
        <v>455.44400000000002</v>
      </c>
      <c r="C166" s="22">
        <v>455.05099999999999</v>
      </c>
      <c r="D166" s="22">
        <v>0.3930000000000291</v>
      </c>
      <c r="E166" s="19"/>
      <c r="F166" s="24">
        <v>2844.9809999999998</v>
      </c>
      <c r="G166" s="24">
        <v>2848.2629999999995</v>
      </c>
      <c r="H166" s="24">
        <v>-3.281999999999698</v>
      </c>
    </row>
    <row r="167" spans="1:8">
      <c r="A167" s="20">
        <v>37681</v>
      </c>
      <c r="B167" s="21">
        <v>363.04199999999997</v>
      </c>
      <c r="C167" s="22">
        <v>370.98899999999998</v>
      </c>
      <c r="D167" s="22">
        <v>-7.9470000000000027</v>
      </c>
      <c r="E167" s="19"/>
      <c r="F167" s="24">
        <v>2850.279</v>
      </c>
      <c r="G167" s="24">
        <v>2852.1469999999999</v>
      </c>
      <c r="H167" s="24">
        <v>-1.8679999999999382</v>
      </c>
    </row>
    <row r="168" spans="1:8">
      <c r="A168" s="20">
        <v>37712</v>
      </c>
      <c r="B168" s="21">
        <v>234.738</v>
      </c>
      <c r="C168" s="22">
        <v>240.04</v>
      </c>
      <c r="D168" s="22">
        <v>-5.3019999999999925</v>
      </c>
      <c r="E168" s="19"/>
      <c r="F168" s="24">
        <v>2868.0339999999997</v>
      </c>
      <c r="G168" s="24">
        <v>2868.8739999999998</v>
      </c>
      <c r="H168" s="24">
        <v>-0.84000000000014552</v>
      </c>
    </row>
    <row r="169" spans="1:8">
      <c r="A169" s="20">
        <v>37742</v>
      </c>
      <c r="B169" s="21">
        <v>129.11000000000001</v>
      </c>
      <c r="C169" s="22">
        <v>138.13399999999999</v>
      </c>
      <c r="D169" s="22">
        <v>-9.0239999999999725</v>
      </c>
      <c r="E169" s="19"/>
      <c r="F169" s="24">
        <v>2828.5139999999997</v>
      </c>
      <c r="G169" s="24">
        <v>2848.2930000000001</v>
      </c>
      <c r="H169" s="24">
        <v>-19.779000000000451</v>
      </c>
    </row>
    <row r="170" spans="1:8">
      <c r="A170" s="20">
        <v>37773</v>
      </c>
      <c r="B170" s="21">
        <v>63.994999999999997</v>
      </c>
      <c r="C170" s="22">
        <v>57.386000000000003</v>
      </c>
      <c r="D170" s="22">
        <v>6.6089999999999947</v>
      </c>
      <c r="E170" s="19"/>
      <c r="F170" s="24">
        <v>2826.2299999999996</v>
      </c>
      <c r="G170" s="24">
        <v>2843.0039999999995</v>
      </c>
      <c r="H170" s="24">
        <v>-16.773999999999887</v>
      </c>
    </row>
    <row r="171" spans="1:8">
      <c r="A171" s="20">
        <v>37803</v>
      </c>
      <c r="B171" s="21">
        <v>63.994999999999997</v>
      </c>
      <c r="C171" s="22">
        <v>58.223999999999997</v>
      </c>
      <c r="D171" s="22">
        <v>5.7710000000000008</v>
      </c>
      <c r="E171" s="19"/>
      <c r="F171" s="24">
        <v>2823.9459999999999</v>
      </c>
      <c r="G171" s="24">
        <v>2840.4079999999999</v>
      </c>
      <c r="H171" s="24">
        <v>-16.461999999999989</v>
      </c>
    </row>
    <row r="172" spans="1:8">
      <c r="A172" s="20">
        <v>37834</v>
      </c>
      <c r="B172" s="21">
        <v>63.994999999999997</v>
      </c>
      <c r="C172" s="22">
        <v>60.16</v>
      </c>
      <c r="D172" s="22">
        <v>3.8350000000000009</v>
      </c>
      <c r="E172" s="19"/>
      <c r="F172" s="24">
        <v>2821.6619999999994</v>
      </c>
      <c r="G172" s="24">
        <v>2838.2589999999996</v>
      </c>
      <c r="H172" s="24">
        <v>-16.597000000000207</v>
      </c>
    </row>
    <row r="173" spans="1:8">
      <c r="A173" s="20">
        <v>37865</v>
      </c>
      <c r="B173" s="21">
        <v>70.122</v>
      </c>
      <c r="C173" s="22">
        <v>67.355000000000004</v>
      </c>
      <c r="D173" s="22">
        <v>2.7669999999999959</v>
      </c>
      <c r="E173" s="19"/>
      <c r="F173" s="24">
        <v>2832.3259999999996</v>
      </c>
      <c r="G173" s="24">
        <v>2836.1809999999996</v>
      </c>
      <c r="H173" s="24">
        <v>-3.8550000000000182</v>
      </c>
    </row>
    <row r="174" spans="1:8">
      <c r="A174" s="20">
        <v>37895</v>
      </c>
      <c r="B174" s="21">
        <v>157.31299999999999</v>
      </c>
      <c r="C174" s="22">
        <v>155.07</v>
      </c>
      <c r="D174" s="22">
        <v>2.242999999999995</v>
      </c>
      <c r="E174" s="19"/>
      <c r="F174" s="24">
        <v>2826.2699999999995</v>
      </c>
      <c r="G174" s="24">
        <v>2821.9079999999999</v>
      </c>
      <c r="H174" s="24">
        <v>4.3619999999996253</v>
      </c>
    </row>
    <row r="175" spans="1:8">
      <c r="A175" s="20">
        <v>37926</v>
      </c>
      <c r="B175" s="21">
        <v>240.636</v>
      </c>
      <c r="C175" s="22">
        <v>237.36799999999999</v>
      </c>
      <c r="D175" s="22">
        <v>3.2680000000000007</v>
      </c>
      <c r="E175" s="19"/>
      <c r="F175" s="24">
        <v>2795.3699999999994</v>
      </c>
      <c r="G175" s="24">
        <v>2784.4919999999997</v>
      </c>
      <c r="H175" s="24">
        <v>10.877999999999702</v>
      </c>
    </row>
    <row r="176" spans="1:8">
      <c r="A176" s="20">
        <v>37956</v>
      </c>
      <c r="B176" s="21">
        <v>382.14499999999998</v>
      </c>
      <c r="C176" s="22">
        <v>372.17200000000003</v>
      </c>
      <c r="D176" s="22">
        <v>9.9729999999999563</v>
      </c>
      <c r="E176" s="19"/>
      <c r="F176" s="24">
        <v>2770.2799999999997</v>
      </c>
      <c r="G176" s="24">
        <v>2744.4609999999998</v>
      </c>
      <c r="H176" s="24">
        <v>25.81899999999996</v>
      </c>
    </row>
    <row r="177" spans="1:8">
      <c r="A177" s="20">
        <v>37987</v>
      </c>
      <c r="B177" s="21">
        <v>544.923</v>
      </c>
      <c r="C177" s="22">
        <v>548.399</v>
      </c>
      <c r="D177" s="22">
        <v>-3.4759999999999991</v>
      </c>
      <c r="E177" s="19"/>
      <c r="F177" s="24">
        <v>2769.4579999999996</v>
      </c>
      <c r="G177" s="24">
        <v>2760.3479999999995</v>
      </c>
      <c r="H177" s="24">
        <v>9.1100000000001273</v>
      </c>
    </row>
    <row r="178" spans="1:8">
      <c r="A178" s="20">
        <v>38018</v>
      </c>
      <c r="B178" s="21">
        <v>395.42599999999999</v>
      </c>
      <c r="C178" s="22">
        <v>401.65899999999999</v>
      </c>
      <c r="D178" s="22">
        <v>-6.2330000000000041</v>
      </c>
      <c r="E178" s="19"/>
      <c r="F178" s="24">
        <v>2709.44</v>
      </c>
      <c r="G178" s="24">
        <v>2706.9560000000001</v>
      </c>
      <c r="H178" s="24">
        <v>2.4839999999999236</v>
      </c>
    </row>
    <row r="179" spans="1:8">
      <c r="A179" s="20">
        <v>38047</v>
      </c>
      <c r="B179" s="21">
        <v>315.18900000000002</v>
      </c>
      <c r="C179" s="22">
        <v>322.35300000000001</v>
      </c>
      <c r="D179" s="22">
        <v>-7.1639999999999873</v>
      </c>
      <c r="E179" s="19"/>
      <c r="F179" s="24">
        <v>2661.587</v>
      </c>
      <c r="G179" s="24">
        <v>2658.32</v>
      </c>
      <c r="H179" s="24">
        <v>3.2669999999998254</v>
      </c>
    </row>
    <row r="180" spans="1:8">
      <c r="A180" s="20">
        <v>38078</v>
      </c>
      <c r="B180" s="21">
        <v>212.73699999999999</v>
      </c>
      <c r="C180" s="22">
        <v>211.71100000000001</v>
      </c>
      <c r="D180" s="22">
        <v>1.025999999999982</v>
      </c>
      <c r="E180" s="19"/>
      <c r="F180" s="24">
        <v>2639.5859999999998</v>
      </c>
      <c r="G180" s="24">
        <v>2629.991</v>
      </c>
      <c r="H180" s="24">
        <v>9.5949999999997999</v>
      </c>
    </row>
    <row r="181" spans="1:8">
      <c r="A181" s="20">
        <v>38108</v>
      </c>
      <c r="B181" s="21">
        <v>113.366</v>
      </c>
      <c r="C181" s="22">
        <v>111.85599999999999</v>
      </c>
      <c r="D181" s="22">
        <v>1.5100000000000051</v>
      </c>
      <c r="E181" s="19"/>
      <c r="F181" s="24">
        <v>2623.8420000000001</v>
      </c>
      <c r="G181" s="24">
        <v>2603.7129999999997</v>
      </c>
      <c r="H181" s="24">
        <v>20.12900000000036</v>
      </c>
    </row>
    <row r="182" spans="1:8">
      <c r="A182" s="20">
        <v>38139</v>
      </c>
      <c r="B182" s="21">
        <v>59.341999999999999</v>
      </c>
      <c r="C182" s="22">
        <v>57.991999999999997</v>
      </c>
      <c r="D182" s="22">
        <v>1.3500000000000014</v>
      </c>
      <c r="E182" s="19"/>
      <c r="F182" s="24">
        <v>2619.1889999999999</v>
      </c>
      <c r="G182" s="24">
        <v>2604.3190000000004</v>
      </c>
      <c r="H182" s="24">
        <v>14.869999999999436</v>
      </c>
    </row>
    <row r="183" spans="1:8">
      <c r="A183" s="20">
        <v>38169</v>
      </c>
      <c r="B183" s="21">
        <v>59.341999999999999</v>
      </c>
      <c r="C183" s="22">
        <v>59.332999999999998</v>
      </c>
      <c r="D183" s="22">
        <v>9.0000000000003411E-3</v>
      </c>
      <c r="E183" s="19"/>
      <c r="F183" s="24">
        <v>2614.5360000000001</v>
      </c>
      <c r="G183" s="24">
        <v>2605.4280000000003</v>
      </c>
      <c r="H183" s="24">
        <v>9.1079999999997199</v>
      </c>
    </row>
    <row r="184" spans="1:8">
      <c r="A184" s="20">
        <v>38200</v>
      </c>
      <c r="B184" s="21">
        <v>59.341999999999999</v>
      </c>
      <c r="C184" s="22">
        <v>60.362000000000002</v>
      </c>
      <c r="D184" s="22">
        <v>-1.0200000000000031</v>
      </c>
      <c r="E184" s="19"/>
      <c r="F184" s="24">
        <v>2609.8830000000003</v>
      </c>
      <c r="G184" s="24">
        <v>2605.6300000000006</v>
      </c>
      <c r="H184" s="24">
        <v>4.2529999999997017</v>
      </c>
    </row>
    <row r="185" spans="1:8">
      <c r="A185" s="20">
        <v>38231</v>
      </c>
      <c r="B185" s="21">
        <v>72.161000000000001</v>
      </c>
      <c r="C185" s="22">
        <v>66.295000000000002</v>
      </c>
      <c r="D185" s="22">
        <v>5.8659999999999997</v>
      </c>
      <c r="E185" s="19"/>
      <c r="F185" s="24">
        <v>2611.922</v>
      </c>
      <c r="G185" s="24">
        <v>2604.5700000000002</v>
      </c>
      <c r="H185" s="24">
        <v>7.3519999999998618</v>
      </c>
    </row>
    <row r="186" spans="1:8">
      <c r="A186" s="20">
        <v>38261</v>
      </c>
      <c r="B186" s="21">
        <v>122.386</v>
      </c>
      <c r="C186" s="22">
        <v>132.48099999999999</v>
      </c>
      <c r="D186" s="22">
        <v>-10.094999999999999</v>
      </c>
      <c r="E186" s="19"/>
      <c r="F186" s="24">
        <v>2576.9950000000003</v>
      </c>
      <c r="G186" s="24">
        <v>2581.9810000000007</v>
      </c>
      <c r="H186" s="24">
        <v>-4.9860000000003311</v>
      </c>
    </row>
    <row r="187" spans="1:8">
      <c r="A187" s="20">
        <v>38292</v>
      </c>
      <c r="B187" s="21">
        <v>225.09700000000001</v>
      </c>
      <c r="C187" s="22">
        <v>235.94399999999999</v>
      </c>
      <c r="D187" s="22">
        <v>-10.84699999999998</v>
      </c>
      <c r="E187" s="19"/>
      <c r="F187" s="24">
        <v>2561.4560000000006</v>
      </c>
      <c r="G187" s="24">
        <v>2580.5570000000002</v>
      </c>
      <c r="H187" s="24">
        <v>-19.100999999999658</v>
      </c>
    </row>
    <row r="188" spans="1:8">
      <c r="A188" s="20">
        <v>38322</v>
      </c>
      <c r="B188" s="21">
        <v>399.642</v>
      </c>
      <c r="C188" s="22">
        <v>406.34500000000003</v>
      </c>
      <c r="D188" s="22">
        <v>-6.7030000000000314</v>
      </c>
      <c r="E188" s="19"/>
      <c r="F188" s="24">
        <v>2578.9530000000004</v>
      </c>
      <c r="G188" s="24">
        <v>2614.7300000000005</v>
      </c>
      <c r="H188" s="24">
        <v>-35.777000000000044</v>
      </c>
    </row>
    <row r="189" spans="1:8">
      <c r="A189" s="20">
        <v>38353</v>
      </c>
      <c r="B189" s="21">
        <v>485.125</v>
      </c>
      <c r="C189" s="22">
        <v>502.32400000000001</v>
      </c>
      <c r="D189" s="22">
        <v>-17.199000000000012</v>
      </c>
      <c r="E189" s="19"/>
      <c r="F189" s="24">
        <v>2519.1550000000007</v>
      </c>
      <c r="G189" s="24">
        <v>2568.6550000000002</v>
      </c>
      <c r="H189" s="24">
        <v>-49.499999999999545</v>
      </c>
    </row>
    <row r="190" spans="1:8">
      <c r="A190" s="20">
        <v>38384</v>
      </c>
      <c r="B190" s="21">
        <v>391.637</v>
      </c>
      <c r="C190" s="22">
        <v>400.73399999999998</v>
      </c>
      <c r="D190" s="22">
        <v>-9.09699999999998</v>
      </c>
      <c r="E190" s="19"/>
      <c r="F190" s="24">
        <v>2515.3660000000004</v>
      </c>
      <c r="G190" s="24">
        <v>2567.73</v>
      </c>
      <c r="H190" s="24">
        <v>-52.363999999999578</v>
      </c>
    </row>
    <row r="191" spans="1:8">
      <c r="A191" s="20">
        <v>38412</v>
      </c>
      <c r="B191" s="21">
        <v>368.88600000000002</v>
      </c>
      <c r="C191" s="22">
        <v>377.983</v>
      </c>
      <c r="D191" s="22">
        <v>-9.09699999999998</v>
      </c>
      <c r="E191" s="19"/>
      <c r="F191" s="24">
        <v>2569.0630000000001</v>
      </c>
      <c r="G191" s="24">
        <v>2623.36</v>
      </c>
      <c r="H191" s="24">
        <v>-54.297000000000025</v>
      </c>
    </row>
    <row r="192" spans="1:8">
      <c r="A192" s="20">
        <v>38443</v>
      </c>
      <c r="B192" s="21">
        <v>202.68</v>
      </c>
      <c r="C192" s="22">
        <v>202.41800000000001</v>
      </c>
      <c r="D192" s="22">
        <v>0.26200000000000045</v>
      </c>
      <c r="E192" s="19"/>
      <c r="F192" s="24">
        <v>2559.0059999999999</v>
      </c>
      <c r="G192" s="24">
        <v>2614.0670000000005</v>
      </c>
      <c r="H192" s="24">
        <v>-55.061000000000604</v>
      </c>
    </row>
    <row r="193" spans="1:8">
      <c r="A193" s="20">
        <v>38473</v>
      </c>
      <c r="B193" s="21">
        <v>129.85400000000001</v>
      </c>
      <c r="C193" s="22">
        <v>124.90300000000001</v>
      </c>
      <c r="D193" s="22">
        <v>4.9510000000000076</v>
      </c>
      <c r="E193" s="19"/>
      <c r="F193" s="24">
        <v>2575.4939999999997</v>
      </c>
      <c r="G193" s="24">
        <v>2627.114</v>
      </c>
      <c r="H193" s="24">
        <v>-51.620000000000346</v>
      </c>
    </row>
    <row r="194" spans="1:8">
      <c r="A194" s="20">
        <v>38504</v>
      </c>
      <c r="B194" s="21">
        <v>57.423999999999999</v>
      </c>
      <c r="C194" s="22">
        <v>57.731000000000002</v>
      </c>
      <c r="D194" s="22">
        <v>-0.30700000000000216</v>
      </c>
      <c r="E194" s="19"/>
      <c r="F194" s="24">
        <v>2573.5759999999996</v>
      </c>
      <c r="G194" s="24">
        <v>2626.8530000000001</v>
      </c>
      <c r="H194" s="24">
        <v>-53.277000000000498</v>
      </c>
    </row>
    <row r="195" spans="1:8">
      <c r="A195" s="20">
        <v>38534</v>
      </c>
      <c r="B195" s="21">
        <v>57.423999999999999</v>
      </c>
      <c r="C195" s="22">
        <v>57.603000000000002</v>
      </c>
      <c r="D195" s="22">
        <v>-0.17900000000000205</v>
      </c>
      <c r="E195" s="19"/>
      <c r="F195" s="24">
        <v>2571.6579999999994</v>
      </c>
      <c r="G195" s="24">
        <v>2625.123</v>
      </c>
      <c r="H195" s="24">
        <v>-53.4650000000006</v>
      </c>
    </row>
    <row r="196" spans="1:8">
      <c r="A196" s="20">
        <v>38565</v>
      </c>
      <c r="B196" s="21">
        <v>57.423999999999999</v>
      </c>
      <c r="C196" s="22">
        <v>58.734000000000002</v>
      </c>
      <c r="D196" s="22">
        <v>-1.3100000000000023</v>
      </c>
      <c r="E196" s="19"/>
      <c r="F196" s="24">
        <v>2569.7399999999998</v>
      </c>
      <c r="G196" s="24">
        <v>2623.4950000000003</v>
      </c>
      <c r="H196" s="24">
        <v>-53.755000000000564</v>
      </c>
    </row>
    <row r="197" spans="1:8">
      <c r="A197" s="20">
        <v>38596</v>
      </c>
      <c r="B197" s="21">
        <v>57.872999999999998</v>
      </c>
      <c r="C197" s="22">
        <v>65.95</v>
      </c>
      <c r="D197" s="22">
        <v>-8.0770000000000053</v>
      </c>
      <c r="E197" s="19"/>
      <c r="F197" s="24">
        <v>2555.4519999999998</v>
      </c>
      <c r="G197" s="24">
        <v>2623.15</v>
      </c>
      <c r="H197" s="24">
        <v>-67.69800000000032</v>
      </c>
    </row>
    <row r="198" spans="1:8">
      <c r="A198" s="20">
        <v>38626</v>
      </c>
      <c r="B198" s="21">
        <v>120.255</v>
      </c>
      <c r="C198" s="22">
        <v>126.152</v>
      </c>
      <c r="D198" s="22">
        <v>-5.8970000000000056</v>
      </c>
      <c r="E198" s="19"/>
      <c r="F198" s="24">
        <v>2553.3209999999999</v>
      </c>
      <c r="G198" s="24">
        <v>2616.8209999999999</v>
      </c>
      <c r="H198" s="24">
        <v>-63.5</v>
      </c>
    </row>
    <row r="199" spans="1:8">
      <c r="A199" s="20">
        <v>38657</v>
      </c>
      <c r="B199" s="21">
        <v>221.608</v>
      </c>
      <c r="C199" s="22">
        <v>234.45500000000001</v>
      </c>
      <c r="D199" s="22">
        <v>-12.847000000000008</v>
      </c>
      <c r="E199" s="19"/>
      <c r="F199" s="24">
        <v>2549.8320000000003</v>
      </c>
      <c r="G199" s="24">
        <v>2615.3319999999999</v>
      </c>
      <c r="H199" s="24">
        <v>-65.499999999999545</v>
      </c>
    </row>
    <row r="200" spans="1:8">
      <c r="A200" s="20">
        <v>38687</v>
      </c>
      <c r="B200" s="21">
        <v>425.62099999999998</v>
      </c>
      <c r="C200" s="22">
        <v>426.45400000000001</v>
      </c>
      <c r="D200" s="22">
        <v>-0.83300000000002683</v>
      </c>
      <c r="E200" s="19"/>
      <c r="F200" s="24">
        <v>2575.8110000000001</v>
      </c>
      <c r="G200" s="24">
        <v>2635.4410000000003</v>
      </c>
      <c r="H200" s="24">
        <v>-59.630000000000109</v>
      </c>
    </row>
    <row r="201" spans="1:8">
      <c r="A201" s="20">
        <v>38718</v>
      </c>
      <c r="B201" s="21">
        <v>357.77300000000002</v>
      </c>
      <c r="C201" s="22">
        <v>359.72500000000002</v>
      </c>
      <c r="D201" s="22">
        <v>-1.9519999999999982</v>
      </c>
      <c r="E201" s="19"/>
      <c r="F201" s="24">
        <v>2448.4589999999998</v>
      </c>
      <c r="G201" s="24">
        <v>2492.8420000000001</v>
      </c>
      <c r="H201" s="24">
        <v>-44.383000000000266</v>
      </c>
    </row>
    <row r="202" spans="1:8">
      <c r="A202" s="20">
        <v>38749</v>
      </c>
      <c r="B202" s="21">
        <v>377.29399999999998</v>
      </c>
      <c r="C202" s="22">
        <v>373.95699999999999</v>
      </c>
      <c r="D202" s="22">
        <v>3.3369999999999891</v>
      </c>
      <c r="E202" s="19"/>
      <c r="F202" s="24">
        <v>2434.116</v>
      </c>
      <c r="G202" s="24">
        <v>2466.0650000000001</v>
      </c>
      <c r="H202" s="24">
        <v>-31.949000000000069</v>
      </c>
    </row>
    <row r="203" spans="1:8">
      <c r="A203" s="20">
        <v>38777</v>
      </c>
      <c r="B203" s="21">
        <v>324.13499999999999</v>
      </c>
      <c r="C203" s="22">
        <v>328.42500000000001</v>
      </c>
      <c r="D203" s="22">
        <v>-4.2900000000000205</v>
      </c>
      <c r="E203" s="19"/>
      <c r="F203" s="24">
        <v>2389.3649999999998</v>
      </c>
      <c r="G203" s="24">
        <v>2416.5070000000001</v>
      </c>
      <c r="H203" s="24">
        <v>-27.14200000000028</v>
      </c>
    </row>
    <row r="204" spans="1:8">
      <c r="A204" s="20">
        <v>38808</v>
      </c>
      <c r="B204" s="21">
        <v>188.80099999999999</v>
      </c>
      <c r="C204" s="22">
        <v>177.26300000000001</v>
      </c>
      <c r="D204" s="22">
        <v>11.537999999999982</v>
      </c>
      <c r="E204" s="19"/>
      <c r="F204" s="24">
        <v>2375.4860000000003</v>
      </c>
      <c r="G204" s="24">
        <v>2391.3519999999999</v>
      </c>
      <c r="H204" s="24">
        <v>-15.865999999999531</v>
      </c>
    </row>
    <row r="205" spans="1:8">
      <c r="A205" s="20">
        <v>38838</v>
      </c>
      <c r="B205" s="21">
        <v>94.501999999999995</v>
      </c>
      <c r="C205" s="22">
        <v>90.918000000000006</v>
      </c>
      <c r="D205" s="22">
        <v>3.583999999999989</v>
      </c>
      <c r="E205" s="19"/>
      <c r="F205" s="24">
        <v>2340.134</v>
      </c>
      <c r="G205" s="24">
        <v>2357.3670000000002</v>
      </c>
      <c r="H205" s="24">
        <v>-17.233000000000175</v>
      </c>
    </row>
    <row r="206" spans="1:8">
      <c r="A206" s="20">
        <v>38869</v>
      </c>
      <c r="B206" s="21">
        <v>57.406999999999996</v>
      </c>
      <c r="C206" s="22">
        <v>55.158999999999999</v>
      </c>
      <c r="D206" s="22">
        <v>2.2479999999999976</v>
      </c>
      <c r="E206" s="19"/>
      <c r="F206" s="24">
        <v>2340.1170000000002</v>
      </c>
      <c r="G206" s="24">
        <v>2354.7950000000001</v>
      </c>
      <c r="H206" s="24">
        <v>-14.677999999999884</v>
      </c>
    </row>
    <row r="207" spans="1:8">
      <c r="A207" s="20">
        <v>38899</v>
      </c>
      <c r="B207" s="21">
        <v>57.406999999999996</v>
      </c>
      <c r="C207" s="22">
        <v>57.332000000000001</v>
      </c>
      <c r="D207" s="22">
        <v>7.4999999999995737E-2</v>
      </c>
      <c r="E207" s="19"/>
      <c r="F207" s="24">
        <v>2340.1000000000004</v>
      </c>
      <c r="G207" s="24">
        <v>2354.5240000000003</v>
      </c>
      <c r="H207" s="24">
        <v>-14.423999999999978</v>
      </c>
    </row>
    <row r="208" spans="1:8">
      <c r="A208" s="20">
        <v>38930</v>
      </c>
      <c r="B208" s="21">
        <v>57.406999999999996</v>
      </c>
      <c r="C208" s="22">
        <v>57.188000000000002</v>
      </c>
      <c r="D208" s="22">
        <v>0.21899999999999409</v>
      </c>
      <c r="E208" s="19"/>
      <c r="F208" s="24">
        <v>2340.0830000000005</v>
      </c>
      <c r="G208" s="24">
        <v>2352.9780000000001</v>
      </c>
      <c r="H208" s="24">
        <v>-12.894999999999527</v>
      </c>
    </row>
    <row r="209" spans="1:8">
      <c r="A209" s="20">
        <v>38961</v>
      </c>
      <c r="B209" s="21">
        <v>60.956000000000003</v>
      </c>
      <c r="C209" s="22">
        <v>50.137</v>
      </c>
      <c r="D209" s="22">
        <v>10.819000000000003</v>
      </c>
      <c r="E209" s="19"/>
      <c r="F209" s="24">
        <v>2343.1660000000006</v>
      </c>
      <c r="G209" s="24">
        <v>2337.165</v>
      </c>
      <c r="H209" s="24">
        <v>6.0010000000006585</v>
      </c>
    </row>
    <row r="210" spans="1:8">
      <c r="A210" s="20">
        <v>38991</v>
      </c>
      <c r="B210" s="21">
        <v>145.33600000000001</v>
      </c>
      <c r="C210" s="22">
        <v>150.71</v>
      </c>
      <c r="D210" s="22">
        <v>-5.3739999999999952</v>
      </c>
      <c r="E210" s="19"/>
      <c r="F210" s="24">
        <v>2368.2470000000003</v>
      </c>
      <c r="G210" s="24">
        <v>2361.723</v>
      </c>
      <c r="H210" s="24">
        <v>6.524000000000342</v>
      </c>
    </row>
    <row r="211" spans="1:8">
      <c r="A211" s="20">
        <v>39022</v>
      </c>
      <c r="B211" s="21">
        <v>229.69300000000001</v>
      </c>
      <c r="C211" s="22">
        <v>225.43899999999999</v>
      </c>
      <c r="D211" s="22">
        <v>4.2540000000000191</v>
      </c>
      <c r="E211" s="19"/>
      <c r="F211" s="24">
        <v>2376.3319999999999</v>
      </c>
      <c r="G211" s="24">
        <v>2352.7069999999999</v>
      </c>
      <c r="H211" s="24">
        <v>23.625</v>
      </c>
    </row>
    <row r="212" spans="1:8">
      <c r="A212" s="20">
        <v>39052</v>
      </c>
      <c r="B212" s="21">
        <v>326.73399999999998</v>
      </c>
      <c r="C212" s="22">
        <v>318.60300000000001</v>
      </c>
      <c r="D212" s="22">
        <v>8.1309999999999718</v>
      </c>
      <c r="E212" s="19"/>
      <c r="F212" s="24">
        <v>2277.4449999999997</v>
      </c>
      <c r="G212" s="24">
        <v>2244.8560000000002</v>
      </c>
      <c r="H212" s="24">
        <v>32.588999999999487</v>
      </c>
    </row>
    <row r="213" spans="1:8">
      <c r="A213" s="20">
        <v>39083</v>
      </c>
      <c r="B213" s="21">
        <v>402.14499999999998</v>
      </c>
      <c r="C213" s="22">
        <v>418.75200000000001</v>
      </c>
      <c r="D213" s="22">
        <v>-16.607000000000028</v>
      </c>
      <c r="E213" s="19"/>
      <c r="F213" s="24">
        <v>2321.8169999999996</v>
      </c>
      <c r="G213" s="24">
        <v>2303.8830000000007</v>
      </c>
      <c r="H213" s="24">
        <v>17.933999999998832</v>
      </c>
    </row>
    <row r="214" spans="1:8">
      <c r="A214" s="20">
        <v>39114</v>
      </c>
      <c r="B214" s="21">
        <v>446.48700000000002</v>
      </c>
      <c r="C214" s="22">
        <v>459.63600000000002</v>
      </c>
      <c r="D214" s="22">
        <v>-13.149000000000001</v>
      </c>
      <c r="E214" s="19"/>
      <c r="F214" s="24">
        <v>2391.0099999999998</v>
      </c>
      <c r="G214" s="24">
        <v>2389.5620000000004</v>
      </c>
      <c r="H214" s="24">
        <v>1.4479999999994106</v>
      </c>
    </row>
    <row r="215" spans="1:8">
      <c r="A215" s="20">
        <v>39142</v>
      </c>
      <c r="B215" s="21">
        <v>334.49099999999999</v>
      </c>
      <c r="C215" s="22">
        <v>331.30500000000001</v>
      </c>
      <c r="D215" s="22">
        <v>3.1859999999999786</v>
      </c>
      <c r="E215" s="19"/>
      <c r="F215" s="24">
        <v>2401.366</v>
      </c>
      <c r="G215" s="24">
        <v>2392.442</v>
      </c>
      <c r="H215" s="24">
        <v>8.9239999999999782</v>
      </c>
    </row>
    <row r="216" spans="1:8">
      <c r="A216" s="20">
        <v>39173</v>
      </c>
      <c r="B216" s="21">
        <v>232.595</v>
      </c>
      <c r="C216" s="22">
        <v>219.79300000000001</v>
      </c>
      <c r="D216" s="22">
        <v>12.801999999999992</v>
      </c>
      <c r="E216" s="19"/>
      <c r="F216" s="24">
        <v>2445.16</v>
      </c>
      <c r="G216" s="24">
        <v>2434.9719999999998</v>
      </c>
      <c r="H216" s="24">
        <v>10.188000000000102</v>
      </c>
    </row>
    <row r="217" spans="1:8">
      <c r="A217" s="20">
        <v>39203</v>
      </c>
      <c r="B217" s="21">
        <v>106.621</v>
      </c>
      <c r="C217" s="22">
        <v>106.621</v>
      </c>
      <c r="D217" s="22">
        <v>0</v>
      </c>
      <c r="E217" s="19"/>
      <c r="F217" s="24">
        <v>2457.279</v>
      </c>
      <c r="G217" s="24">
        <v>2450.6750000000002</v>
      </c>
      <c r="H217" s="24">
        <v>6.6039999999998145</v>
      </c>
    </row>
    <row r="218" spans="1:8">
      <c r="A218" s="20">
        <v>39234</v>
      </c>
      <c r="B218" s="21">
        <v>58.472000000000001</v>
      </c>
      <c r="C218" s="22">
        <v>54.514000000000003</v>
      </c>
      <c r="D218" s="22">
        <v>3.9579999999999984</v>
      </c>
      <c r="E218" s="19"/>
      <c r="F218" s="24">
        <v>2458.3440000000001</v>
      </c>
      <c r="G218" s="24">
        <v>2450.0300000000002</v>
      </c>
      <c r="H218" s="24">
        <v>8.3139999999998508</v>
      </c>
    </row>
    <row r="219" spans="1:8">
      <c r="A219" s="20">
        <v>39264</v>
      </c>
      <c r="B219" s="21">
        <v>58.472000000000001</v>
      </c>
      <c r="C219" s="22">
        <v>56.93</v>
      </c>
      <c r="D219" s="22">
        <v>1.5420000000000016</v>
      </c>
      <c r="E219" s="19"/>
      <c r="F219" s="24">
        <v>2459.4090000000006</v>
      </c>
      <c r="G219" s="24">
        <v>2449.6280000000002</v>
      </c>
      <c r="H219" s="24">
        <v>9.7810000000004038</v>
      </c>
    </row>
    <row r="220" spans="1:8">
      <c r="A220" s="20">
        <v>39295</v>
      </c>
      <c r="B220" s="21">
        <v>58.472000000000001</v>
      </c>
      <c r="C220" s="22">
        <v>56.704000000000001</v>
      </c>
      <c r="D220" s="22">
        <v>1.7680000000000007</v>
      </c>
      <c r="E220" s="19"/>
      <c r="F220" s="24">
        <v>2460.4740000000006</v>
      </c>
      <c r="G220" s="24">
        <v>2449.1440000000002</v>
      </c>
      <c r="H220" s="24">
        <v>11.330000000000382</v>
      </c>
    </row>
    <row r="221" spans="1:8">
      <c r="A221" s="20">
        <v>39326</v>
      </c>
      <c r="B221" s="21">
        <v>58.685000000000002</v>
      </c>
      <c r="C221" s="22">
        <v>63.97</v>
      </c>
      <c r="D221" s="22">
        <v>-5.2849999999999966</v>
      </c>
      <c r="E221" s="19"/>
      <c r="F221" s="24">
        <v>2458.2030000000004</v>
      </c>
      <c r="G221" s="24">
        <v>2462.9769999999999</v>
      </c>
      <c r="H221" s="24">
        <v>-4.7739999999994325</v>
      </c>
    </row>
    <row r="222" spans="1:8">
      <c r="A222" s="20">
        <v>39356</v>
      </c>
      <c r="B222" s="21">
        <v>94.515000000000001</v>
      </c>
      <c r="C222" s="22">
        <v>84.293000000000006</v>
      </c>
      <c r="D222" s="22">
        <v>10.221999999999994</v>
      </c>
      <c r="E222" s="19"/>
      <c r="F222" s="24">
        <v>2407.3820000000005</v>
      </c>
      <c r="G222" s="24">
        <v>2396.5600000000004</v>
      </c>
      <c r="H222" s="24">
        <v>10.822000000000116</v>
      </c>
    </row>
    <row r="223" spans="1:8">
      <c r="A223" s="20">
        <v>39387</v>
      </c>
      <c r="B223" s="21">
        <v>225.839</v>
      </c>
      <c r="C223" s="22">
        <v>225.839</v>
      </c>
      <c r="D223" s="22">
        <v>0</v>
      </c>
      <c r="E223" s="19"/>
      <c r="F223" s="24">
        <v>2403.5279999999998</v>
      </c>
      <c r="G223" s="24">
        <v>2396.96</v>
      </c>
      <c r="H223" s="24">
        <v>6.5679999999997563</v>
      </c>
    </row>
    <row r="224" spans="1:8">
      <c r="A224" s="20">
        <v>39417</v>
      </c>
      <c r="B224" s="21">
        <v>396.30500000000001</v>
      </c>
      <c r="C224" s="22">
        <v>389.53300000000002</v>
      </c>
      <c r="D224" s="22">
        <v>6.7719999999999914</v>
      </c>
      <c r="E224" s="19"/>
      <c r="F224" s="24">
        <v>2473.0990000000002</v>
      </c>
      <c r="G224" s="24">
        <v>2467.89</v>
      </c>
      <c r="H224" s="24">
        <v>5.2090000000002874</v>
      </c>
    </row>
    <row r="225" spans="1:8">
      <c r="A225" s="20">
        <v>39448</v>
      </c>
      <c r="B225" s="21">
        <v>423.00900000000001</v>
      </c>
      <c r="C225" s="22">
        <v>412.91500000000002</v>
      </c>
      <c r="D225" s="22">
        <v>10.093999999999994</v>
      </c>
      <c r="E225" s="19"/>
      <c r="F225" s="24">
        <v>2493.9630000000002</v>
      </c>
      <c r="G225" s="24">
        <v>2462.0529999999999</v>
      </c>
      <c r="H225" s="24">
        <v>31.910000000000309</v>
      </c>
    </row>
    <row r="226" spans="1:8">
      <c r="A226" s="20">
        <v>39479</v>
      </c>
      <c r="B226" s="21">
        <v>407.36200000000002</v>
      </c>
      <c r="C226" s="22">
        <v>414.43799999999999</v>
      </c>
      <c r="D226" s="22">
        <v>-7.075999999999965</v>
      </c>
      <c r="E226" s="19"/>
      <c r="F226" s="24">
        <v>2454.8380000000002</v>
      </c>
      <c r="G226" s="24">
        <v>2416.855</v>
      </c>
      <c r="H226" s="24">
        <v>37.983000000000175</v>
      </c>
    </row>
    <row r="227" spans="1:8">
      <c r="A227" s="20">
        <v>39508</v>
      </c>
      <c r="B227" s="21">
        <v>384.14100000000002</v>
      </c>
      <c r="C227" s="22">
        <v>376.72199999999998</v>
      </c>
      <c r="D227" s="22">
        <v>7.4190000000000396</v>
      </c>
      <c r="E227" s="19"/>
      <c r="F227" s="24">
        <v>2504.4880000000003</v>
      </c>
      <c r="G227" s="24">
        <v>2462.2719999999999</v>
      </c>
      <c r="H227" s="24">
        <v>42.216000000000349</v>
      </c>
    </row>
    <row r="228" spans="1:8">
      <c r="A228" s="20">
        <v>39539</v>
      </c>
      <c r="B228" s="21">
        <v>157.47300000000001</v>
      </c>
      <c r="C228" s="22">
        <v>166.60599999999999</v>
      </c>
      <c r="D228" s="22">
        <v>-9.1329999999999814</v>
      </c>
      <c r="E228" s="19"/>
      <c r="F228" s="24">
        <v>2429.366</v>
      </c>
      <c r="G228" s="24">
        <v>2409.085</v>
      </c>
      <c r="H228" s="24">
        <v>20.280999999999949</v>
      </c>
    </row>
    <row r="229" spans="1:8">
      <c r="A229" s="20">
        <v>39569</v>
      </c>
      <c r="B229" s="21">
        <v>119.687</v>
      </c>
      <c r="C229" s="22">
        <v>115.895</v>
      </c>
      <c r="D229" s="22">
        <v>3.7920000000000016</v>
      </c>
      <c r="E229" s="19"/>
      <c r="F229" s="24">
        <v>2442.4319999999998</v>
      </c>
      <c r="G229" s="24">
        <v>2418.3589999999999</v>
      </c>
      <c r="H229" s="24">
        <v>24.072999999999865</v>
      </c>
    </row>
    <row r="230" spans="1:8">
      <c r="A230" s="20">
        <v>39600</v>
      </c>
      <c r="B230" s="21">
        <v>54.363999999999997</v>
      </c>
      <c r="C230" s="22">
        <v>57.231000000000002</v>
      </c>
      <c r="D230" s="22">
        <v>-2.8670000000000044</v>
      </c>
      <c r="E230" s="19"/>
      <c r="F230" s="24">
        <v>2438.3240000000001</v>
      </c>
      <c r="G230" s="24">
        <v>2421.076</v>
      </c>
      <c r="H230" s="24">
        <v>17.248000000000047</v>
      </c>
    </row>
    <row r="231" spans="1:8">
      <c r="A231" s="20">
        <v>39630</v>
      </c>
      <c r="B231" s="21">
        <v>54.363999999999997</v>
      </c>
      <c r="C231" s="22">
        <v>55.26</v>
      </c>
      <c r="D231" s="22">
        <v>-0.8960000000000008</v>
      </c>
      <c r="E231" s="19"/>
      <c r="F231" s="24">
        <v>2434.2159999999999</v>
      </c>
      <c r="G231" s="24">
        <v>2419.4060000000004</v>
      </c>
      <c r="H231" s="24">
        <v>14.809999999999491</v>
      </c>
    </row>
    <row r="232" spans="1:8">
      <c r="A232" s="20">
        <v>39661</v>
      </c>
      <c r="B232" s="21">
        <v>54.363999999999997</v>
      </c>
      <c r="C232" s="22">
        <v>56.432000000000002</v>
      </c>
      <c r="D232" s="22">
        <v>-2.0680000000000049</v>
      </c>
      <c r="E232" s="19"/>
      <c r="F232" s="24">
        <v>2430.1080000000002</v>
      </c>
      <c r="G232" s="24">
        <v>2419.134</v>
      </c>
      <c r="H232" s="24">
        <v>10.97400000000016</v>
      </c>
    </row>
    <row r="233" spans="1:8">
      <c r="A233" s="20">
        <v>39692</v>
      </c>
      <c r="B233" s="21">
        <v>56.100999999999999</v>
      </c>
      <c r="C233" s="22">
        <v>62.255000000000003</v>
      </c>
      <c r="D233" s="22">
        <v>-6.1540000000000035</v>
      </c>
      <c r="E233" s="19"/>
      <c r="F233" s="24">
        <v>2427.5240000000003</v>
      </c>
      <c r="G233" s="24">
        <v>2417.4190000000003</v>
      </c>
      <c r="H233" s="24">
        <v>10.105000000000018</v>
      </c>
    </row>
    <row r="234" spans="1:8">
      <c r="A234" s="20">
        <v>39722</v>
      </c>
      <c r="B234" s="21">
        <v>127.25700000000001</v>
      </c>
      <c r="C234" s="22">
        <v>133.66800000000001</v>
      </c>
      <c r="D234" s="22">
        <v>-6.4110000000000014</v>
      </c>
      <c r="E234" s="19"/>
      <c r="F234" s="24">
        <v>2460.2660000000005</v>
      </c>
      <c r="G234" s="24">
        <v>2466.7940000000003</v>
      </c>
      <c r="H234" s="24">
        <v>-6.5279999999997926</v>
      </c>
    </row>
    <row r="235" spans="1:8">
      <c r="A235" s="20">
        <v>39753</v>
      </c>
      <c r="B235" s="21">
        <v>258.42599999999999</v>
      </c>
      <c r="C235" s="22">
        <v>249.37200000000001</v>
      </c>
      <c r="D235" s="22">
        <v>9.0539999999999736</v>
      </c>
      <c r="E235" s="19"/>
      <c r="F235" s="24">
        <v>2492.8530000000001</v>
      </c>
      <c r="G235" s="24">
        <v>2490.3269999999998</v>
      </c>
      <c r="H235" s="24">
        <v>2.5260000000002947</v>
      </c>
    </row>
    <row r="236" spans="1:8">
      <c r="A236" s="20">
        <v>39783</v>
      </c>
      <c r="B236" s="21">
        <v>410.77100000000002</v>
      </c>
      <c r="C236" s="22">
        <v>402.14100000000002</v>
      </c>
      <c r="D236" s="22">
        <v>8.6299999999999955</v>
      </c>
      <c r="E236" s="19"/>
      <c r="F236" s="24">
        <v>2507.3190000000004</v>
      </c>
      <c r="G236" s="24">
        <v>2502.9349999999999</v>
      </c>
      <c r="H236" s="24">
        <v>4.3840000000004693</v>
      </c>
    </row>
    <row r="237" spans="1:8">
      <c r="A237" s="20">
        <v>39814</v>
      </c>
      <c r="B237" s="21">
        <v>504.108</v>
      </c>
      <c r="C237" s="22">
        <v>515.37400000000002</v>
      </c>
      <c r="D237" s="22">
        <v>-11.26600000000002</v>
      </c>
      <c r="E237" s="19"/>
      <c r="F237" s="24">
        <v>2588.4180000000006</v>
      </c>
      <c r="G237" s="24">
        <v>2605.3940000000002</v>
      </c>
      <c r="H237" s="24">
        <v>-16.975999999999658</v>
      </c>
    </row>
    <row r="238" spans="1:8">
      <c r="A238" s="20">
        <v>39845</v>
      </c>
      <c r="B238" s="21">
        <v>348.20800000000003</v>
      </c>
      <c r="C238" s="22">
        <v>357.23599999999999</v>
      </c>
      <c r="D238" s="22">
        <v>-9.0279999999999632</v>
      </c>
      <c r="E238" s="19"/>
      <c r="F238" s="24">
        <v>2529.2640000000001</v>
      </c>
      <c r="G238" s="24">
        <v>2548.192</v>
      </c>
      <c r="H238" s="24">
        <v>-18.927999999999884</v>
      </c>
    </row>
    <row r="239" spans="1:8">
      <c r="A239" s="20">
        <v>39873</v>
      </c>
      <c r="B239" s="21">
        <v>323.61599999999999</v>
      </c>
      <c r="C239" s="22">
        <v>312.298</v>
      </c>
      <c r="D239" s="22">
        <v>11.317999999999984</v>
      </c>
      <c r="E239" s="19"/>
      <c r="F239" s="24">
        <v>2468.7389999999996</v>
      </c>
      <c r="G239" s="24">
        <v>2483.768</v>
      </c>
      <c r="H239" s="24">
        <v>-15.029000000000451</v>
      </c>
    </row>
    <row r="240" spans="1:8">
      <c r="A240" s="20">
        <v>39904</v>
      </c>
      <c r="B240" s="21">
        <v>192.571</v>
      </c>
      <c r="C240" s="22">
        <v>183.68700000000001</v>
      </c>
      <c r="D240" s="22">
        <v>8.8839999999999861</v>
      </c>
      <c r="E240" s="19"/>
      <c r="F240" s="24">
        <v>2503.837</v>
      </c>
      <c r="G240" s="24">
        <v>2500.8490000000002</v>
      </c>
      <c r="H240" s="24">
        <v>2.987999999999829</v>
      </c>
    </row>
    <row r="241" spans="1:8">
      <c r="A241" s="20">
        <v>39934</v>
      </c>
      <c r="B241" s="21">
        <v>104.28</v>
      </c>
      <c r="C241" s="22">
        <v>104.28</v>
      </c>
      <c r="D241" s="22">
        <v>0</v>
      </c>
      <c r="E241" s="19"/>
      <c r="F241" s="24">
        <v>2488.4299999999998</v>
      </c>
      <c r="G241" s="24">
        <v>2489.2339999999999</v>
      </c>
      <c r="H241" s="24">
        <v>-0.80400000000008731</v>
      </c>
    </row>
    <row r="242" spans="1:8">
      <c r="A242" s="20">
        <v>39965</v>
      </c>
      <c r="B242" s="21">
        <v>57.195999999999998</v>
      </c>
      <c r="C242" s="22">
        <v>55.948999999999998</v>
      </c>
      <c r="D242" s="22">
        <v>1.2469999999999999</v>
      </c>
      <c r="E242" s="19"/>
      <c r="F242" s="24">
        <v>2491.2620000000002</v>
      </c>
      <c r="G242" s="24">
        <v>2487.9520000000002</v>
      </c>
      <c r="H242" s="24">
        <v>3.3099999999999454</v>
      </c>
    </row>
    <row r="243" spans="1:8">
      <c r="A243" s="20">
        <v>39995</v>
      </c>
      <c r="B243" s="21">
        <v>57.195999999999998</v>
      </c>
      <c r="C243" s="22">
        <v>55.813000000000002</v>
      </c>
      <c r="D243" s="22">
        <v>1.3829999999999956</v>
      </c>
      <c r="E243" s="19"/>
      <c r="F243" s="24">
        <v>2494.0940000000001</v>
      </c>
      <c r="G243" s="24">
        <v>2488.5050000000001</v>
      </c>
      <c r="H243" s="24">
        <v>5.5889999999999418</v>
      </c>
    </row>
    <row r="244" spans="1:8">
      <c r="A244" s="20">
        <v>40026</v>
      </c>
      <c r="B244" s="21">
        <v>57.195999999999998</v>
      </c>
      <c r="C244" s="22">
        <v>55.651000000000003</v>
      </c>
      <c r="D244" s="22">
        <v>1.5449999999999946</v>
      </c>
      <c r="E244" s="19"/>
      <c r="F244" s="24">
        <v>2496.9259999999999</v>
      </c>
      <c r="G244" s="24">
        <v>2487.7240000000002</v>
      </c>
      <c r="H244" s="24">
        <v>9.2019999999997708</v>
      </c>
    </row>
    <row r="245" spans="1:8">
      <c r="A245" s="20">
        <v>40057</v>
      </c>
      <c r="B245" s="21">
        <v>58.942999999999998</v>
      </c>
      <c r="C245" s="22">
        <v>63.036000000000001</v>
      </c>
      <c r="D245" s="22">
        <v>-4.0930000000000035</v>
      </c>
      <c r="E245" s="19"/>
      <c r="F245" s="24">
        <v>2499.768</v>
      </c>
      <c r="G245" s="24">
        <v>2488.5050000000006</v>
      </c>
      <c r="H245" s="24">
        <v>11.262999999999465</v>
      </c>
    </row>
    <row r="246" spans="1:8">
      <c r="A246" s="20">
        <v>40087</v>
      </c>
      <c r="B246" s="21">
        <v>147.84299999999999</v>
      </c>
      <c r="C246" s="22">
        <v>136.38300000000001</v>
      </c>
      <c r="D246" s="22">
        <v>11.45999999999998</v>
      </c>
      <c r="E246" s="19"/>
      <c r="F246" s="24">
        <v>2520.3539999999998</v>
      </c>
      <c r="G246" s="24">
        <v>2491.2200000000003</v>
      </c>
      <c r="H246" s="24">
        <v>29.13399999999956</v>
      </c>
    </row>
    <row r="247" spans="1:8">
      <c r="A247" s="20">
        <v>40118</v>
      </c>
      <c r="B247" s="21">
        <v>199.93899999999999</v>
      </c>
      <c r="C247" s="22">
        <v>197.43799999999999</v>
      </c>
      <c r="D247" s="22">
        <v>2.5010000000000048</v>
      </c>
      <c r="E247" s="19"/>
      <c r="F247" s="24">
        <v>2461.8669999999997</v>
      </c>
      <c r="G247" s="24">
        <v>2439.2860000000005</v>
      </c>
      <c r="H247" s="24">
        <v>22.580999999999221</v>
      </c>
    </row>
    <row r="248" spans="1:8">
      <c r="A248" s="20">
        <v>40148</v>
      </c>
      <c r="B248" s="21">
        <v>349.185</v>
      </c>
      <c r="C248" s="22">
        <v>349.185</v>
      </c>
      <c r="D248" s="22">
        <v>0</v>
      </c>
      <c r="E248" s="19"/>
      <c r="F248" s="24">
        <v>2400.2809999999995</v>
      </c>
      <c r="G248" s="24">
        <v>2386.33</v>
      </c>
      <c r="H248" s="24">
        <v>13.950999999999567</v>
      </c>
    </row>
    <row r="249" spans="1:8">
      <c r="A249" s="20">
        <v>40179</v>
      </c>
      <c r="B249" s="21">
        <v>459.98399999999998</v>
      </c>
      <c r="C249" s="22">
        <v>456.24700000000001</v>
      </c>
      <c r="D249" s="22">
        <v>3.7369999999999663</v>
      </c>
      <c r="E249" s="19"/>
      <c r="F249" s="24">
        <v>2356.1570000000002</v>
      </c>
      <c r="G249" s="24">
        <v>2327.203</v>
      </c>
      <c r="H249" s="24">
        <v>28.954000000000178</v>
      </c>
    </row>
    <row r="250" spans="1:8">
      <c r="A250" s="20">
        <v>40210</v>
      </c>
      <c r="B250" s="21">
        <v>358.41</v>
      </c>
      <c r="C250" s="22">
        <v>373.84899999999999</v>
      </c>
      <c r="D250" s="22">
        <v>-15.438999999999965</v>
      </c>
      <c r="E250" s="19"/>
      <c r="F250" s="24">
        <v>2366.3589999999999</v>
      </c>
      <c r="G250" s="24">
        <v>2343.8159999999998</v>
      </c>
      <c r="H250" s="24">
        <v>22.54300000000012</v>
      </c>
    </row>
    <row r="251" spans="1:8">
      <c r="A251" s="20">
        <v>40238</v>
      </c>
      <c r="B251" s="21">
        <v>264.14299999999997</v>
      </c>
      <c r="C251" s="22">
        <v>278.2</v>
      </c>
      <c r="D251" s="22">
        <v>-14.057000000000016</v>
      </c>
      <c r="E251" s="19"/>
      <c r="F251" s="24">
        <v>2306.886</v>
      </c>
      <c r="G251" s="24">
        <v>2309.7179999999998</v>
      </c>
      <c r="H251" s="24">
        <v>-2.8319999999998799</v>
      </c>
    </row>
    <row r="252" spans="1:8">
      <c r="A252" s="20">
        <v>40269</v>
      </c>
      <c r="B252" s="21">
        <v>143.38</v>
      </c>
      <c r="C252" s="22">
        <v>137.53200000000001</v>
      </c>
      <c r="D252" s="22">
        <v>5.8479999999999848</v>
      </c>
      <c r="E252" s="19"/>
      <c r="F252" s="24">
        <v>2257.6950000000002</v>
      </c>
      <c r="G252" s="24">
        <v>2263.5630000000001</v>
      </c>
      <c r="H252" s="24">
        <v>-5.8679999999999382</v>
      </c>
    </row>
    <row r="253" spans="1:8">
      <c r="A253" s="20">
        <v>40299</v>
      </c>
      <c r="B253" s="21">
        <v>78.668999999999997</v>
      </c>
      <c r="C253" s="22">
        <v>73.195999999999998</v>
      </c>
      <c r="D253" s="22">
        <v>5.472999999999999</v>
      </c>
      <c r="E253" s="19"/>
      <c r="F253" s="24">
        <v>2232.0839999999998</v>
      </c>
      <c r="G253" s="24">
        <v>2232.4789999999998</v>
      </c>
      <c r="H253" s="24">
        <v>-0.39499999999998181</v>
      </c>
    </row>
    <row r="254" spans="1:8">
      <c r="A254" s="20">
        <v>40330</v>
      </c>
      <c r="B254" s="21">
        <v>57.106000000000002</v>
      </c>
      <c r="C254" s="22">
        <v>58.246000000000002</v>
      </c>
      <c r="D254" s="22">
        <v>-1.1400000000000006</v>
      </c>
      <c r="E254" s="19"/>
      <c r="F254" s="24">
        <v>2231.9940000000001</v>
      </c>
      <c r="G254" s="24">
        <v>2234.7760000000003</v>
      </c>
      <c r="H254" s="24">
        <v>-2.7820000000001528</v>
      </c>
    </row>
    <row r="255" spans="1:8">
      <c r="A255" s="20">
        <v>40360</v>
      </c>
      <c r="B255" s="21">
        <v>57.106000000000002</v>
      </c>
      <c r="C255" s="22">
        <v>56.567999999999998</v>
      </c>
      <c r="D255" s="22">
        <v>0.53800000000000381</v>
      </c>
      <c r="E255" s="19"/>
      <c r="F255" s="24">
        <v>2231.9040000000005</v>
      </c>
      <c r="G255" s="24">
        <v>2235.5310000000004</v>
      </c>
      <c r="H255" s="24">
        <v>-3.6269999999999527</v>
      </c>
    </row>
    <row r="256" spans="1:8">
      <c r="A256" s="20">
        <v>40391</v>
      </c>
      <c r="B256" s="21">
        <v>57.106000000000002</v>
      </c>
      <c r="C256" s="22">
        <v>54.470999999999997</v>
      </c>
      <c r="D256" s="22">
        <v>2.6350000000000051</v>
      </c>
      <c r="E256" s="19"/>
      <c r="F256" s="24">
        <v>2231.8140000000008</v>
      </c>
      <c r="G256" s="24">
        <v>2234.3510000000001</v>
      </c>
      <c r="H256" s="24">
        <v>-2.5369999999993524</v>
      </c>
    </row>
    <row r="257" spans="1:8">
      <c r="A257" s="20">
        <v>40422</v>
      </c>
      <c r="B257" s="21">
        <v>55.539000000000001</v>
      </c>
      <c r="C257" s="22">
        <v>62.006</v>
      </c>
      <c r="D257" s="22">
        <v>-6.4669999999999987</v>
      </c>
      <c r="E257" s="19"/>
      <c r="F257" s="24">
        <v>2228.4100000000008</v>
      </c>
      <c r="G257" s="24">
        <v>2233.3209999999999</v>
      </c>
      <c r="H257" s="24">
        <v>-4.9109999999991487</v>
      </c>
    </row>
    <row r="258" spans="1:8">
      <c r="A258" s="20">
        <v>40452</v>
      </c>
      <c r="B258" s="21">
        <v>116.998</v>
      </c>
      <c r="C258" s="22">
        <v>108.821</v>
      </c>
      <c r="D258" s="22">
        <v>8.1770000000000067</v>
      </c>
      <c r="E258" s="19"/>
      <c r="F258" s="24">
        <v>2197.5650000000005</v>
      </c>
      <c r="G258" s="24">
        <v>2205.759</v>
      </c>
      <c r="H258" s="24">
        <v>-8.1939999999995052</v>
      </c>
    </row>
    <row r="259" spans="1:8">
      <c r="A259" s="20">
        <v>40483</v>
      </c>
      <c r="B259" s="21">
        <v>221.38900000000001</v>
      </c>
      <c r="C259" s="22">
        <v>222.06100000000001</v>
      </c>
      <c r="D259" s="22">
        <v>-0.67199999999999704</v>
      </c>
      <c r="E259" s="19"/>
      <c r="F259" s="24">
        <v>2219.0149999999999</v>
      </c>
      <c r="G259" s="24">
        <v>2230.3820000000001</v>
      </c>
      <c r="H259" s="24">
        <v>-11.367000000000189</v>
      </c>
    </row>
    <row r="260" spans="1:8">
      <c r="A260" s="20">
        <v>40513</v>
      </c>
      <c r="B260" s="21">
        <v>408.59</v>
      </c>
      <c r="C260" s="22">
        <v>408.363</v>
      </c>
      <c r="D260" s="22">
        <v>0.22699999999997544</v>
      </c>
      <c r="E260" s="19"/>
      <c r="F260" s="24">
        <v>2278.42</v>
      </c>
      <c r="G260" s="24">
        <v>2289.56</v>
      </c>
      <c r="H260" s="24">
        <v>-11.139999999999873</v>
      </c>
    </row>
    <row r="261" spans="1:8">
      <c r="A261" s="20">
        <v>40544</v>
      </c>
      <c r="B261" s="21">
        <v>462.36200000000002</v>
      </c>
      <c r="C261" s="22">
        <v>488.91899999999998</v>
      </c>
      <c r="D261" s="22">
        <v>-26.55699999999996</v>
      </c>
      <c r="F261" s="24">
        <v>2280.7979999999998</v>
      </c>
      <c r="G261" s="24">
        <v>2322.232</v>
      </c>
      <c r="H261" s="24">
        <v>-41.434000000000196</v>
      </c>
    </row>
    <row r="262" spans="1:8">
      <c r="A262" s="20">
        <v>40575</v>
      </c>
      <c r="B262" s="21">
        <v>368.245</v>
      </c>
      <c r="C262" s="22">
        <v>383.9</v>
      </c>
      <c r="D262" s="22">
        <v>-15.654999999999973</v>
      </c>
      <c r="F262" s="24">
        <v>2290.6330000000003</v>
      </c>
      <c r="G262" s="24">
        <v>2332.2829999999999</v>
      </c>
      <c r="H262" s="24">
        <v>-41.649999999999636</v>
      </c>
    </row>
    <row r="263" spans="1:8">
      <c r="A263" s="20">
        <v>40603</v>
      </c>
      <c r="B263" s="21">
        <v>340.90199999999999</v>
      </c>
      <c r="C263" s="22">
        <v>350.13499999999999</v>
      </c>
      <c r="D263" s="22">
        <v>-9.2330000000000041</v>
      </c>
      <c r="F263" s="24">
        <v>2367.3920000000003</v>
      </c>
      <c r="G263" s="24">
        <v>2404.2179999999998</v>
      </c>
      <c r="H263" s="24">
        <v>-36.825999999999567</v>
      </c>
    </row>
    <row r="264" spans="1:8">
      <c r="A264" s="20">
        <v>40634</v>
      </c>
      <c r="B264" s="21">
        <v>186.399</v>
      </c>
      <c r="C264" s="22">
        <v>199.66300000000001</v>
      </c>
      <c r="D264" s="22">
        <v>-13.26400000000001</v>
      </c>
      <c r="F264" s="24">
        <v>2410.4110000000001</v>
      </c>
      <c r="G264" s="24">
        <v>2466.3489999999997</v>
      </c>
      <c r="H264" s="24">
        <v>-55.937999999999647</v>
      </c>
    </row>
    <row r="265" spans="1:8">
      <c r="A265" s="20">
        <v>40664</v>
      </c>
      <c r="B265" s="21">
        <v>108.31399999999999</v>
      </c>
      <c r="C265" s="22">
        <v>78.453000000000003</v>
      </c>
      <c r="D265" s="22">
        <v>29.86099999999999</v>
      </c>
      <c r="F265" s="24">
        <v>2440.056</v>
      </c>
      <c r="G265" s="24">
        <v>2471.6059999999998</v>
      </c>
      <c r="H265" s="24">
        <v>-31.549999999999727</v>
      </c>
    </row>
    <row r="266" spans="1:8">
      <c r="A266" s="20">
        <v>40695</v>
      </c>
      <c r="B266" s="21">
        <v>56.853000000000002</v>
      </c>
      <c r="C266" s="22">
        <v>55.295000000000002</v>
      </c>
      <c r="D266" s="22">
        <v>1.5579999999999998</v>
      </c>
      <c r="F266" s="24">
        <v>2439.8029999999999</v>
      </c>
      <c r="G266" s="24">
        <v>2468.6549999999997</v>
      </c>
      <c r="H266" s="24">
        <v>-28.851999999999862</v>
      </c>
    </row>
    <row r="267" spans="1:8">
      <c r="A267" s="20">
        <v>40725</v>
      </c>
      <c r="B267" s="21">
        <v>56.853000000000002</v>
      </c>
      <c r="C267" s="22">
        <v>54.179000000000002</v>
      </c>
      <c r="D267" s="22">
        <v>2.6739999999999995</v>
      </c>
      <c r="F267" s="24">
        <v>2439.5500000000002</v>
      </c>
      <c r="G267" s="24">
        <v>2466.2660000000005</v>
      </c>
      <c r="H267" s="24">
        <v>-26.716000000000349</v>
      </c>
    </row>
    <row r="268" spans="1:8">
      <c r="A268" s="20">
        <v>40756</v>
      </c>
      <c r="B268" s="21">
        <v>56.853000000000002</v>
      </c>
      <c r="C268" s="22">
        <v>53.238</v>
      </c>
      <c r="D268" s="22">
        <v>3.615000000000002</v>
      </c>
      <c r="F268" s="24">
        <v>2439.297</v>
      </c>
      <c r="G268" s="24">
        <v>2465.0330000000004</v>
      </c>
      <c r="H268" s="24">
        <v>-25.736000000000331</v>
      </c>
    </row>
    <row r="269" spans="1:8">
      <c r="A269" s="20">
        <v>40787</v>
      </c>
      <c r="B269" s="21">
        <v>53.985999999999997</v>
      </c>
      <c r="C269" s="22">
        <v>60.7</v>
      </c>
      <c r="D269" s="22">
        <v>-6.7140000000000057</v>
      </c>
      <c r="F269" s="24">
        <v>2437.7439999999997</v>
      </c>
      <c r="G269" s="24">
        <v>2463.7269999999999</v>
      </c>
      <c r="H269" s="24">
        <v>-25.983000000000175</v>
      </c>
    </row>
    <row r="270" spans="1:8">
      <c r="A270" s="20">
        <v>40817</v>
      </c>
      <c r="B270" s="21">
        <v>119.758</v>
      </c>
      <c r="C270" s="22">
        <v>105.69199999999999</v>
      </c>
      <c r="D270" s="22">
        <v>14.066000000000003</v>
      </c>
      <c r="F270" s="24">
        <v>2440.5039999999999</v>
      </c>
      <c r="G270" s="24">
        <v>2460.598</v>
      </c>
      <c r="H270" s="24">
        <v>-20.094000000000051</v>
      </c>
    </row>
    <row r="271" spans="1:8">
      <c r="A271" s="20">
        <v>40848</v>
      </c>
      <c r="B271" s="21">
        <v>196.691</v>
      </c>
      <c r="C271" s="22">
        <v>180.38</v>
      </c>
      <c r="D271" s="22">
        <v>16.311000000000007</v>
      </c>
      <c r="F271" s="24">
        <v>2415.806</v>
      </c>
      <c r="G271" s="24">
        <v>2418.9169999999999</v>
      </c>
      <c r="H271" s="24">
        <v>-3.1109999999998763</v>
      </c>
    </row>
    <row r="272" spans="1:8" ht="14.4" thickBot="1">
      <c r="A272" s="25">
        <v>40878</v>
      </c>
      <c r="B272" s="26">
        <v>323.55799999999999</v>
      </c>
      <c r="C272" s="27">
        <v>316.10899999999998</v>
      </c>
      <c r="D272" s="27">
        <v>7.4490000000000123</v>
      </c>
      <c r="E272" s="88"/>
      <c r="F272" s="89">
        <v>2330.7740000000003</v>
      </c>
      <c r="G272" s="89">
        <v>2326.663</v>
      </c>
      <c r="H272" s="89">
        <v>4.1110000000003311</v>
      </c>
    </row>
    <row r="273" spans="1:7">
      <c r="D273" s="28"/>
      <c r="E273" s="19"/>
      <c r="F273" s="19"/>
      <c r="G273" s="19"/>
    </row>
    <row r="274" spans="1:7" ht="14.4" thickBot="1">
      <c r="B274" s="19"/>
      <c r="C274" s="19"/>
      <c r="D274" s="19"/>
      <c r="E274" s="19"/>
      <c r="F274" s="19"/>
      <c r="G274" s="19"/>
    </row>
    <row r="275" spans="1:7">
      <c r="A275" s="29" t="s">
        <v>44</v>
      </c>
      <c r="B275" s="29" t="s">
        <v>43</v>
      </c>
      <c r="C275" s="29" t="s">
        <v>40</v>
      </c>
      <c r="D275" s="29" t="s">
        <v>41</v>
      </c>
      <c r="E275" s="29" t="s">
        <v>45</v>
      </c>
      <c r="F275" s="29" t="s">
        <v>46</v>
      </c>
    </row>
    <row r="276" spans="1:7">
      <c r="A276" s="30"/>
      <c r="B276" s="31"/>
      <c r="C276" s="31"/>
      <c r="D276" s="32"/>
      <c r="E276" s="33"/>
      <c r="F276" s="34"/>
    </row>
    <row r="277" spans="1:7">
      <c r="A277" s="30"/>
      <c r="B277" s="35"/>
      <c r="C277" s="35"/>
      <c r="D277" s="32"/>
      <c r="E277" s="33"/>
      <c r="F277" s="34"/>
    </row>
    <row r="278" spans="1:7">
      <c r="A278" s="30">
        <v>1993</v>
      </c>
      <c r="B278" s="35">
        <v>1655.5819999999999</v>
      </c>
      <c r="C278" s="35">
        <v>1669.5529999999999</v>
      </c>
      <c r="D278" s="32">
        <v>-13.971000000000004</v>
      </c>
      <c r="E278" s="33">
        <v>13.971000000000004</v>
      </c>
      <c r="F278" s="34">
        <v>8.3681081103744569E-3</v>
      </c>
    </row>
    <row r="279" spans="1:7">
      <c r="A279" s="30">
        <v>1994</v>
      </c>
      <c r="B279" s="35">
        <v>3054.3210000000004</v>
      </c>
      <c r="C279" s="35">
        <v>3041.5250000000005</v>
      </c>
      <c r="D279" s="32">
        <v>12.795999999999822</v>
      </c>
      <c r="E279" s="33">
        <v>12.795999999999822</v>
      </c>
      <c r="F279" s="34">
        <v>4.2071000567149106E-3</v>
      </c>
    </row>
    <row r="280" spans="1:7">
      <c r="A280" s="30">
        <v>1995</v>
      </c>
      <c r="B280" s="35">
        <v>3027.3820000000001</v>
      </c>
      <c r="C280" s="35">
        <v>3020.0209999999993</v>
      </c>
      <c r="D280" s="32">
        <v>7.3610000000007858</v>
      </c>
      <c r="E280" s="33">
        <v>7.3610000000007858</v>
      </c>
      <c r="F280" s="34">
        <v>2.4374002697334844E-3</v>
      </c>
    </row>
    <row r="281" spans="1:7">
      <c r="A281" s="30">
        <v>1996</v>
      </c>
      <c r="B281" s="35">
        <v>3154.5710000000004</v>
      </c>
      <c r="C281" s="35">
        <v>3098.0790000000002</v>
      </c>
      <c r="D281" s="32">
        <v>56.492000000000189</v>
      </c>
      <c r="E281" s="33">
        <v>56.492000000000189</v>
      </c>
      <c r="F281" s="34">
        <v>1.8234525330051359E-2</v>
      </c>
    </row>
    <row r="282" spans="1:7">
      <c r="A282" s="30">
        <v>1997</v>
      </c>
      <c r="B282" s="35">
        <v>3015.4259999999999</v>
      </c>
      <c r="C282" s="35">
        <v>2962.373</v>
      </c>
      <c r="D282" s="32">
        <v>53.052999999999884</v>
      </c>
      <c r="E282" s="33">
        <v>53.052999999999884</v>
      </c>
      <c r="F282" s="34">
        <v>1.7908953396483119E-2</v>
      </c>
    </row>
    <row r="283" spans="1:7">
      <c r="A283" s="30">
        <v>1998</v>
      </c>
      <c r="B283" s="35">
        <v>2452.4659999999999</v>
      </c>
      <c r="C283" s="35">
        <v>2493.819</v>
      </c>
      <c r="D283" s="32">
        <v>-41.353000000000065</v>
      </c>
      <c r="E283" s="33">
        <v>41.353000000000065</v>
      </c>
      <c r="F283" s="34">
        <v>1.6582197825904792E-2</v>
      </c>
    </row>
    <row r="284" spans="1:7">
      <c r="A284" s="30">
        <v>1999</v>
      </c>
      <c r="B284" s="35">
        <v>2672.0090000000005</v>
      </c>
      <c r="C284" s="35">
        <v>2685.6</v>
      </c>
      <c r="D284" s="32">
        <v>-13.59099999999944</v>
      </c>
      <c r="E284" s="33">
        <v>13.59099999999944</v>
      </c>
      <c r="F284" s="34">
        <v>5.0606940720879659E-3</v>
      </c>
    </row>
    <row r="285" spans="1:7">
      <c r="A285" s="30">
        <v>2000</v>
      </c>
      <c r="B285" s="35">
        <v>2768.1959999999999</v>
      </c>
      <c r="C285" s="35">
        <v>2756.4929999999999</v>
      </c>
      <c r="D285" s="32">
        <v>11.702999999999975</v>
      </c>
      <c r="E285" s="33">
        <v>11.702999999999975</v>
      </c>
      <c r="F285" s="34">
        <v>4.2456120875329541E-3</v>
      </c>
    </row>
    <row r="286" spans="1:7">
      <c r="A286" s="30">
        <v>2001</v>
      </c>
      <c r="B286" s="35">
        <v>2511.2670000000003</v>
      </c>
      <c r="C286" s="35">
        <v>2506.931</v>
      </c>
      <c r="D286" s="32">
        <v>4.3360000000002401</v>
      </c>
      <c r="E286" s="33">
        <v>4.3360000000002401</v>
      </c>
      <c r="F286" s="34">
        <v>1.7296048435318883E-3</v>
      </c>
    </row>
    <row r="287" spans="1:7">
      <c r="A287" s="30">
        <v>2002</v>
      </c>
      <c r="B287" s="35">
        <v>2635.424</v>
      </c>
      <c r="C287" s="35">
        <v>2626.4399999999996</v>
      </c>
      <c r="D287" s="32">
        <v>8.9840000000003783</v>
      </c>
      <c r="E287" s="33">
        <v>8.9840000000003783</v>
      </c>
      <c r="F287" s="34">
        <v>3.4205997471864502E-3</v>
      </c>
    </row>
    <row r="288" spans="1:7">
      <c r="A288" s="30">
        <v>2003</v>
      </c>
      <c r="B288" s="35">
        <v>2770.2799999999997</v>
      </c>
      <c r="C288" s="35">
        <v>2744.4609999999998</v>
      </c>
      <c r="D288" s="32">
        <v>25.81899999999996</v>
      </c>
      <c r="E288" s="33">
        <v>25.81899999999996</v>
      </c>
      <c r="F288" s="34">
        <v>9.4076760427639385E-3</v>
      </c>
    </row>
    <row r="289" spans="1:6">
      <c r="A289" s="30">
        <v>2004</v>
      </c>
      <c r="B289" s="35">
        <v>2578.9530000000004</v>
      </c>
      <c r="C289" s="35">
        <v>2614.7300000000005</v>
      </c>
      <c r="D289" s="32">
        <v>-35.777000000000044</v>
      </c>
      <c r="E289" s="33">
        <v>35.777000000000044</v>
      </c>
      <c r="F289" s="34">
        <v>1.3682865917322262E-2</v>
      </c>
    </row>
    <row r="290" spans="1:6">
      <c r="A290" s="30">
        <v>2005</v>
      </c>
      <c r="B290" s="35">
        <v>2575.8110000000001</v>
      </c>
      <c r="C290" s="35">
        <v>2635.4410000000003</v>
      </c>
      <c r="D290" s="32">
        <v>-59.630000000000109</v>
      </c>
      <c r="E290" s="33">
        <v>59.630000000000109</v>
      </c>
      <c r="F290" s="34">
        <v>2.2626194249842854E-2</v>
      </c>
    </row>
    <row r="291" spans="1:6">
      <c r="A291" s="30">
        <v>2006</v>
      </c>
      <c r="B291" s="35">
        <v>2277.4449999999997</v>
      </c>
      <c r="C291" s="35">
        <v>2244.8560000000002</v>
      </c>
      <c r="D291" s="32">
        <v>32.588999999999487</v>
      </c>
      <c r="E291" s="33">
        <v>32.588999999999487</v>
      </c>
      <c r="F291" s="34">
        <v>1.4517189521287549E-2</v>
      </c>
    </row>
    <row r="292" spans="1:6">
      <c r="A292" s="30">
        <v>2007</v>
      </c>
      <c r="B292" s="35">
        <v>2473.0990000000002</v>
      </c>
      <c r="C292" s="35">
        <v>2467.89</v>
      </c>
      <c r="D292" s="32">
        <v>5.2090000000002874</v>
      </c>
      <c r="E292" s="33">
        <v>5.2090000000002874</v>
      </c>
      <c r="F292" s="34">
        <v>2.1107099587097835E-3</v>
      </c>
    </row>
    <row r="293" spans="1:6">
      <c r="A293" s="30">
        <v>2008</v>
      </c>
      <c r="B293" s="35">
        <v>2507.3190000000004</v>
      </c>
      <c r="C293" s="35">
        <v>2502.9349999999999</v>
      </c>
      <c r="D293" s="32">
        <v>4.3840000000004693</v>
      </c>
      <c r="E293" s="33">
        <v>4.3840000000004693</v>
      </c>
      <c r="F293" s="34">
        <v>1.7515436877108153E-3</v>
      </c>
    </row>
    <row r="294" spans="1:6">
      <c r="A294" s="30">
        <v>2009</v>
      </c>
      <c r="B294" s="35">
        <v>2400.2809999999995</v>
      </c>
      <c r="C294" s="35">
        <v>2386.33</v>
      </c>
      <c r="D294" s="32">
        <v>13.950999999999567</v>
      </c>
      <c r="E294" s="33">
        <v>13.950999999999567</v>
      </c>
      <c r="F294" s="34">
        <v>5.8462157371359236E-3</v>
      </c>
    </row>
    <row r="295" spans="1:6">
      <c r="A295" s="30">
        <v>2010</v>
      </c>
      <c r="B295" s="35">
        <v>2278.42</v>
      </c>
      <c r="C295" s="35">
        <v>2289.56</v>
      </c>
      <c r="D295" s="32">
        <v>-11.139999999999873</v>
      </c>
      <c r="E295" s="33">
        <v>11.139999999999873</v>
      </c>
      <c r="F295" s="34">
        <v>4.8655636890930455E-3</v>
      </c>
    </row>
    <row r="296" spans="1:6">
      <c r="A296" s="30">
        <v>2011</v>
      </c>
      <c r="B296" s="35">
        <v>2330.7740000000003</v>
      </c>
      <c r="C296" s="35">
        <v>2326.663</v>
      </c>
      <c r="D296" s="32">
        <v>4.1110000000003311</v>
      </c>
      <c r="E296" s="33">
        <v>4.1110000000003311</v>
      </c>
      <c r="F296" s="34">
        <v>1.7669082286520786E-3</v>
      </c>
    </row>
    <row r="297" spans="1:6">
      <c r="A297" s="30"/>
      <c r="B297" s="30"/>
      <c r="C297" s="30"/>
      <c r="D297" s="30"/>
      <c r="E297" s="36" t="s">
        <v>47</v>
      </c>
      <c r="F297" s="37">
        <v>8.3562980406378766E-3</v>
      </c>
    </row>
  </sheetData>
  <pageMargins left="0.7" right="0.7" top="0.75" bottom="0.75" header="0.3" footer="0.3"/>
  <pageSetup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>
  <sheetPr>
    <tabColor theme="6" tint="0.39997558519241921"/>
  </sheetPr>
  <dimension ref="A2:H269"/>
  <sheetViews>
    <sheetView workbookViewId="0">
      <selection activeCell="G23" sqref="G23"/>
    </sheetView>
  </sheetViews>
  <sheetFormatPr defaultRowHeight="13.8"/>
  <cols>
    <col min="1" max="1" width="17.69921875" customWidth="1"/>
    <col min="2" max="2" width="11.8984375" customWidth="1"/>
    <col min="3" max="3" width="17.59765625" customWidth="1"/>
    <col min="4" max="4" width="16.3984375" customWidth="1"/>
    <col min="5" max="6" width="8.8984375" bestFit="1" customWidth="1"/>
    <col min="9" max="9" width="10.59765625" customWidth="1"/>
  </cols>
  <sheetData>
    <row r="2" spans="1:8">
      <c r="A2" s="1" t="s">
        <v>134</v>
      </c>
    </row>
    <row r="3" spans="1:8" ht="14.4" thickBot="1"/>
    <row r="4" spans="1:8">
      <c r="A4" s="2" t="s">
        <v>0</v>
      </c>
      <c r="B4" s="2"/>
      <c r="E4" s="96" t="s">
        <v>222</v>
      </c>
      <c r="F4" s="95"/>
      <c r="G4" s="95"/>
      <c r="H4" s="95"/>
    </row>
    <row r="5" spans="1:8">
      <c r="A5" s="86"/>
      <c r="B5" s="87"/>
      <c r="E5" s="95"/>
      <c r="F5" s="95"/>
      <c r="G5" s="95"/>
      <c r="H5" s="95"/>
    </row>
    <row r="6" spans="1:8">
      <c r="A6" s="3" t="s">
        <v>2</v>
      </c>
      <c r="B6" s="4">
        <v>0.996</v>
      </c>
      <c r="E6" s="97" t="s">
        <v>219</v>
      </c>
      <c r="F6" s="94"/>
      <c r="G6" s="94"/>
      <c r="H6" s="94"/>
    </row>
    <row r="7" spans="1:8">
      <c r="A7" s="3" t="s">
        <v>3</v>
      </c>
      <c r="B7" s="4">
        <v>0.995</v>
      </c>
      <c r="C7" s="93">
        <v>0.99587850482452833</v>
      </c>
      <c r="E7" s="97" t="s">
        <v>220</v>
      </c>
      <c r="F7" s="94"/>
      <c r="G7" s="94"/>
      <c r="H7" s="94"/>
    </row>
    <row r="8" spans="1:8">
      <c r="A8" s="3" t="s">
        <v>4</v>
      </c>
      <c r="B8" s="5">
        <v>8204.17</v>
      </c>
      <c r="E8" s="97" t="s">
        <v>221</v>
      </c>
      <c r="F8" s="94"/>
      <c r="G8" s="94"/>
      <c r="H8" s="94"/>
    </row>
    <row r="9" spans="1:8" ht="14.4" thickBot="1">
      <c r="A9" s="6" t="s">
        <v>5</v>
      </c>
      <c r="B9" s="7">
        <v>192</v>
      </c>
      <c r="C9" s="8" t="s">
        <v>216</v>
      </c>
    </row>
    <row r="11" spans="1:8" ht="14.4" thickBot="1">
      <c r="A11" t="s">
        <v>7</v>
      </c>
    </row>
    <row r="12" spans="1:8">
      <c r="A12" s="9"/>
      <c r="B12" s="9" t="s">
        <v>8</v>
      </c>
      <c r="C12" s="9" t="s">
        <v>9</v>
      </c>
      <c r="D12" s="9" t="s">
        <v>10</v>
      </c>
      <c r="E12" s="9" t="s">
        <v>11</v>
      </c>
      <c r="F12" s="9" t="s">
        <v>12</v>
      </c>
      <c r="G12" s="9" t="s">
        <v>13</v>
      </c>
    </row>
    <row r="13" spans="1:8">
      <c r="A13" s="3" t="s">
        <v>14</v>
      </c>
      <c r="B13" s="10">
        <v>170</v>
      </c>
      <c r="C13" s="11">
        <v>2776279549443.04</v>
      </c>
      <c r="D13" s="82">
        <v>16331056173.194353</v>
      </c>
      <c r="E13" s="11">
        <v>1964.1510000000001</v>
      </c>
      <c r="F13" s="5">
        <v>0</v>
      </c>
      <c r="G13" s="13">
        <v>1.423</v>
      </c>
    </row>
    <row r="14" spans="1:8">
      <c r="A14" s="3" t="s">
        <v>15</v>
      </c>
      <c r="B14" s="85">
        <v>21</v>
      </c>
      <c r="C14" s="11">
        <v>11442422768.790001</v>
      </c>
      <c r="D14" s="82">
        <v>544877274.70428574</v>
      </c>
      <c r="E14" s="11"/>
      <c r="F14" s="12"/>
    </row>
    <row r="15" spans="1:8" ht="14.4" thickBot="1">
      <c r="A15" s="6" t="s">
        <v>16</v>
      </c>
      <c r="B15" s="90">
        <v>191</v>
      </c>
      <c r="C15" s="14"/>
      <c r="D15" s="14"/>
      <c r="E15" s="14"/>
      <c r="F15" s="15"/>
      <c r="G15" s="15"/>
    </row>
    <row r="16" spans="1:8" ht="14.4" thickBot="1"/>
    <row r="17" spans="1:7">
      <c r="A17" s="9"/>
      <c r="B17" s="9" t="s">
        <v>17</v>
      </c>
      <c r="C17" s="9" t="s">
        <v>18</v>
      </c>
      <c r="D17" s="9" t="s">
        <v>19</v>
      </c>
      <c r="E17" s="9" t="s">
        <v>20</v>
      </c>
      <c r="F17" s="9" t="s">
        <v>21</v>
      </c>
      <c r="G17" s="9" t="s">
        <v>22</v>
      </c>
    </row>
    <row r="18" spans="1:7">
      <c r="A18" s="3" t="s">
        <v>132</v>
      </c>
      <c r="B18" s="80">
        <v>-12659.221</v>
      </c>
      <c r="C18" s="80">
        <v>7594.84</v>
      </c>
      <c r="D18" s="80">
        <v>-1.667</v>
      </c>
      <c r="E18" s="4">
        <v>9.74E-2</v>
      </c>
      <c r="F18" s="83">
        <v>-27621.055800000002</v>
      </c>
      <c r="G18" s="83">
        <v>2302.613800000001</v>
      </c>
    </row>
    <row r="19" spans="1:7">
      <c r="A19" s="3" t="s">
        <v>24</v>
      </c>
      <c r="B19" s="80">
        <v>501.50599999999997</v>
      </c>
      <c r="C19" s="80">
        <v>7.41</v>
      </c>
      <c r="D19" s="80">
        <v>67.677999999999997</v>
      </c>
      <c r="E19" s="4">
        <v>0</v>
      </c>
      <c r="F19" s="83">
        <v>486.9083</v>
      </c>
      <c r="G19" s="83">
        <v>516.1037</v>
      </c>
    </row>
    <row r="20" spans="1:7">
      <c r="A20" s="3" t="s">
        <v>25</v>
      </c>
      <c r="B20" s="80">
        <v>483.05500000000001</v>
      </c>
      <c r="C20" s="80">
        <v>8.4670000000000005</v>
      </c>
      <c r="D20" s="80">
        <v>57.052</v>
      </c>
      <c r="E20" s="4">
        <v>0</v>
      </c>
      <c r="F20" s="83">
        <v>466.37501000000003</v>
      </c>
      <c r="G20" s="83">
        <v>499.73498999999998</v>
      </c>
    </row>
    <row r="21" spans="1:7">
      <c r="A21" s="3" t="s">
        <v>26</v>
      </c>
      <c r="B21" s="80">
        <v>475.05799999999999</v>
      </c>
      <c r="C21" s="80">
        <v>9.7880000000000003</v>
      </c>
      <c r="D21" s="80">
        <v>48.534999999999997</v>
      </c>
      <c r="E21" s="4">
        <v>0</v>
      </c>
      <c r="F21" s="83">
        <v>455.77564000000001</v>
      </c>
      <c r="G21" s="83">
        <v>494.34035999999998</v>
      </c>
    </row>
    <row r="22" spans="1:7">
      <c r="A22" s="3" t="s">
        <v>27</v>
      </c>
      <c r="B22" s="80">
        <v>444.64100000000002</v>
      </c>
      <c r="C22" s="80">
        <v>16.021000000000001</v>
      </c>
      <c r="D22" s="80">
        <v>27.753</v>
      </c>
      <c r="E22" s="4">
        <v>0</v>
      </c>
      <c r="F22" s="83">
        <v>413.07963000000001</v>
      </c>
      <c r="G22" s="83">
        <v>476.20237000000003</v>
      </c>
    </row>
    <row r="23" spans="1:7">
      <c r="A23" s="3" t="s">
        <v>28</v>
      </c>
      <c r="B23" s="80">
        <v>420.22300000000001</v>
      </c>
      <c r="C23" s="80">
        <v>30.274000000000001</v>
      </c>
      <c r="D23" s="80">
        <v>13.881</v>
      </c>
      <c r="E23" s="4">
        <v>0</v>
      </c>
      <c r="F23" s="83">
        <v>360.58321999999998</v>
      </c>
      <c r="G23" s="83">
        <v>479.86278000000004</v>
      </c>
    </row>
    <row r="24" spans="1:7">
      <c r="A24" s="79" t="s">
        <v>29</v>
      </c>
      <c r="B24" s="80">
        <v>266.84100000000001</v>
      </c>
      <c r="C24" s="80">
        <v>60.97</v>
      </c>
      <c r="D24" s="80">
        <v>4.3769999999999998</v>
      </c>
      <c r="E24" s="4">
        <v>0</v>
      </c>
      <c r="F24" s="83">
        <v>146.73009999999999</v>
      </c>
      <c r="G24" s="83">
        <v>386.95190000000002</v>
      </c>
    </row>
    <row r="25" spans="1:7">
      <c r="A25" s="3" t="s">
        <v>30</v>
      </c>
      <c r="B25" s="80">
        <v>333.23500000000001</v>
      </c>
      <c r="C25" s="80">
        <v>20.206</v>
      </c>
      <c r="D25" s="80">
        <v>16.492000000000001</v>
      </c>
      <c r="E25" s="4">
        <v>0</v>
      </c>
      <c r="F25" s="83">
        <v>293.42918000000003</v>
      </c>
      <c r="G25" s="83">
        <v>373.04082</v>
      </c>
    </row>
    <row r="26" spans="1:7">
      <c r="A26" s="3" t="s">
        <v>31</v>
      </c>
      <c r="B26" s="80">
        <v>399.84800000000001</v>
      </c>
      <c r="C26" s="80">
        <v>12.127000000000001</v>
      </c>
      <c r="D26" s="80">
        <v>32.972000000000001</v>
      </c>
      <c r="E26" s="4">
        <v>0</v>
      </c>
      <c r="F26" s="83">
        <v>375.95780999999999</v>
      </c>
      <c r="G26" s="83">
        <v>423.73819000000003</v>
      </c>
    </row>
    <row r="27" spans="1:7">
      <c r="A27" s="3" t="s">
        <v>32</v>
      </c>
      <c r="B27" s="80">
        <v>463.63400000000001</v>
      </c>
      <c r="C27" s="80">
        <v>8.6750000000000007</v>
      </c>
      <c r="D27" s="80">
        <v>53.442</v>
      </c>
      <c r="E27" s="4">
        <v>0</v>
      </c>
      <c r="F27" s="83">
        <v>446.54425000000003</v>
      </c>
      <c r="G27" s="83">
        <v>480.72375</v>
      </c>
    </row>
    <row r="28" spans="1:7">
      <c r="A28" s="3" t="s">
        <v>119</v>
      </c>
      <c r="B28" s="80">
        <v>17803.594000000001</v>
      </c>
      <c r="C28" s="80">
        <v>5127.8209999999999</v>
      </c>
      <c r="D28" s="80">
        <v>3.472</v>
      </c>
      <c r="E28" s="4">
        <v>6.9999999999999999E-4</v>
      </c>
      <c r="F28" s="83">
        <v>7701.7866300000005</v>
      </c>
      <c r="G28" s="83">
        <v>27905.40137</v>
      </c>
    </row>
    <row r="29" spans="1:7">
      <c r="A29" s="3" t="s">
        <v>120</v>
      </c>
      <c r="B29" s="80">
        <v>17702.744999999999</v>
      </c>
      <c r="C29" s="80">
        <v>5126.5860000000002</v>
      </c>
      <c r="D29" s="80">
        <v>3.4529999999999998</v>
      </c>
      <c r="E29" s="4">
        <v>6.9999999999999999E-4</v>
      </c>
      <c r="F29" s="83">
        <v>7603.3705799999989</v>
      </c>
      <c r="G29" s="83">
        <v>27802.119419999999</v>
      </c>
    </row>
    <row r="30" spans="1:7">
      <c r="A30" s="3" t="s">
        <v>121</v>
      </c>
      <c r="B30" s="80">
        <v>17722.116000000002</v>
      </c>
      <c r="C30" s="80">
        <v>5126.8209999999999</v>
      </c>
      <c r="D30" s="80">
        <v>3.4569999999999999</v>
      </c>
      <c r="E30" s="4">
        <v>6.9999999999999999E-4</v>
      </c>
      <c r="F30" s="83">
        <v>7622.2786300000025</v>
      </c>
      <c r="G30" s="83">
        <v>27821.953370000003</v>
      </c>
    </row>
    <row r="31" spans="1:7">
      <c r="A31" s="3" t="s">
        <v>114</v>
      </c>
      <c r="B31" s="80">
        <v>21657.576000000001</v>
      </c>
      <c r="C31" s="80">
        <v>5234.2950000000001</v>
      </c>
      <c r="D31" s="80">
        <v>4.1379999999999999</v>
      </c>
      <c r="E31" s="4">
        <v>1E-4</v>
      </c>
      <c r="F31" s="83">
        <v>11346.014850000001</v>
      </c>
      <c r="G31" s="83">
        <v>31969.137150000002</v>
      </c>
    </row>
    <row r="32" spans="1:7">
      <c r="A32" s="3" t="s">
        <v>131</v>
      </c>
      <c r="B32" s="80">
        <v>5.5E-2</v>
      </c>
      <c r="C32" s="80">
        <v>7.0000000000000001E-3</v>
      </c>
      <c r="D32" s="80">
        <v>8.1340000000000003</v>
      </c>
      <c r="E32" s="4">
        <v>0</v>
      </c>
      <c r="F32" s="83">
        <v>4.1209999999999997E-2</v>
      </c>
      <c r="G32" s="83">
        <v>6.8790000000000004E-2</v>
      </c>
    </row>
    <row r="33" spans="1:8">
      <c r="A33" s="3" t="s">
        <v>135</v>
      </c>
      <c r="B33" s="80">
        <v>-55653.385000000002</v>
      </c>
      <c r="C33" s="80">
        <v>8695.1170000000002</v>
      </c>
      <c r="D33" s="80">
        <v>-6.4009999999999998</v>
      </c>
      <c r="E33" s="4">
        <v>0</v>
      </c>
      <c r="F33" s="83">
        <v>-72782.765490000005</v>
      </c>
      <c r="G33" s="83">
        <v>-38524.004509999999</v>
      </c>
    </row>
    <row r="34" spans="1:8">
      <c r="A34" s="3" t="s">
        <v>136</v>
      </c>
      <c r="B34" s="80">
        <v>30855.714</v>
      </c>
      <c r="C34" s="80">
        <v>8592.83</v>
      </c>
      <c r="D34" s="80">
        <v>3.5910000000000002</v>
      </c>
      <c r="E34" s="4">
        <v>4.0000000000000002E-4</v>
      </c>
      <c r="F34" s="83">
        <v>13927.838899999999</v>
      </c>
      <c r="G34" s="83">
        <v>47783.589099999997</v>
      </c>
    </row>
    <row r="35" spans="1:8">
      <c r="A35" s="3" t="s">
        <v>137</v>
      </c>
      <c r="B35" s="80">
        <v>24872.620999999999</v>
      </c>
      <c r="C35" s="80">
        <v>8526.3690000000006</v>
      </c>
      <c r="D35" s="80">
        <v>2.9169999999999998</v>
      </c>
      <c r="E35" s="4">
        <v>4.0000000000000001E-3</v>
      </c>
      <c r="F35" s="83">
        <v>8075.6740699999973</v>
      </c>
      <c r="G35" s="83">
        <v>41669.567930000005</v>
      </c>
    </row>
    <row r="36" spans="1:8">
      <c r="A36" s="3" t="s">
        <v>138</v>
      </c>
      <c r="B36" s="80">
        <v>27594.844000000001</v>
      </c>
      <c r="C36" s="80">
        <v>8609.7350000000006</v>
      </c>
      <c r="D36" s="80">
        <v>3.2050000000000001</v>
      </c>
      <c r="E36" s="4">
        <v>1.6000000000000001E-3</v>
      </c>
      <c r="F36" s="83">
        <v>10633.66605</v>
      </c>
      <c r="G36" s="83">
        <v>44556.021950000002</v>
      </c>
    </row>
    <row r="37" spans="1:8">
      <c r="A37" s="3" t="s">
        <v>139</v>
      </c>
      <c r="B37" s="80">
        <v>32855.116999999998</v>
      </c>
      <c r="C37" s="80">
        <v>8654.2430000000004</v>
      </c>
      <c r="D37" s="80">
        <v>3.7959999999999998</v>
      </c>
      <c r="E37" s="4">
        <v>2.0000000000000001E-4</v>
      </c>
      <c r="F37" s="83">
        <v>15806.258289999998</v>
      </c>
      <c r="G37" s="83">
        <v>49903.975709999999</v>
      </c>
    </row>
    <row r="38" spans="1:8">
      <c r="A38" s="3" t="s">
        <v>140</v>
      </c>
      <c r="B38" s="80">
        <v>30854.3</v>
      </c>
      <c r="C38" s="80">
        <v>8597.6389999999992</v>
      </c>
      <c r="D38" s="80">
        <v>3.589</v>
      </c>
      <c r="E38" s="4">
        <v>4.0000000000000002E-4</v>
      </c>
      <c r="F38" s="83">
        <v>13916.95117</v>
      </c>
      <c r="G38" s="83">
        <v>47791.648829999998</v>
      </c>
    </row>
    <row r="39" spans="1:8" ht="14.4" thickBot="1">
      <c r="A39" s="6" t="s">
        <v>141</v>
      </c>
      <c r="B39" s="81">
        <v>30541.523000000001</v>
      </c>
      <c r="C39" s="81">
        <v>8708.0750000000007</v>
      </c>
      <c r="D39" s="81">
        <v>3.5070000000000001</v>
      </c>
      <c r="E39" s="17">
        <v>5.9999999999999995E-4</v>
      </c>
      <c r="F39" s="84">
        <v>13386.615249999999</v>
      </c>
      <c r="G39" s="84">
        <v>47696.43075</v>
      </c>
    </row>
    <row r="41" spans="1:8">
      <c r="A41" s="3"/>
    </row>
    <row r="43" spans="1:8">
      <c r="A43" t="s">
        <v>38</v>
      </c>
    </row>
    <row r="44" spans="1:8" ht="14.4" thickBot="1"/>
    <row r="45" spans="1:8">
      <c r="A45" s="9" t="s">
        <v>39</v>
      </c>
      <c r="B45" s="18" t="s">
        <v>43</v>
      </c>
      <c r="C45" s="18" t="s">
        <v>40</v>
      </c>
      <c r="D45" s="18" t="s">
        <v>41</v>
      </c>
      <c r="E45" s="19"/>
    </row>
    <row r="46" spans="1:8">
      <c r="A46" s="20">
        <v>34851</v>
      </c>
      <c r="B46" s="21">
        <v>40968.332999999999</v>
      </c>
      <c r="C46" s="22">
        <v>40110.290999999997</v>
      </c>
      <c r="D46" s="22">
        <v>858.04200000000128</v>
      </c>
      <c r="E46" s="19"/>
      <c r="F46" s="24"/>
      <c r="G46" s="24"/>
      <c r="H46" s="24"/>
    </row>
    <row r="47" spans="1:8">
      <c r="A47" s="20">
        <v>34881</v>
      </c>
      <c r="B47" s="21">
        <v>40968.332999999999</v>
      </c>
      <c r="C47" s="22">
        <v>40012.233</v>
      </c>
      <c r="D47" s="22">
        <v>956.09999999999854</v>
      </c>
      <c r="E47" s="19"/>
      <c r="F47" s="24"/>
      <c r="G47" s="24"/>
      <c r="H47" s="24"/>
    </row>
    <row r="48" spans="1:8">
      <c r="A48" s="20">
        <v>34912</v>
      </c>
      <c r="B48" s="21">
        <v>40968.332999999999</v>
      </c>
      <c r="C48" s="22">
        <v>40013.328000000001</v>
      </c>
      <c r="D48" s="22">
        <v>955.00499999999738</v>
      </c>
      <c r="E48" s="19"/>
      <c r="F48" s="24"/>
      <c r="G48" s="24"/>
      <c r="H48" s="24"/>
    </row>
    <row r="49" spans="1:8">
      <c r="A49" s="20">
        <v>34943</v>
      </c>
      <c r="B49" s="21">
        <v>56976.3</v>
      </c>
      <c r="C49" s="22">
        <v>53508.131000000001</v>
      </c>
      <c r="D49" s="22">
        <v>3468.1690000000017</v>
      </c>
      <c r="E49" s="19"/>
      <c r="F49" s="24"/>
      <c r="G49" s="24"/>
      <c r="H49" s="24"/>
    </row>
    <row r="50" spans="1:8">
      <c r="A50" s="20">
        <v>34973</v>
      </c>
      <c r="B50" s="21">
        <v>91836.2</v>
      </c>
      <c r="C50" s="22">
        <v>95145.212</v>
      </c>
      <c r="D50" s="22">
        <v>-3309.0120000000024</v>
      </c>
      <c r="E50" s="19"/>
      <c r="F50" s="24"/>
      <c r="G50" s="24"/>
      <c r="H50" s="24"/>
    </row>
    <row r="51" spans="1:8">
      <c r="A51" s="20">
        <v>35004</v>
      </c>
      <c r="B51" s="21">
        <v>223466</v>
      </c>
      <c r="C51" s="22">
        <v>228591.649</v>
      </c>
      <c r="D51" s="22">
        <v>-5125.6490000000049</v>
      </c>
      <c r="E51" s="19"/>
      <c r="F51" s="24"/>
      <c r="G51" s="24"/>
      <c r="H51" s="24"/>
    </row>
    <row r="52" spans="1:8">
      <c r="A52" s="20">
        <v>35034</v>
      </c>
      <c r="B52" s="21">
        <v>332402.40000000002</v>
      </c>
      <c r="C52" s="22">
        <v>351575.35200000001</v>
      </c>
      <c r="D52" s="22">
        <v>-19172.95199999999</v>
      </c>
      <c r="E52" s="19"/>
      <c r="F52" s="24"/>
      <c r="G52" s="24"/>
      <c r="H52" s="24"/>
    </row>
    <row r="53" spans="1:8">
      <c r="A53" s="20">
        <v>35065</v>
      </c>
      <c r="B53" s="21">
        <v>347747.6</v>
      </c>
      <c r="C53" s="22">
        <v>347747.6</v>
      </c>
      <c r="D53" s="22">
        <v>0</v>
      </c>
      <c r="E53" s="19"/>
      <c r="F53" s="24"/>
      <c r="G53" s="24"/>
      <c r="H53" s="24"/>
    </row>
    <row r="54" spans="1:8">
      <c r="A54" s="20">
        <v>35096</v>
      </c>
      <c r="B54" s="21">
        <v>330261.09999999998</v>
      </c>
      <c r="C54" s="22">
        <v>353412.42700000003</v>
      </c>
      <c r="D54" s="22">
        <v>-23151.327000000048</v>
      </c>
      <c r="E54" s="19"/>
      <c r="F54" s="24"/>
      <c r="G54" s="24"/>
      <c r="H54" s="24"/>
    </row>
    <row r="55" spans="1:8" ht="14.4" thickBot="1">
      <c r="A55" s="20">
        <v>35125</v>
      </c>
      <c r="B55" s="21">
        <v>302290.3</v>
      </c>
      <c r="C55" s="22">
        <v>332500.26799999998</v>
      </c>
      <c r="D55" s="22">
        <v>-30209.967999999993</v>
      </c>
      <c r="E55" s="19"/>
      <c r="F55" s="1" t="s">
        <v>42</v>
      </c>
    </row>
    <row r="56" spans="1:8">
      <c r="A56" s="20">
        <v>35156</v>
      </c>
      <c r="B56" s="21">
        <v>195543.2</v>
      </c>
      <c r="C56" s="22">
        <v>198421.56</v>
      </c>
      <c r="D56" s="22">
        <v>-2878.359999999986</v>
      </c>
      <c r="E56" s="19"/>
      <c r="F56" s="23" t="s">
        <v>43</v>
      </c>
      <c r="G56" s="23" t="s">
        <v>40</v>
      </c>
      <c r="H56" s="23" t="s">
        <v>41</v>
      </c>
    </row>
    <row r="57" spans="1:8">
      <c r="A57" s="20">
        <v>35186</v>
      </c>
      <c r="B57" s="21">
        <v>114809.1</v>
      </c>
      <c r="C57" s="22">
        <v>107998.109</v>
      </c>
      <c r="D57" s="22">
        <v>6810.9910000000091</v>
      </c>
      <c r="E57" s="19"/>
      <c r="F57" s="24">
        <v>2118237.199</v>
      </c>
      <c r="G57" s="24">
        <v>2189036.16</v>
      </c>
      <c r="H57" s="24">
        <v>-70798.961000000127</v>
      </c>
    </row>
    <row r="58" spans="1:8">
      <c r="A58" s="20">
        <v>35217</v>
      </c>
      <c r="B58" s="21">
        <v>44283.267</v>
      </c>
      <c r="C58" s="22">
        <v>41149.311000000002</v>
      </c>
      <c r="D58" s="22">
        <v>3133.9559999999983</v>
      </c>
      <c r="E58" s="19"/>
      <c r="F58" s="24">
        <v>2121552.1330000004</v>
      </c>
      <c r="G58" s="24">
        <v>2190075.1800000002</v>
      </c>
      <c r="H58" s="24">
        <v>-68523.046999999788</v>
      </c>
    </row>
    <row r="59" spans="1:8">
      <c r="A59" s="20">
        <v>35247</v>
      </c>
      <c r="B59" s="21">
        <v>44283.267</v>
      </c>
      <c r="C59" s="22">
        <v>41244.578000000001</v>
      </c>
      <c r="D59" s="22">
        <v>3038.6889999999985</v>
      </c>
      <c r="E59" s="19"/>
      <c r="F59" s="24">
        <v>2124867.0670000003</v>
      </c>
      <c r="G59" s="24">
        <v>2191307.5250000004</v>
      </c>
      <c r="H59" s="24">
        <v>-66440.458000000101</v>
      </c>
    </row>
    <row r="60" spans="1:8">
      <c r="A60" s="20">
        <v>35278</v>
      </c>
      <c r="B60" s="21">
        <v>44283.267</v>
      </c>
      <c r="C60" s="22">
        <v>40972.675999999999</v>
      </c>
      <c r="D60" s="22">
        <v>3310.5910000000003</v>
      </c>
      <c r="E60" s="19"/>
      <c r="F60" s="24">
        <v>2128182.0010000002</v>
      </c>
      <c r="G60" s="24">
        <v>2192266.8730000006</v>
      </c>
      <c r="H60" s="24">
        <v>-64084.87200000044</v>
      </c>
    </row>
    <row r="61" spans="1:8">
      <c r="A61" s="20">
        <v>35309</v>
      </c>
      <c r="B61" s="21">
        <v>59389.7</v>
      </c>
      <c r="C61" s="22">
        <v>45415.826000000001</v>
      </c>
      <c r="D61" s="22">
        <v>13973.873999999996</v>
      </c>
      <c r="E61" s="19"/>
      <c r="F61" s="24">
        <v>2130595.4010000001</v>
      </c>
      <c r="G61" s="24">
        <v>2184174.568</v>
      </c>
      <c r="H61" s="24">
        <v>-53579.166999999899</v>
      </c>
    </row>
    <row r="62" spans="1:8">
      <c r="A62" s="20">
        <v>35339</v>
      </c>
      <c r="B62" s="21">
        <v>113370.3</v>
      </c>
      <c r="C62" s="22">
        <v>110019.11900000001</v>
      </c>
      <c r="D62" s="22">
        <v>3351.1809999999969</v>
      </c>
      <c r="E62" s="19"/>
      <c r="F62" s="24">
        <v>2152129.5010000002</v>
      </c>
      <c r="G62" s="24">
        <v>2199048.4749999996</v>
      </c>
      <c r="H62" s="24">
        <v>-46918.973999999464</v>
      </c>
    </row>
    <row r="63" spans="1:8">
      <c r="A63" s="20">
        <v>35370</v>
      </c>
      <c r="B63" s="21">
        <v>223210.1</v>
      </c>
      <c r="C63" s="22">
        <v>231052.10500000001</v>
      </c>
      <c r="D63" s="22">
        <v>-7842.0050000000047</v>
      </c>
      <c r="E63" s="19"/>
      <c r="F63" s="24">
        <v>2151873.6009999998</v>
      </c>
      <c r="G63" s="24">
        <v>2201508.9309999999</v>
      </c>
      <c r="H63" s="24">
        <v>-49635.330000000075</v>
      </c>
    </row>
    <row r="64" spans="1:8">
      <c r="A64" s="20">
        <v>35400</v>
      </c>
      <c r="B64" s="21">
        <v>275339.5</v>
      </c>
      <c r="C64" s="22">
        <v>291890.973</v>
      </c>
      <c r="D64" s="22">
        <v>-16551.472999999998</v>
      </c>
      <c r="E64" s="19"/>
      <c r="F64" s="24">
        <v>2094810.7010000001</v>
      </c>
      <c r="G64" s="24">
        <v>2141824.5520000001</v>
      </c>
      <c r="H64" s="24">
        <v>-47013.851000000024</v>
      </c>
    </row>
    <row r="65" spans="1:8">
      <c r="A65" s="20">
        <v>35431</v>
      </c>
      <c r="B65" s="21">
        <v>367783</v>
      </c>
      <c r="C65" s="22">
        <v>397282.89399999997</v>
      </c>
      <c r="D65" s="22">
        <v>-29499.893999999971</v>
      </c>
      <c r="E65" s="19"/>
      <c r="F65" s="24">
        <v>2114846.1009999998</v>
      </c>
      <c r="G65" s="24">
        <v>2191359.8459999999</v>
      </c>
      <c r="H65" s="24">
        <v>-76513.745000000112</v>
      </c>
    </row>
    <row r="66" spans="1:8">
      <c r="A66" s="20">
        <v>35462</v>
      </c>
      <c r="B66" s="21">
        <v>287428.90000000002</v>
      </c>
      <c r="C66" s="22">
        <v>301304.19300000003</v>
      </c>
      <c r="D66" s="22">
        <v>-13875.293000000005</v>
      </c>
      <c r="E66" s="19"/>
      <c r="F66" s="24">
        <v>2072013.9010000001</v>
      </c>
      <c r="G66" s="24">
        <v>2139251.6119999997</v>
      </c>
      <c r="H66" s="24">
        <v>-67237.710999999661</v>
      </c>
    </row>
    <row r="67" spans="1:8">
      <c r="A67" s="20">
        <v>35490</v>
      </c>
      <c r="B67" s="21">
        <v>282593.3</v>
      </c>
      <c r="C67" s="22">
        <v>290255.39600000001</v>
      </c>
      <c r="D67" s="22">
        <v>-7662.0960000000196</v>
      </c>
      <c r="E67" s="19"/>
      <c r="F67" s="24">
        <v>2052316.9009999998</v>
      </c>
      <c r="G67" s="24">
        <v>2097006.74</v>
      </c>
      <c r="H67" s="24">
        <v>-44689.839000000153</v>
      </c>
    </row>
    <row r="68" spans="1:8">
      <c r="A68" s="20">
        <v>35521</v>
      </c>
      <c r="B68" s="21">
        <v>189946.6</v>
      </c>
      <c r="C68" s="22">
        <v>190153.049</v>
      </c>
      <c r="D68" s="22">
        <v>-206.44899999999325</v>
      </c>
      <c r="E68" s="19"/>
      <c r="F68" s="24">
        <v>2046720.3010000002</v>
      </c>
      <c r="G68" s="24">
        <v>2088738.2289999998</v>
      </c>
      <c r="H68" s="24">
        <v>-42017.927999999607</v>
      </c>
    </row>
    <row r="69" spans="1:8">
      <c r="A69" s="20">
        <v>35551</v>
      </c>
      <c r="B69" s="21">
        <v>137442.79999999999</v>
      </c>
      <c r="C69" s="22">
        <v>136893.58799999999</v>
      </c>
      <c r="D69" s="22">
        <v>549.21199999999953</v>
      </c>
      <c r="E69" s="19"/>
      <c r="F69" s="24">
        <v>2069354.0010000002</v>
      </c>
      <c r="G69" s="24">
        <v>2117633.7079999996</v>
      </c>
      <c r="H69" s="24">
        <v>-48279.706999999471</v>
      </c>
    </row>
    <row r="70" spans="1:8">
      <c r="A70" s="20">
        <v>35582</v>
      </c>
      <c r="B70" s="21">
        <v>46393.233</v>
      </c>
      <c r="C70" s="22">
        <v>42783.792999999998</v>
      </c>
      <c r="D70" s="22">
        <v>3609.4400000000023</v>
      </c>
      <c r="E70" s="19"/>
      <c r="F70" s="24">
        <v>2071463.9670000002</v>
      </c>
      <c r="G70" s="24">
        <v>2119268.19</v>
      </c>
      <c r="H70" s="24">
        <v>-47804.222999999765</v>
      </c>
    </row>
    <row r="71" spans="1:8">
      <c r="A71" s="20">
        <v>35612</v>
      </c>
      <c r="B71" s="21">
        <v>46393.233</v>
      </c>
      <c r="C71" s="22">
        <v>42909.648000000001</v>
      </c>
      <c r="D71" s="22">
        <v>3483.5849999999991</v>
      </c>
      <c r="E71" s="19"/>
      <c r="F71" s="24">
        <v>2073573.9330000002</v>
      </c>
      <c r="G71" s="24">
        <v>2120933.2599999998</v>
      </c>
      <c r="H71" s="24">
        <v>-47359.326999999583</v>
      </c>
    </row>
    <row r="72" spans="1:8">
      <c r="A72" s="20">
        <v>35643</v>
      </c>
      <c r="B72" s="21">
        <v>46393.233</v>
      </c>
      <c r="C72" s="22">
        <v>42856.296000000002</v>
      </c>
      <c r="D72" s="22">
        <v>3536.9369999999981</v>
      </c>
      <c r="E72" s="19"/>
      <c r="F72" s="24">
        <v>2075683.8990000002</v>
      </c>
      <c r="G72" s="24">
        <v>2122816.88</v>
      </c>
      <c r="H72" s="24">
        <v>-47132.98099999968</v>
      </c>
    </row>
    <row r="73" spans="1:8">
      <c r="A73" s="20">
        <v>35674</v>
      </c>
      <c r="B73" s="21">
        <v>61925.3</v>
      </c>
      <c r="C73" s="22">
        <v>47302.237999999998</v>
      </c>
      <c r="D73" s="22">
        <v>14623.062000000005</v>
      </c>
      <c r="E73" s="19"/>
      <c r="F73" s="24">
        <v>2078219.4990000003</v>
      </c>
      <c r="G73" s="24">
        <v>2124703.2919999999</v>
      </c>
      <c r="H73" s="24">
        <v>-46483.792999999598</v>
      </c>
    </row>
    <row r="74" spans="1:8">
      <c r="A74" s="20">
        <v>35704</v>
      </c>
      <c r="B74" s="21">
        <v>118921.5</v>
      </c>
      <c r="C74" s="22">
        <v>113556.486</v>
      </c>
      <c r="D74" s="22">
        <v>5365.0139999999956</v>
      </c>
      <c r="E74" s="19"/>
      <c r="F74" s="24">
        <v>2083770.6990000003</v>
      </c>
      <c r="G74" s="24">
        <v>2128240.659</v>
      </c>
      <c r="H74" s="24">
        <v>-44469.95999999973</v>
      </c>
    </row>
    <row r="75" spans="1:8">
      <c r="A75" s="20">
        <v>35735</v>
      </c>
      <c r="B75" s="21">
        <v>213871.2</v>
      </c>
      <c r="C75" s="22">
        <v>217932.47099999999</v>
      </c>
      <c r="D75" s="22">
        <v>-4061.2709999999788</v>
      </c>
      <c r="E75" s="19"/>
      <c r="F75" s="24">
        <v>2074431.7990000001</v>
      </c>
      <c r="G75" s="24">
        <v>2115121.0249999999</v>
      </c>
      <c r="H75" s="24">
        <v>-40689.225999999791</v>
      </c>
    </row>
    <row r="76" spans="1:8">
      <c r="A76" s="20">
        <v>35765</v>
      </c>
      <c r="B76" s="21">
        <v>286313.40000000002</v>
      </c>
      <c r="C76" s="22">
        <v>302009.83100000001</v>
      </c>
      <c r="D76" s="22">
        <v>-15696.430999999982</v>
      </c>
      <c r="E76" s="19"/>
      <c r="F76" s="24">
        <v>2085405.699</v>
      </c>
      <c r="G76" s="24">
        <v>2125239.8830000004</v>
      </c>
      <c r="H76" s="24">
        <v>-39834.184000000358</v>
      </c>
    </row>
    <row r="77" spans="1:8">
      <c r="A77" s="20">
        <v>35796</v>
      </c>
      <c r="B77" s="21">
        <v>305976.8</v>
      </c>
      <c r="C77" s="22">
        <v>324887.424</v>
      </c>
      <c r="D77" s="22">
        <v>-18910.624000000011</v>
      </c>
      <c r="E77" s="19"/>
      <c r="F77" s="24">
        <v>2023599.4990000001</v>
      </c>
      <c r="G77" s="24">
        <v>2052844.4129999997</v>
      </c>
      <c r="H77" s="24">
        <v>-29244.913999999641</v>
      </c>
    </row>
    <row r="78" spans="1:8">
      <c r="A78" s="20">
        <v>35827</v>
      </c>
      <c r="B78" s="21">
        <v>255141.1</v>
      </c>
      <c r="C78" s="22">
        <v>268743.45199999999</v>
      </c>
      <c r="D78" s="22">
        <v>-13602.351999999984</v>
      </c>
      <c r="E78" s="19"/>
      <c r="F78" s="24">
        <v>1991311.6990000003</v>
      </c>
      <c r="G78" s="24">
        <v>2020283.6720000003</v>
      </c>
      <c r="H78" s="24">
        <v>-28971.972999999998</v>
      </c>
    </row>
    <row r="79" spans="1:8">
      <c r="A79" s="20">
        <v>35855</v>
      </c>
      <c r="B79" s="21">
        <v>258284.4</v>
      </c>
      <c r="C79" s="22">
        <v>255020.785</v>
      </c>
      <c r="D79" s="22">
        <v>3263.6149999999907</v>
      </c>
      <c r="E79" s="19"/>
      <c r="F79" s="24">
        <v>1967002.7990000003</v>
      </c>
      <c r="G79" s="24">
        <v>1985049.061</v>
      </c>
      <c r="H79" s="24">
        <v>-18046.261999999639</v>
      </c>
    </row>
    <row r="80" spans="1:8">
      <c r="A80" s="20">
        <v>35886</v>
      </c>
      <c r="B80" s="21">
        <v>154148.79999999999</v>
      </c>
      <c r="C80" s="22">
        <v>153685.976</v>
      </c>
      <c r="D80" s="22">
        <v>462.82399999999325</v>
      </c>
      <c r="E80" s="19"/>
      <c r="F80" s="24">
        <v>1931204.9990000001</v>
      </c>
      <c r="G80" s="24">
        <v>1948581.9879999999</v>
      </c>
      <c r="H80" s="24">
        <v>-17376.988999999827</v>
      </c>
    </row>
    <row r="81" spans="1:8">
      <c r="A81" s="20">
        <v>35916</v>
      </c>
      <c r="B81" s="21">
        <v>58790.5</v>
      </c>
      <c r="C81" s="22">
        <v>54862.964999999997</v>
      </c>
      <c r="D81" s="22">
        <v>3927.5350000000035</v>
      </c>
      <c r="E81" s="19"/>
      <c r="F81" s="24">
        <v>1852552.699</v>
      </c>
      <c r="G81" s="24">
        <v>1866551.365</v>
      </c>
      <c r="H81" s="24">
        <v>-13998.665999999968</v>
      </c>
    </row>
    <row r="82" spans="1:8">
      <c r="A82" s="20">
        <v>35947</v>
      </c>
      <c r="B82" s="21">
        <v>46848.233</v>
      </c>
      <c r="C82" s="22">
        <v>44547.084999999999</v>
      </c>
      <c r="D82" s="22">
        <v>2301.148000000001</v>
      </c>
      <c r="E82" s="19"/>
      <c r="F82" s="24">
        <v>1853007.699</v>
      </c>
      <c r="G82" s="24">
        <v>1868314.6569999999</v>
      </c>
      <c r="H82" s="24">
        <v>-15306.957999999868</v>
      </c>
    </row>
    <row r="83" spans="1:8">
      <c r="A83" s="20">
        <v>35977</v>
      </c>
      <c r="B83" s="21">
        <v>46848.233</v>
      </c>
      <c r="C83" s="22">
        <v>44497.563000000002</v>
      </c>
      <c r="D83" s="22">
        <v>2350.6699999999983</v>
      </c>
      <c r="E83" s="19"/>
      <c r="F83" s="24">
        <v>1853462.699</v>
      </c>
      <c r="G83" s="24">
        <v>1869902.5720000002</v>
      </c>
      <c r="H83" s="24">
        <v>-16439.873000000138</v>
      </c>
    </row>
    <row r="84" spans="1:8">
      <c r="A84" s="20">
        <v>36008</v>
      </c>
      <c r="B84" s="21">
        <v>46848.233</v>
      </c>
      <c r="C84" s="22">
        <v>44215.701000000001</v>
      </c>
      <c r="D84" s="22">
        <v>2632.5319999999992</v>
      </c>
      <c r="E84" s="19"/>
      <c r="F84" s="24">
        <v>1853917.699</v>
      </c>
      <c r="G84" s="24">
        <v>1871261.977</v>
      </c>
      <c r="H84" s="24">
        <v>-17344.277999999933</v>
      </c>
    </row>
    <row r="85" spans="1:8">
      <c r="A85" s="20">
        <v>36039</v>
      </c>
      <c r="B85" s="21">
        <v>52424.7</v>
      </c>
      <c r="C85" s="22">
        <v>48253.705999999998</v>
      </c>
      <c r="D85" s="22">
        <v>4170.9939999999988</v>
      </c>
      <c r="E85" s="19"/>
      <c r="F85" s="24">
        <v>1844417.0990000002</v>
      </c>
      <c r="G85" s="24">
        <v>1872213.4450000001</v>
      </c>
      <c r="H85" s="24">
        <v>-27796.345999999903</v>
      </c>
    </row>
    <row r="86" spans="1:8">
      <c r="A86" s="20">
        <v>36069</v>
      </c>
      <c r="B86" s="21">
        <v>101955.9</v>
      </c>
      <c r="C86" s="22">
        <v>101212.874</v>
      </c>
      <c r="D86" s="22">
        <v>743.02599999999802</v>
      </c>
      <c r="E86" s="19"/>
      <c r="F86" s="24">
        <v>1827451.4989999998</v>
      </c>
      <c r="G86" s="24">
        <v>1859869.8330000001</v>
      </c>
      <c r="H86" s="24">
        <v>-32418.334000000264</v>
      </c>
    </row>
    <row r="87" spans="1:8">
      <c r="A87" s="20">
        <v>36100</v>
      </c>
      <c r="B87" s="21">
        <v>175518.4</v>
      </c>
      <c r="C87" s="22">
        <v>181464.97500000001</v>
      </c>
      <c r="D87" s="22">
        <v>-5946.5750000000116</v>
      </c>
      <c r="E87" s="19"/>
      <c r="F87" s="24">
        <v>1789098.6989999998</v>
      </c>
      <c r="G87" s="24">
        <v>1823402.3370000003</v>
      </c>
      <c r="H87" s="24">
        <v>-34303.638000000501</v>
      </c>
    </row>
    <row r="88" spans="1:8">
      <c r="A88" s="20">
        <v>36130</v>
      </c>
      <c r="B88" s="21">
        <v>255919.4</v>
      </c>
      <c r="C88" s="22">
        <v>274704.26199999999</v>
      </c>
      <c r="D88" s="22">
        <v>-18784.861999999994</v>
      </c>
      <c r="E88" s="19"/>
      <c r="F88" s="24">
        <v>1758704.6989999998</v>
      </c>
      <c r="G88" s="24">
        <v>1796096.7680000002</v>
      </c>
      <c r="H88" s="24">
        <v>-37392.069000000367</v>
      </c>
    </row>
    <row r="89" spans="1:8">
      <c r="A89" s="20">
        <v>36161</v>
      </c>
      <c r="B89" s="21">
        <v>384778</v>
      </c>
      <c r="C89" s="22">
        <v>400197.326</v>
      </c>
      <c r="D89" s="22">
        <v>-15419.326000000001</v>
      </c>
      <c r="E89" s="19"/>
      <c r="F89" s="24">
        <v>1837505.899</v>
      </c>
      <c r="G89" s="24">
        <v>1871406.67</v>
      </c>
      <c r="H89" s="24">
        <v>-33900.77099999995</v>
      </c>
    </row>
    <row r="90" spans="1:8">
      <c r="A90" s="20">
        <v>36192</v>
      </c>
      <c r="B90" s="21">
        <v>281760</v>
      </c>
      <c r="C90" s="22">
        <v>286904.89899999998</v>
      </c>
      <c r="D90" s="22">
        <v>-5144.8989999999758</v>
      </c>
      <c r="E90" s="19"/>
      <c r="F90" s="24">
        <v>1864124.7989999999</v>
      </c>
      <c r="G90" s="24">
        <v>1889568.1169999999</v>
      </c>
      <c r="H90" s="24">
        <v>-25443.31799999997</v>
      </c>
    </row>
    <row r="91" spans="1:8">
      <c r="A91" s="20">
        <v>36220</v>
      </c>
      <c r="B91" s="21">
        <v>285633</v>
      </c>
      <c r="C91" s="22">
        <v>291570.92099999997</v>
      </c>
      <c r="D91" s="22">
        <v>-5937.920999999973</v>
      </c>
      <c r="E91" s="19"/>
      <c r="F91" s="24">
        <v>1891473.3990000002</v>
      </c>
      <c r="G91" s="24">
        <v>1926118.253</v>
      </c>
      <c r="H91" s="24">
        <v>-34644.853999999817</v>
      </c>
    </row>
    <row r="92" spans="1:8">
      <c r="A92" s="20">
        <v>36251</v>
      </c>
      <c r="B92" s="21">
        <v>159514</v>
      </c>
      <c r="C92" s="22">
        <v>161475.916</v>
      </c>
      <c r="D92" s="22">
        <v>-1961.9159999999974</v>
      </c>
      <c r="E92" s="19"/>
      <c r="F92" s="24">
        <v>1896838.5989999999</v>
      </c>
      <c r="G92" s="24">
        <v>1933908.1929999997</v>
      </c>
      <c r="H92" s="24">
        <v>-37069.593999999808</v>
      </c>
    </row>
    <row r="93" spans="1:8">
      <c r="A93" s="20">
        <v>36281</v>
      </c>
      <c r="B93" s="21">
        <v>74551</v>
      </c>
      <c r="C93" s="22">
        <v>69892.75</v>
      </c>
      <c r="D93" s="22">
        <v>4658.25</v>
      </c>
      <c r="E93" s="19"/>
      <c r="F93" s="24">
        <v>1912599.0989999999</v>
      </c>
      <c r="G93" s="24">
        <v>1948937.9779999999</v>
      </c>
      <c r="H93" s="24">
        <v>-36338.878999999957</v>
      </c>
    </row>
    <row r="94" spans="1:8">
      <c r="A94" s="20">
        <v>36312</v>
      </c>
      <c r="B94" s="21">
        <v>46115.667000000001</v>
      </c>
      <c r="C94" s="22">
        <v>45505.720999999998</v>
      </c>
      <c r="D94" s="22">
        <v>609.94600000000355</v>
      </c>
      <c r="E94" s="19"/>
      <c r="F94" s="24">
        <v>1911866.5329999998</v>
      </c>
      <c r="G94" s="24">
        <v>1949896.6139999998</v>
      </c>
      <c r="H94" s="24">
        <v>-38030.081000000006</v>
      </c>
    </row>
    <row r="95" spans="1:8">
      <c r="A95" s="20">
        <v>36342</v>
      </c>
      <c r="B95" s="21">
        <v>46115.667000000001</v>
      </c>
      <c r="C95" s="22">
        <v>45428.347000000002</v>
      </c>
      <c r="D95" s="22">
        <v>687.31999999999971</v>
      </c>
      <c r="E95" s="19"/>
      <c r="F95" s="24">
        <v>1911133.9669999997</v>
      </c>
      <c r="G95" s="24">
        <v>1950827.3979999998</v>
      </c>
      <c r="H95" s="24">
        <v>-39693.431000000099</v>
      </c>
    </row>
    <row r="96" spans="1:8">
      <c r="A96" s="20">
        <v>36373</v>
      </c>
      <c r="B96" s="21">
        <v>46115.667000000001</v>
      </c>
      <c r="C96" s="22">
        <v>45501.398000000001</v>
      </c>
      <c r="D96" s="22">
        <v>614.26900000000023</v>
      </c>
      <c r="E96" s="19"/>
      <c r="F96" s="24">
        <v>1910401.4009999996</v>
      </c>
      <c r="G96" s="24">
        <v>1952113.095</v>
      </c>
      <c r="H96" s="24">
        <v>-41711.694000000367</v>
      </c>
    </row>
    <row r="97" spans="1:8">
      <c r="A97" s="20">
        <v>36404</v>
      </c>
      <c r="B97" s="21">
        <v>55066</v>
      </c>
      <c r="C97" s="22">
        <v>49508.705000000002</v>
      </c>
      <c r="D97" s="22">
        <v>5557.2949999999983</v>
      </c>
      <c r="E97" s="19"/>
      <c r="F97" s="24">
        <v>1913042.7009999997</v>
      </c>
      <c r="G97" s="24">
        <v>1953368.0940000003</v>
      </c>
      <c r="H97" s="24">
        <v>-40325.393000000622</v>
      </c>
    </row>
    <row r="98" spans="1:8">
      <c r="A98" s="20">
        <v>36434</v>
      </c>
      <c r="B98" s="21">
        <v>133134</v>
      </c>
      <c r="C98" s="22">
        <v>115297.088</v>
      </c>
      <c r="D98" s="22">
        <v>17836.911999999997</v>
      </c>
      <c r="E98" s="19"/>
      <c r="F98" s="24">
        <v>1944220.8009999997</v>
      </c>
      <c r="G98" s="24">
        <v>1967452.308</v>
      </c>
      <c r="H98" s="24">
        <v>-23231.507000000216</v>
      </c>
    </row>
    <row r="99" spans="1:8">
      <c r="A99" s="20">
        <v>36465</v>
      </c>
      <c r="B99" s="21">
        <v>170417</v>
      </c>
      <c r="C99" s="22">
        <v>177504.31899999999</v>
      </c>
      <c r="D99" s="22">
        <v>-7087.3189999999886</v>
      </c>
      <c r="E99" s="19"/>
      <c r="F99" s="24">
        <v>1939119.4009999996</v>
      </c>
      <c r="G99" s="24">
        <v>1963491.6519999998</v>
      </c>
      <c r="H99" s="24">
        <v>-24372.251000000164</v>
      </c>
    </row>
    <row r="100" spans="1:8">
      <c r="A100" s="20">
        <v>36495</v>
      </c>
      <c r="B100" s="21">
        <v>291376</v>
      </c>
      <c r="C100" s="22">
        <v>293973.09700000001</v>
      </c>
      <c r="D100" s="22">
        <v>-2597.0970000000088</v>
      </c>
      <c r="E100" s="19"/>
      <c r="F100" s="24">
        <v>1974576.0009999997</v>
      </c>
      <c r="G100" s="24">
        <v>1982760.487</v>
      </c>
      <c r="H100" s="24">
        <v>-8184.4860000002664</v>
      </c>
    </row>
    <row r="101" spans="1:8">
      <c r="A101" s="20">
        <v>36526</v>
      </c>
      <c r="B101" s="21">
        <v>334298.96899999998</v>
      </c>
      <c r="C101" s="22">
        <v>389601.223</v>
      </c>
      <c r="D101" s="22">
        <v>-55302.254000000015</v>
      </c>
      <c r="E101" s="19"/>
      <c r="F101" s="24">
        <v>1924096.9700000002</v>
      </c>
      <c r="G101" s="24">
        <v>1972164.3839999998</v>
      </c>
      <c r="H101" s="24">
        <v>-48067.413999999641</v>
      </c>
    </row>
    <row r="102" spans="1:8">
      <c r="A102" s="20">
        <v>36557</v>
      </c>
      <c r="B102" s="21">
        <v>344276.81800000003</v>
      </c>
      <c r="C102" s="22">
        <v>305205.261</v>
      </c>
      <c r="D102" s="22">
        <v>39071.55700000003</v>
      </c>
      <c r="E102" s="19"/>
      <c r="F102" s="24">
        <v>1986613.7880000002</v>
      </c>
      <c r="G102" s="24">
        <v>1990464.7459999998</v>
      </c>
      <c r="H102" s="24">
        <v>-3850.9579999996349</v>
      </c>
    </row>
    <row r="103" spans="1:8">
      <c r="A103" s="20">
        <v>36586</v>
      </c>
      <c r="B103" s="21">
        <v>220690.09099999999</v>
      </c>
      <c r="C103" s="22">
        <v>228514.609</v>
      </c>
      <c r="D103" s="22">
        <v>-7824.5180000000109</v>
      </c>
      <c r="E103" s="19"/>
      <c r="F103" s="24">
        <v>1921670.879</v>
      </c>
      <c r="G103" s="24">
        <v>1927408.4339999999</v>
      </c>
      <c r="H103" s="24">
        <v>-5737.5549999999348</v>
      </c>
    </row>
    <row r="104" spans="1:8">
      <c r="A104" s="20">
        <v>36617</v>
      </c>
      <c r="B104" s="21">
        <v>185622.13099999999</v>
      </c>
      <c r="C104" s="22">
        <v>179578.196</v>
      </c>
      <c r="D104" s="22">
        <v>6043.9349999999977</v>
      </c>
      <c r="E104" s="19"/>
      <c r="F104" s="24">
        <v>1947779.01</v>
      </c>
      <c r="G104" s="24">
        <v>1945510.7139999999</v>
      </c>
      <c r="H104" s="24">
        <v>2268.2960000000894</v>
      </c>
    </row>
    <row r="105" spans="1:8">
      <c r="A105" s="20">
        <v>36647</v>
      </c>
      <c r="B105" s="21">
        <v>93670.145000000004</v>
      </c>
      <c r="C105" s="22">
        <v>82378.815000000002</v>
      </c>
      <c r="D105" s="22">
        <v>11291.330000000002</v>
      </c>
      <c r="E105" s="19"/>
      <c r="F105" s="24">
        <v>1966898.155</v>
      </c>
      <c r="G105" s="24">
        <v>1957996.7789999999</v>
      </c>
      <c r="H105" s="24">
        <v>8901.3760000001639</v>
      </c>
    </row>
    <row r="106" spans="1:8">
      <c r="A106" s="20">
        <v>36678</v>
      </c>
      <c r="B106" s="21">
        <v>52040.853000000003</v>
      </c>
      <c r="C106" s="22">
        <v>46603.947999999997</v>
      </c>
      <c r="D106" s="22">
        <v>5436.9050000000061</v>
      </c>
      <c r="E106" s="19"/>
      <c r="F106" s="24">
        <v>1972823.341</v>
      </c>
      <c r="G106" s="24">
        <v>1959095.0059999998</v>
      </c>
      <c r="H106" s="24">
        <v>13728.335000000196</v>
      </c>
    </row>
    <row r="107" spans="1:8">
      <c r="A107" s="20">
        <v>36708</v>
      </c>
      <c r="B107" s="21">
        <v>52040.853000000003</v>
      </c>
      <c r="C107" s="22">
        <v>46659.434000000001</v>
      </c>
      <c r="D107" s="22">
        <v>5381.4190000000017</v>
      </c>
      <c r="E107" s="19"/>
      <c r="F107" s="24">
        <v>1978748.5270000002</v>
      </c>
      <c r="G107" s="24">
        <v>1960326.0929999999</v>
      </c>
      <c r="H107" s="24">
        <v>18422.434000000358</v>
      </c>
    </row>
    <row r="108" spans="1:8">
      <c r="A108" s="20">
        <v>36739</v>
      </c>
      <c r="B108" s="21">
        <v>52040.853000000003</v>
      </c>
      <c r="C108" s="22">
        <v>46678.805</v>
      </c>
      <c r="D108" s="22">
        <v>5362.0480000000025</v>
      </c>
      <c r="E108" s="19"/>
      <c r="F108" s="24">
        <v>1984673.7130000005</v>
      </c>
      <c r="G108" s="24">
        <v>1961503.4999999998</v>
      </c>
      <c r="H108" s="24">
        <v>23170.213000000687</v>
      </c>
    </row>
    <row r="109" spans="1:8">
      <c r="A109" s="20">
        <v>36770</v>
      </c>
      <c r="B109" s="21">
        <v>59854.870999999999</v>
      </c>
      <c r="C109" s="22">
        <v>56624.474000000002</v>
      </c>
      <c r="D109" s="22">
        <v>3230.3969999999972</v>
      </c>
      <c r="E109" s="19"/>
      <c r="F109" s="24">
        <v>1989462.5840000005</v>
      </c>
      <c r="G109" s="24">
        <v>1968619.2689999996</v>
      </c>
      <c r="H109" s="24">
        <v>20843.315000000875</v>
      </c>
    </row>
    <row r="110" spans="1:8">
      <c r="A110" s="20">
        <v>36800</v>
      </c>
      <c r="B110" s="21">
        <v>123165.482</v>
      </c>
      <c r="C110" s="22">
        <v>102976.51</v>
      </c>
      <c r="D110" s="22">
        <v>20188.972000000009</v>
      </c>
      <c r="E110" s="19"/>
      <c r="F110" s="24">
        <v>1979494.0660000006</v>
      </c>
      <c r="G110" s="24">
        <v>1956298.6909999996</v>
      </c>
      <c r="H110" s="24">
        <v>23195.375000000931</v>
      </c>
    </row>
    <row r="111" spans="1:8">
      <c r="A111" s="20">
        <v>36831</v>
      </c>
      <c r="B111" s="21">
        <v>186318.424</v>
      </c>
      <c r="C111" s="22">
        <v>203333.274</v>
      </c>
      <c r="D111" s="22">
        <v>-17014.850000000006</v>
      </c>
      <c r="E111" s="19"/>
      <c r="F111" s="24">
        <v>1995395.4900000007</v>
      </c>
      <c r="G111" s="24">
        <v>1982127.6459999997</v>
      </c>
      <c r="H111" s="24">
        <v>13267.844000000972</v>
      </c>
    </row>
    <row r="112" spans="1:8">
      <c r="A112" s="20">
        <v>36861</v>
      </c>
      <c r="B112" s="21">
        <v>394652.50400000002</v>
      </c>
      <c r="C112" s="22">
        <v>393110.853</v>
      </c>
      <c r="D112" s="22">
        <v>1541.6510000000126</v>
      </c>
      <c r="E112" s="19"/>
      <c r="F112" s="24">
        <v>2098671.9940000009</v>
      </c>
      <c r="G112" s="24">
        <v>2081265.4019999998</v>
      </c>
      <c r="H112" s="24">
        <v>17406.59200000111</v>
      </c>
    </row>
    <row r="113" spans="1:8">
      <c r="A113" s="20">
        <v>36892</v>
      </c>
      <c r="B113" s="21">
        <v>359225.446</v>
      </c>
      <c r="C113" s="22">
        <v>369049.016</v>
      </c>
      <c r="D113" s="22">
        <v>-9823.570000000007</v>
      </c>
      <c r="E113" s="19"/>
      <c r="F113" s="24">
        <v>2123598.4709999999</v>
      </c>
      <c r="G113" s="24">
        <v>2060713.1950000001</v>
      </c>
      <c r="H113" s="24">
        <v>62885.275999999838</v>
      </c>
    </row>
    <row r="114" spans="1:8">
      <c r="A114" s="20">
        <v>36923</v>
      </c>
      <c r="B114" s="21">
        <v>306882.788</v>
      </c>
      <c r="C114" s="22">
        <v>312222.277</v>
      </c>
      <c r="D114" s="22">
        <v>-5339.4890000000014</v>
      </c>
      <c r="E114" s="19"/>
      <c r="F114" s="24">
        <v>2086204.4409999999</v>
      </c>
      <c r="G114" s="24">
        <v>2067730.2110000001</v>
      </c>
      <c r="H114" s="24">
        <v>18474.229999999749</v>
      </c>
    </row>
    <row r="115" spans="1:8">
      <c r="A115" s="20">
        <v>36951</v>
      </c>
      <c r="B115" s="21">
        <v>305053.38900000002</v>
      </c>
      <c r="C115" s="22">
        <v>301097.90000000002</v>
      </c>
      <c r="D115" s="22">
        <v>3955.4890000000014</v>
      </c>
      <c r="E115" s="19"/>
      <c r="F115" s="24">
        <v>2170567.7390000001</v>
      </c>
      <c r="G115" s="24">
        <v>2140313.5019999999</v>
      </c>
      <c r="H115" s="24">
        <v>30254.237000000197</v>
      </c>
    </row>
    <row r="116" spans="1:8">
      <c r="A116" s="20">
        <v>36982</v>
      </c>
      <c r="B116" s="21">
        <v>160100.43400000001</v>
      </c>
      <c r="C116" s="22">
        <v>157526.391</v>
      </c>
      <c r="D116" s="22">
        <v>2574.0430000000051</v>
      </c>
      <c r="E116" s="19"/>
      <c r="F116" s="24">
        <v>2145046.0419999999</v>
      </c>
      <c r="G116" s="24">
        <v>2118261.6969999997</v>
      </c>
      <c r="H116" s="24">
        <v>26784.345000000205</v>
      </c>
    </row>
    <row r="117" spans="1:8">
      <c r="A117" s="20">
        <v>37012</v>
      </c>
      <c r="B117" s="21">
        <v>81777.350000000006</v>
      </c>
      <c r="C117" s="22">
        <v>79535.97</v>
      </c>
      <c r="D117" s="22">
        <v>2241.3800000000047</v>
      </c>
      <c r="E117" s="19"/>
      <c r="F117" s="24">
        <v>2133153.247</v>
      </c>
      <c r="G117" s="24">
        <v>2115418.852</v>
      </c>
      <c r="H117" s="24">
        <v>17734.395000000019</v>
      </c>
    </row>
    <row r="118" spans="1:8">
      <c r="A118" s="20">
        <v>37043</v>
      </c>
      <c r="B118" s="21">
        <v>47489.536999999997</v>
      </c>
      <c r="C118" s="22">
        <v>47663.324000000001</v>
      </c>
      <c r="D118" s="22">
        <v>-173.7870000000039</v>
      </c>
      <c r="E118" s="19"/>
      <c r="F118" s="24">
        <v>2128601.9309999999</v>
      </c>
      <c r="G118" s="24">
        <v>2116478.2280000001</v>
      </c>
      <c r="H118" s="24">
        <v>12123.702999999747</v>
      </c>
    </row>
    <row r="119" spans="1:8">
      <c r="A119" s="20">
        <v>37073</v>
      </c>
      <c r="B119" s="21">
        <v>47489.536999999997</v>
      </c>
      <c r="C119" s="22">
        <v>47698.728000000003</v>
      </c>
      <c r="D119" s="22">
        <v>-209.19100000000617</v>
      </c>
      <c r="E119" s="19"/>
      <c r="F119" s="24">
        <v>2124050.6150000002</v>
      </c>
      <c r="G119" s="24">
        <v>2117517.5220000003</v>
      </c>
      <c r="H119" s="24">
        <v>6533.0929999998771</v>
      </c>
    </row>
    <row r="120" spans="1:8">
      <c r="A120" s="20">
        <v>37104</v>
      </c>
      <c r="B120" s="21">
        <v>47489.536999999997</v>
      </c>
      <c r="C120" s="22">
        <v>47728.495999999999</v>
      </c>
      <c r="D120" s="22">
        <v>-238.95900000000256</v>
      </c>
      <c r="E120" s="19"/>
      <c r="F120" s="24">
        <v>2119499.2990000001</v>
      </c>
      <c r="G120" s="24">
        <v>2118567.213</v>
      </c>
      <c r="H120" s="24">
        <v>932.08600000012666</v>
      </c>
    </row>
    <row r="121" spans="1:8">
      <c r="A121" s="20">
        <v>37135</v>
      </c>
      <c r="B121" s="21">
        <v>54705.938999999998</v>
      </c>
      <c r="C121" s="22">
        <v>55522.758000000002</v>
      </c>
      <c r="D121" s="22">
        <v>-816.81900000000314</v>
      </c>
      <c r="E121" s="19"/>
      <c r="F121" s="24">
        <v>2114350.3670000001</v>
      </c>
      <c r="G121" s="24">
        <v>2117465.4970000004</v>
      </c>
      <c r="H121" s="24">
        <v>-3115.1300000003539</v>
      </c>
    </row>
    <row r="122" spans="1:8">
      <c r="A122" s="20">
        <v>37165</v>
      </c>
      <c r="B122" s="21">
        <v>113684.079</v>
      </c>
      <c r="C122" s="22">
        <v>108934.001</v>
      </c>
      <c r="D122" s="22">
        <v>4750.0779999999941</v>
      </c>
      <c r="E122" s="19"/>
      <c r="F122" s="24">
        <v>2104868.9640000002</v>
      </c>
      <c r="G122" s="24">
        <v>2123422.9879999999</v>
      </c>
      <c r="H122" s="24">
        <v>-18554.023999999743</v>
      </c>
    </row>
    <row r="123" spans="1:8">
      <c r="A123" s="20">
        <v>37196</v>
      </c>
      <c r="B123" s="21">
        <v>163475.848</v>
      </c>
      <c r="C123" s="22">
        <v>158970.079</v>
      </c>
      <c r="D123" s="22">
        <v>4505.7690000000002</v>
      </c>
      <c r="E123" s="19"/>
      <c r="F123" s="24">
        <v>2082026.3879999998</v>
      </c>
      <c r="G123" s="24">
        <v>2079059.7930000001</v>
      </c>
      <c r="H123" s="24">
        <v>2966.5949999997392</v>
      </c>
    </row>
    <row r="124" spans="1:8">
      <c r="A124" s="20">
        <v>37226</v>
      </c>
      <c r="B124" s="21">
        <v>263513.587</v>
      </c>
      <c r="C124" s="22">
        <v>274244.201</v>
      </c>
      <c r="D124" s="22">
        <v>-10730.614000000001</v>
      </c>
      <c r="E124" s="19"/>
      <c r="F124" s="24">
        <v>1950887.4710000001</v>
      </c>
      <c r="G124" s="24">
        <v>1960193.1409999998</v>
      </c>
      <c r="H124" s="24">
        <v>-9305.6699999996927</v>
      </c>
    </row>
    <row r="125" spans="1:8">
      <c r="A125" s="20">
        <v>37257</v>
      </c>
      <c r="B125" s="21">
        <v>320596.36300000001</v>
      </c>
      <c r="C125" s="22">
        <v>320322.72499999998</v>
      </c>
      <c r="D125" s="22">
        <v>273.63800000003539</v>
      </c>
      <c r="E125" s="19"/>
      <c r="F125" s="24">
        <v>1912258.3879999998</v>
      </c>
      <c r="G125" s="24">
        <v>1911466.85</v>
      </c>
      <c r="H125" s="24">
        <v>791.53799999970943</v>
      </c>
    </row>
    <row r="126" spans="1:8">
      <c r="A126" s="20">
        <v>37288</v>
      </c>
      <c r="B126" s="21">
        <v>304961.47600000002</v>
      </c>
      <c r="C126" s="22">
        <v>290687.54700000002</v>
      </c>
      <c r="D126" s="22">
        <v>14273.929000000004</v>
      </c>
      <c r="E126" s="19"/>
      <c r="F126" s="24">
        <v>1910337.0760000001</v>
      </c>
      <c r="G126" s="24">
        <v>1889932.1200000003</v>
      </c>
      <c r="H126" s="24">
        <v>20404.955999999773</v>
      </c>
    </row>
    <row r="127" spans="1:8">
      <c r="A127" s="20">
        <v>37316</v>
      </c>
      <c r="B127" s="21">
        <v>283233.88</v>
      </c>
      <c r="C127" s="22">
        <v>289190.125</v>
      </c>
      <c r="D127" s="22">
        <v>-5956.2449999999953</v>
      </c>
      <c r="E127" s="19"/>
      <c r="F127" s="24">
        <v>1888517.5670000003</v>
      </c>
      <c r="G127" s="24">
        <v>1878024.345</v>
      </c>
      <c r="H127" s="24">
        <v>10493.2220000003</v>
      </c>
    </row>
    <row r="128" spans="1:8">
      <c r="A128" s="20">
        <v>37347</v>
      </c>
      <c r="B128" s="21">
        <v>172141.269</v>
      </c>
      <c r="C128" s="22">
        <v>173837.75899999999</v>
      </c>
      <c r="D128" s="22">
        <v>-1696.4899999999907</v>
      </c>
      <c r="E128" s="19"/>
      <c r="F128" s="24">
        <v>1900558.4020000005</v>
      </c>
      <c r="G128" s="24">
        <v>1894335.713</v>
      </c>
      <c r="H128" s="24">
        <v>6222.6890000004787</v>
      </c>
    </row>
    <row r="129" spans="1:8">
      <c r="A129" s="20">
        <v>37377</v>
      </c>
      <c r="B129" s="21">
        <v>134064.614</v>
      </c>
      <c r="C129" s="22">
        <v>123713.63499999999</v>
      </c>
      <c r="D129" s="22">
        <v>10350.979000000007</v>
      </c>
      <c r="E129" s="19"/>
      <c r="F129" s="24">
        <v>1952845.6660000004</v>
      </c>
      <c r="G129" s="24">
        <v>1938513.378</v>
      </c>
      <c r="H129" s="24">
        <v>14332.288000000408</v>
      </c>
    </row>
    <row r="130" spans="1:8">
      <c r="A130" s="20">
        <v>37408</v>
      </c>
      <c r="B130" s="21">
        <v>52836.449000000001</v>
      </c>
      <c r="C130" s="22">
        <v>48668.417999999998</v>
      </c>
      <c r="D130" s="22">
        <v>4168.0310000000027</v>
      </c>
      <c r="E130" s="19"/>
      <c r="F130" s="24">
        <v>1958192.578</v>
      </c>
      <c r="G130" s="24">
        <v>1939518.4720000003</v>
      </c>
      <c r="H130" s="24">
        <v>18674.10599999968</v>
      </c>
    </row>
    <row r="131" spans="1:8">
      <c r="A131" s="20">
        <v>37438</v>
      </c>
      <c r="B131" s="21">
        <v>52836.449000000001</v>
      </c>
      <c r="C131" s="22">
        <v>48692.385000000002</v>
      </c>
      <c r="D131" s="22">
        <v>4144.0639999999985</v>
      </c>
      <c r="E131" s="19"/>
      <c r="F131" s="24">
        <v>1963539.49</v>
      </c>
      <c r="G131" s="24">
        <v>1940512.1290000002</v>
      </c>
      <c r="H131" s="24">
        <v>23027.360999999801</v>
      </c>
    </row>
    <row r="132" spans="1:8">
      <c r="A132" s="20">
        <v>37469</v>
      </c>
      <c r="B132" s="21">
        <v>52836.449000000001</v>
      </c>
      <c r="C132" s="22">
        <v>48769.485999999997</v>
      </c>
      <c r="D132" s="22">
        <v>4066.9630000000034</v>
      </c>
      <c r="E132" s="19"/>
      <c r="F132" s="24">
        <v>1968886.402</v>
      </c>
      <c r="G132" s="24">
        <v>1941553.1190000002</v>
      </c>
      <c r="H132" s="24">
        <v>27333.282999999821</v>
      </c>
    </row>
    <row r="133" spans="1:8">
      <c r="A133" s="20">
        <v>37500</v>
      </c>
      <c r="B133" s="21">
        <v>47599.987000000001</v>
      </c>
      <c r="C133" s="22">
        <v>52804.919000000002</v>
      </c>
      <c r="D133" s="22">
        <v>-5204.9320000000007</v>
      </c>
      <c r="E133" s="19"/>
      <c r="F133" s="24">
        <v>1961780.4500000002</v>
      </c>
      <c r="G133" s="24">
        <v>1938835.28</v>
      </c>
      <c r="H133" s="24">
        <v>22945.170000000158</v>
      </c>
    </row>
    <row r="134" spans="1:8">
      <c r="A134" s="20">
        <v>37530</v>
      </c>
      <c r="B134" s="21">
        <v>130999.895</v>
      </c>
      <c r="C134" s="22">
        <v>130522.553</v>
      </c>
      <c r="D134" s="22">
        <v>477.34200000000419</v>
      </c>
      <c r="E134" s="19"/>
      <c r="F134" s="24">
        <v>1979096.2660000003</v>
      </c>
      <c r="G134" s="24">
        <v>1960423.8320000004</v>
      </c>
      <c r="H134" s="24">
        <v>18672.433999999892</v>
      </c>
    </row>
    <row r="135" spans="1:8">
      <c r="A135" s="20">
        <v>37561</v>
      </c>
      <c r="B135" s="21">
        <v>218589.34299999999</v>
      </c>
      <c r="C135" s="22">
        <v>210283.06299999999</v>
      </c>
      <c r="D135" s="22">
        <v>8306.2799999999988</v>
      </c>
      <c r="E135" s="19"/>
      <c r="F135" s="24">
        <v>2034209.7609999999</v>
      </c>
      <c r="G135" s="24">
        <v>2011736.8160000003</v>
      </c>
      <c r="H135" s="24">
        <v>22472.9449999996</v>
      </c>
    </row>
    <row r="136" spans="1:8">
      <c r="A136" s="20">
        <v>37591</v>
      </c>
      <c r="B136" s="21">
        <v>328793.64199999999</v>
      </c>
      <c r="C136" s="22">
        <v>324444.761</v>
      </c>
      <c r="D136" s="22">
        <v>4348.8809999999939</v>
      </c>
      <c r="E136" s="19"/>
      <c r="F136" s="24">
        <v>2099489.8160000001</v>
      </c>
      <c r="G136" s="24">
        <v>2061937.3760000002</v>
      </c>
      <c r="H136" s="24">
        <v>37552.439999999944</v>
      </c>
    </row>
    <row r="137" spans="1:8">
      <c r="A137" s="20">
        <v>37622</v>
      </c>
      <c r="B137" s="21">
        <v>441836.66899999999</v>
      </c>
      <c r="C137" s="22">
        <v>430690.17</v>
      </c>
      <c r="D137" s="22">
        <v>11146.499000000011</v>
      </c>
      <c r="E137" s="19"/>
      <c r="F137" s="24">
        <v>2220730.1220000004</v>
      </c>
      <c r="G137" s="24">
        <v>2172304.821</v>
      </c>
      <c r="H137" s="24">
        <v>48425.301000000443</v>
      </c>
    </row>
    <row r="138" spans="1:8">
      <c r="A138" s="20">
        <v>37653</v>
      </c>
      <c r="B138" s="21">
        <v>369630.03399999999</v>
      </c>
      <c r="C138" s="22">
        <v>369164.011</v>
      </c>
      <c r="D138" s="22">
        <v>466.0229999999865</v>
      </c>
      <c r="E138" s="19"/>
      <c r="F138" s="24">
        <v>2285398.6799999997</v>
      </c>
      <c r="G138" s="24">
        <v>2250781.2849999997</v>
      </c>
      <c r="H138" s="24">
        <v>34617.395000000019</v>
      </c>
    </row>
    <row r="139" spans="1:8">
      <c r="A139" s="20">
        <v>37681</v>
      </c>
      <c r="B139" s="21">
        <v>295145.50400000002</v>
      </c>
      <c r="C139" s="22">
        <v>301612.11700000003</v>
      </c>
      <c r="D139" s="22">
        <v>-6466.6130000000121</v>
      </c>
      <c r="E139" s="19"/>
      <c r="F139" s="24">
        <v>2297310.304</v>
      </c>
      <c r="G139" s="24">
        <v>2263203.2769999998</v>
      </c>
      <c r="H139" s="24">
        <v>34107.027000000235</v>
      </c>
    </row>
    <row r="140" spans="1:8">
      <c r="A140" s="20">
        <v>37712</v>
      </c>
      <c r="B140" s="21">
        <v>190910.68299999999</v>
      </c>
      <c r="C140" s="22">
        <v>192403.984</v>
      </c>
      <c r="D140" s="22">
        <v>-1493.3010000000068</v>
      </c>
      <c r="E140" s="19"/>
      <c r="F140" s="24">
        <v>2316079.7180000003</v>
      </c>
      <c r="G140" s="24">
        <v>2281769.5019999999</v>
      </c>
      <c r="H140" s="24">
        <v>34310.216000000481</v>
      </c>
    </row>
    <row r="141" spans="1:8">
      <c r="A141" s="20">
        <v>37742</v>
      </c>
      <c r="B141" s="21">
        <v>105303.20600000001</v>
      </c>
      <c r="C141" s="22">
        <v>114208.56</v>
      </c>
      <c r="D141" s="22">
        <v>-8905.3539999999921</v>
      </c>
      <c r="E141" s="19"/>
      <c r="F141" s="24">
        <v>2287318.3099999996</v>
      </c>
      <c r="G141" s="24">
        <v>2272264.4270000001</v>
      </c>
      <c r="H141" s="24">
        <v>15053.882999999449</v>
      </c>
    </row>
    <row r="142" spans="1:8">
      <c r="A142" s="20">
        <v>37773</v>
      </c>
      <c r="B142" s="21">
        <v>52300.93</v>
      </c>
      <c r="C142" s="22">
        <v>49798.108999999997</v>
      </c>
      <c r="D142" s="22">
        <v>2502.8210000000036</v>
      </c>
      <c r="E142" s="19"/>
      <c r="F142" s="24">
        <v>2286782.7909999997</v>
      </c>
      <c r="G142" s="24">
        <v>2273394.1180000002</v>
      </c>
      <c r="H142" s="24">
        <v>13388.672999999486</v>
      </c>
    </row>
    <row r="143" spans="1:8">
      <c r="A143" s="20">
        <v>37803</v>
      </c>
      <c r="B143" s="21">
        <v>52300.93</v>
      </c>
      <c r="C143" s="22">
        <v>49779.34</v>
      </c>
      <c r="D143" s="22">
        <v>2521.5900000000038</v>
      </c>
      <c r="E143" s="19"/>
      <c r="F143" s="24">
        <v>2286247.2719999999</v>
      </c>
      <c r="G143" s="24">
        <v>2274481.0729999999</v>
      </c>
      <c r="H143" s="24">
        <v>11766.199000000022</v>
      </c>
    </row>
    <row r="144" spans="1:8">
      <c r="A144" s="20">
        <v>37834</v>
      </c>
      <c r="B144" s="21">
        <v>52300.93</v>
      </c>
      <c r="C144" s="22">
        <v>49831.870999999999</v>
      </c>
      <c r="D144" s="22">
        <v>2469.0590000000011</v>
      </c>
      <c r="E144" s="19"/>
      <c r="F144" s="24">
        <v>2285711.753</v>
      </c>
      <c r="G144" s="24">
        <v>2275543.4579999996</v>
      </c>
      <c r="H144" s="24">
        <v>10168.295000000391</v>
      </c>
    </row>
    <row r="145" spans="1:8">
      <c r="A145" s="20">
        <v>37865</v>
      </c>
      <c r="B145" s="21">
        <v>57464.512000000002</v>
      </c>
      <c r="C145" s="22">
        <v>53840.983999999997</v>
      </c>
      <c r="D145" s="22">
        <v>3623.5280000000057</v>
      </c>
      <c r="E145" s="19"/>
      <c r="F145" s="24">
        <v>2295576.2780000004</v>
      </c>
      <c r="G145" s="24">
        <v>2276579.523</v>
      </c>
      <c r="H145" s="24">
        <v>18996.755000000354</v>
      </c>
    </row>
    <row r="146" spans="1:8">
      <c r="A146" s="20">
        <v>37895</v>
      </c>
      <c r="B146" s="21">
        <v>129374.281</v>
      </c>
      <c r="C146" s="22">
        <v>124548.32399999999</v>
      </c>
      <c r="D146" s="22">
        <v>4825.9570000000094</v>
      </c>
      <c r="E146" s="19"/>
      <c r="F146" s="24">
        <v>2293950.6639999999</v>
      </c>
      <c r="G146" s="24">
        <v>2270605.2940000002</v>
      </c>
      <c r="H146" s="24">
        <v>23345.369999999646</v>
      </c>
    </row>
    <row r="147" spans="1:8">
      <c r="A147" s="20">
        <v>37926</v>
      </c>
      <c r="B147" s="21">
        <v>198631.04500000001</v>
      </c>
      <c r="C147" s="22">
        <v>186930.26800000001</v>
      </c>
      <c r="D147" s="22">
        <v>11700.777000000002</v>
      </c>
      <c r="E147" s="19"/>
      <c r="F147" s="24">
        <v>2273992.3659999999</v>
      </c>
      <c r="G147" s="24">
        <v>2247252.4990000003</v>
      </c>
      <c r="H147" s="24">
        <v>26739.86699999962</v>
      </c>
    </row>
    <row r="148" spans="1:8">
      <c r="A148" s="20">
        <v>37956</v>
      </c>
      <c r="B148" s="21">
        <v>316109.228</v>
      </c>
      <c r="C148" s="22">
        <v>299055.61800000002</v>
      </c>
      <c r="D148" s="22">
        <v>17053.609999999986</v>
      </c>
      <c r="E148" s="19"/>
      <c r="F148" s="24">
        <v>2261307.9519999996</v>
      </c>
      <c r="G148" s="24">
        <v>2221863.3559999997</v>
      </c>
      <c r="H148" s="24">
        <v>39444.595999999903</v>
      </c>
    </row>
    <row r="149" spans="1:8">
      <c r="A149" s="20">
        <v>37987</v>
      </c>
      <c r="B149" s="21">
        <v>452532.62400000001</v>
      </c>
      <c r="C149" s="22">
        <v>449433.92700000003</v>
      </c>
      <c r="D149" s="22">
        <v>3098.6969999999856</v>
      </c>
      <c r="E149" s="19"/>
      <c r="F149" s="24">
        <v>2272003.9069999997</v>
      </c>
      <c r="G149" s="24">
        <v>2240607.1129999999</v>
      </c>
      <c r="H149" s="24">
        <v>31396.793999999762</v>
      </c>
    </row>
    <row r="150" spans="1:8">
      <c r="A150" s="20">
        <v>38018</v>
      </c>
      <c r="B150" s="21">
        <v>328933.72200000001</v>
      </c>
      <c r="C150" s="22">
        <v>335058.23200000002</v>
      </c>
      <c r="D150" s="22">
        <v>-6124.5100000000093</v>
      </c>
      <c r="E150" s="19"/>
      <c r="F150" s="24">
        <v>2231307.5950000002</v>
      </c>
      <c r="G150" s="24">
        <v>2206501.3339999998</v>
      </c>
      <c r="H150" s="24">
        <v>24806.261000000406</v>
      </c>
    </row>
    <row r="151" spans="1:8">
      <c r="A151" s="20">
        <v>38047</v>
      </c>
      <c r="B151" s="21">
        <v>263117.77799999999</v>
      </c>
      <c r="C151" s="22">
        <v>267318.96600000001</v>
      </c>
      <c r="D151" s="22">
        <v>-4201.1880000000237</v>
      </c>
      <c r="E151" s="19"/>
      <c r="F151" s="24">
        <v>2199279.8690000004</v>
      </c>
      <c r="G151" s="24">
        <v>2172208.1830000002</v>
      </c>
      <c r="H151" s="24">
        <v>27071.68600000022</v>
      </c>
    </row>
    <row r="152" spans="1:8">
      <c r="A152" s="20">
        <v>38078</v>
      </c>
      <c r="B152" s="21">
        <v>177907.315</v>
      </c>
      <c r="C152" s="22">
        <v>172541.261</v>
      </c>
      <c r="D152" s="22">
        <v>5366.0540000000037</v>
      </c>
      <c r="E152" s="19"/>
      <c r="F152" s="24">
        <v>2186276.5010000002</v>
      </c>
      <c r="G152" s="24">
        <v>2152345.4600000004</v>
      </c>
      <c r="H152" s="24">
        <v>33931.040999999736</v>
      </c>
    </row>
    <row r="153" spans="1:8">
      <c r="A153" s="20">
        <v>38108</v>
      </c>
      <c r="B153" s="21">
        <v>95080.663</v>
      </c>
      <c r="C153" s="22">
        <v>95889.748000000007</v>
      </c>
      <c r="D153" s="22">
        <v>-809.0850000000064</v>
      </c>
      <c r="E153" s="19"/>
      <c r="F153" s="24">
        <v>2176053.9580000001</v>
      </c>
      <c r="G153" s="24">
        <v>2134026.648</v>
      </c>
      <c r="H153" s="24">
        <v>42027.310000000056</v>
      </c>
    </row>
    <row r="154" spans="1:8">
      <c r="A154" s="20">
        <v>38139</v>
      </c>
      <c r="B154" s="21">
        <v>49882.906999999999</v>
      </c>
      <c r="C154" s="22">
        <v>51027.006999999998</v>
      </c>
      <c r="D154" s="22">
        <v>-1144.0999999999985</v>
      </c>
      <c r="E154" s="19"/>
      <c r="F154" s="24">
        <v>2173635.9350000001</v>
      </c>
      <c r="G154" s="24">
        <v>2135255.5460000001</v>
      </c>
      <c r="H154" s="24">
        <v>38380.388999999966</v>
      </c>
    </row>
    <row r="155" spans="1:8">
      <c r="A155" s="20">
        <v>38169</v>
      </c>
      <c r="B155" s="21">
        <v>49882.906999999999</v>
      </c>
      <c r="C155" s="22">
        <v>51056.555999999997</v>
      </c>
      <c r="D155" s="22">
        <v>-1173.6489999999976</v>
      </c>
      <c r="E155" s="19"/>
      <c r="F155" s="24">
        <v>2171217.912</v>
      </c>
      <c r="G155" s="24">
        <v>2136532.7620000001</v>
      </c>
      <c r="H155" s="24">
        <v>34685.149999999907</v>
      </c>
    </row>
    <row r="156" spans="1:8">
      <c r="A156" s="20">
        <v>38200</v>
      </c>
      <c r="B156" s="21">
        <v>49882.906999999999</v>
      </c>
      <c r="C156" s="22">
        <v>51126.760999999999</v>
      </c>
      <c r="D156" s="22">
        <v>-1243.8539999999994</v>
      </c>
      <c r="E156" s="19"/>
      <c r="F156" s="24">
        <v>2168799.889</v>
      </c>
      <c r="G156" s="24">
        <v>2137827.6520000002</v>
      </c>
      <c r="H156" s="24">
        <v>30972.236999999732</v>
      </c>
    </row>
    <row r="157" spans="1:8">
      <c r="A157" s="20">
        <v>38231</v>
      </c>
      <c r="B157" s="21">
        <v>60905.580999999998</v>
      </c>
      <c r="C157" s="22">
        <v>55183.370999999999</v>
      </c>
      <c r="D157" s="22">
        <v>5722.2099999999991</v>
      </c>
      <c r="E157" s="19"/>
      <c r="F157" s="24">
        <v>2172240.9579999996</v>
      </c>
      <c r="G157" s="24">
        <v>2139170.0389999999</v>
      </c>
      <c r="H157" s="24">
        <v>33070.918999999762</v>
      </c>
    </row>
    <row r="158" spans="1:8">
      <c r="A158" s="20">
        <v>38261</v>
      </c>
      <c r="B158" s="21">
        <v>103445.29399999999</v>
      </c>
      <c r="C158" s="22">
        <v>111369.16899999999</v>
      </c>
      <c r="D158" s="22">
        <v>-7923.875</v>
      </c>
      <c r="E158" s="19"/>
      <c r="F158" s="24">
        <v>2146311.9709999999</v>
      </c>
      <c r="G158" s="24">
        <v>2125990.8840000001</v>
      </c>
      <c r="H158" s="24">
        <v>20321.086999999825</v>
      </c>
    </row>
    <row r="159" spans="1:8">
      <c r="A159" s="20">
        <v>38292</v>
      </c>
      <c r="B159" s="21">
        <v>191080.503</v>
      </c>
      <c r="C159" s="22">
        <v>190412.06700000001</v>
      </c>
      <c r="D159" s="22">
        <v>668.43599999998696</v>
      </c>
      <c r="E159" s="19"/>
      <c r="F159" s="24">
        <v>2138761.4289999995</v>
      </c>
      <c r="G159" s="24">
        <v>2129472.6829999997</v>
      </c>
      <c r="H159" s="24">
        <v>9288.74599999981</v>
      </c>
    </row>
    <row r="160" spans="1:8">
      <c r="A160" s="20">
        <v>38322</v>
      </c>
      <c r="B160" s="21">
        <v>340623.81800000003</v>
      </c>
      <c r="C160" s="22">
        <v>328573.06300000002</v>
      </c>
      <c r="D160" s="22">
        <v>12050.755000000005</v>
      </c>
      <c r="E160" s="19"/>
      <c r="F160" s="24">
        <v>2163276.0189999999</v>
      </c>
      <c r="G160" s="24">
        <v>2158990.128</v>
      </c>
      <c r="H160" s="24">
        <v>4285.8909999998286</v>
      </c>
    </row>
    <row r="161" spans="1:8">
      <c r="A161" s="20">
        <v>38353</v>
      </c>
      <c r="B161" s="21">
        <v>413967.11200000002</v>
      </c>
      <c r="C161" s="22">
        <v>416181.67099999997</v>
      </c>
      <c r="D161" s="22">
        <v>-2214.5589999999502</v>
      </c>
      <c r="E161" s="19"/>
      <c r="F161" s="24">
        <v>2124710.5069999998</v>
      </c>
      <c r="G161" s="24">
        <v>2125737.872</v>
      </c>
      <c r="H161" s="24">
        <v>-1027.3650000002235</v>
      </c>
    </row>
    <row r="162" spans="1:8">
      <c r="A162" s="20">
        <v>38384</v>
      </c>
      <c r="B162" s="21">
        <v>334612.55</v>
      </c>
      <c r="C162" s="22">
        <v>329191.098</v>
      </c>
      <c r="D162" s="22">
        <v>5421.4519999999902</v>
      </c>
      <c r="E162" s="19"/>
      <c r="F162" s="24">
        <v>2130389.335</v>
      </c>
      <c r="G162" s="24">
        <v>2119870.7379999999</v>
      </c>
      <c r="H162" s="24">
        <v>10518.597000000067</v>
      </c>
    </row>
    <row r="163" spans="1:8">
      <c r="A163" s="20">
        <v>38412</v>
      </c>
      <c r="B163" s="21">
        <v>315684.67800000001</v>
      </c>
      <c r="C163" s="22">
        <v>324714.09299999999</v>
      </c>
      <c r="D163" s="22">
        <v>-9029.414999999979</v>
      </c>
      <c r="E163" s="19"/>
      <c r="F163" s="24">
        <v>2182956.2349999999</v>
      </c>
      <c r="G163" s="24">
        <v>2177265.8650000002</v>
      </c>
      <c r="H163" s="24">
        <v>5690.3699999996461</v>
      </c>
    </row>
    <row r="164" spans="1:8">
      <c r="A164" s="20">
        <v>38443</v>
      </c>
      <c r="B164" s="21">
        <v>173711.40900000001</v>
      </c>
      <c r="C164" s="22">
        <v>172834.23199999999</v>
      </c>
      <c r="D164" s="22">
        <v>877.17700000002515</v>
      </c>
      <c r="E164" s="19"/>
      <c r="F164" s="24">
        <v>2178760.3290000004</v>
      </c>
      <c r="G164" s="24">
        <v>2177558.8360000001</v>
      </c>
      <c r="H164" s="24">
        <v>1201.4930000002496</v>
      </c>
    </row>
    <row r="165" spans="1:8">
      <c r="A165" s="20">
        <v>38473</v>
      </c>
      <c r="B165" s="21">
        <v>111460.394</v>
      </c>
      <c r="C165" s="22">
        <v>113815.889</v>
      </c>
      <c r="D165" s="22">
        <v>-2355.4949999999953</v>
      </c>
      <c r="E165" s="19"/>
      <c r="F165" s="24">
        <v>2195140.06</v>
      </c>
      <c r="G165" s="24">
        <v>2195484.9770000004</v>
      </c>
      <c r="H165" s="24">
        <v>-344.91700000036508</v>
      </c>
    </row>
    <row r="166" spans="1:8">
      <c r="A166" s="20">
        <v>38504</v>
      </c>
      <c r="B166" s="21">
        <v>49347.107000000004</v>
      </c>
      <c r="C166" s="22">
        <v>52089.83</v>
      </c>
      <c r="D166" s="22">
        <v>-2742.7229999999981</v>
      </c>
      <c r="E166" s="19"/>
      <c r="F166" s="24">
        <v>2194604.2599999998</v>
      </c>
      <c r="G166" s="24">
        <v>2196547.8000000003</v>
      </c>
      <c r="H166" s="24">
        <v>-1943.5400000005029</v>
      </c>
    </row>
    <row r="167" spans="1:8">
      <c r="A167" s="20">
        <v>38534</v>
      </c>
      <c r="B167" s="21">
        <v>49347.107000000004</v>
      </c>
      <c r="C167" s="22">
        <v>52076.970999999998</v>
      </c>
      <c r="D167" s="22">
        <v>-2729.8639999999941</v>
      </c>
      <c r="E167" s="19"/>
      <c r="F167" s="24">
        <v>2194068.46</v>
      </c>
      <c r="G167" s="24">
        <v>2197568.2149999999</v>
      </c>
      <c r="H167" s="24">
        <v>-3499.7549999998882</v>
      </c>
    </row>
    <row r="168" spans="1:8">
      <c r="A168" s="20">
        <v>38565</v>
      </c>
      <c r="B168" s="21">
        <v>49347.107000000004</v>
      </c>
      <c r="C168" s="22">
        <v>52152.758000000002</v>
      </c>
      <c r="D168" s="22">
        <v>-2805.650999999998</v>
      </c>
      <c r="E168" s="19"/>
      <c r="F168" s="24">
        <v>2193532.66</v>
      </c>
      <c r="G168" s="24">
        <v>2198594.2120000003</v>
      </c>
      <c r="H168" s="24">
        <v>-5061.5520000001416</v>
      </c>
    </row>
    <row r="169" spans="1:8">
      <c r="A169" s="20">
        <v>38596</v>
      </c>
      <c r="B169" s="21">
        <v>49986.404000000002</v>
      </c>
      <c r="C169" s="22">
        <v>56261.241999999998</v>
      </c>
      <c r="D169" s="22">
        <v>-6274.8379999999961</v>
      </c>
      <c r="E169" s="19"/>
      <c r="F169" s="24">
        <v>2182613.4830000005</v>
      </c>
      <c r="G169" s="24">
        <v>2199672.0830000001</v>
      </c>
      <c r="H169" s="24">
        <v>-17058.599999999627</v>
      </c>
    </row>
    <row r="170" spans="1:8">
      <c r="A170" s="20">
        <v>38626</v>
      </c>
      <c r="B170" s="21">
        <v>104010.429</v>
      </c>
      <c r="C170" s="22">
        <v>110646.368</v>
      </c>
      <c r="D170" s="22">
        <v>-6635.9389999999985</v>
      </c>
      <c r="E170" s="19"/>
      <c r="F170" s="24">
        <v>2183178.6180000007</v>
      </c>
      <c r="G170" s="24">
        <v>2198949.2820000001</v>
      </c>
      <c r="H170" s="24">
        <v>-15770.663999999408</v>
      </c>
    </row>
    <row r="171" spans="1:8">
      <c r="A171" s="20">
        <v>38657</v>
      </c>
      <c r="B171" s="21">
        <v>192507</v>
      </c>
      <c r="C171" s="22">
        <v>193095.02299999999</v>
      </c>
      <c r="D171" s="22">
        <v>-588.0229999999865</v>
      </c>
      <c r="E171" s="19"/>
      <c r="F171" s="24">
        <v>2184605.1150000002</v>
      </c>
      <c r="G171" s="24">
        <v>2201632.2379999999</v>
      </c>
      <c r="H171" s="24">
        <v>-17027.122999999672</v>
      </c>
    </row>
    <row r="172" spans="1:8">
      <c r="A172" s="20">
        <v>38687</v>
      </c>
      <c r="B172" s="21">
        <v>371130.52100000001</v>
      </c>
      <c r="C172" s="22">
        <v>348935.55499999999</v>
      </c>
      <c r="D172" s="22">
        <v>22194.966000000015</v>
      </c>
      <c r="E172" s="19"/>
      <c r="F172" s="24">
        <v>2215111.8180000004</v>
      </c>
      <c r="G172" s="24">
        <v>2221994.73</v>
      </c>
      <c r="H172" s="24">
        <v>-6882.9119999995455</v>
      </c>
    </row>
    <row r="173" spans="1:8">
      <c r="A173" s="20">
        <v>38718</v>
      </c>
      <c r="B173" s="21">
        <v>312042.755</v>
      </c>
      <c r="C173" s="22">
        <v>307283.647</v>
      </c>
      <c r="D173" s="22">
        <v>4759.1080000000075</v>
      </c>
      <c r="E173" s="19"/>
      <c r="F173" s="24">
        <v>2113187.4610000001</v>
      </c>
      <c r="G173" s="24">
        <v>2113096.7059999998</v>
      </c>
      <c r="H173" s="24">
        <v>90.755000000353903</v>
      </c>
    </row>
    <row r="174" spans="1:8">
      <c r="A174" s="20">
        <v>38749</v>
      </c>
      <c r="B174" s="21">
        <v>329459.73499999999</v>
      </c>
      <c r="C174" s="22">
        <v>324134.60200000001</v>
      </c>
      <c r="D174" s="22">
        <v>5325.1329999999725</v>
      </c>
      <c r="E174" s="19"/>
      <c r="F174" s="24">
        <v>2108034.6459999997</v>
      </c>
      <c r="G174" s="24">
        <v>2108040.21</v>
      </c>
      <c r="H174" s="24">
        <v>-5.5640000002458692</v>
      </c>
    </row>
    <row r="175" spans="1:8">
      <c r="A175" s="20">
        <v>38777</v>
      </c>
      <c r="B175" s="21">
        <v>283527.098</v>
      </c>
      <c r="C175" s="22">
        <v>280667.56599999999</v>
      </c>
      <c r="D175" s="22">
        <v>2859.5320000000065</v>
      </c>
      <c r="E175" s="19"/>
      <c r="F175" s="24">
        <v>2075877.0659999999</v>
      </c>
      <c r="G175" s="24">
        <v>2063993.6830000002</v>
      </c>
      <c r="H175" s="24">
        <v>11883.382999999681</v>
      </c>
    </row>
    <row r="176" spans="1:8">
      <c r="A176" s="20">
        <v>38808</v>
      </c>
      <c r="B176" s="21">
        <v>165449.51300000001</v>
      </c>
      <c r="C176" s="22">
        <v>162371.10800000001</v>
      </c>
      <c r="D176" s="22">
        <v>3078.4049999999988</v>
      </c>
      <c r="E176" s="19"/>
      <c r="F176" s="24">
        <v>2067615.17</v>
      </c>
      <c r="G176" s="24">
        <v>2053530.5589999999</v>
      </c>
      <c r="H176" s="24">
        <v>14084.611000000034</v>
      </c>
    </row>
    <row r="177" spans="1:8">
      <c r="A177" s="20">
        <v>38838</v>
      </c>
      <c r="B177" s="21">
        <v>82953.774000000005</v>
      </c>
      <c r="C177" s="22">
        <v>95591.615999999995</v>
      </c>
      <c r="D177" s="22">
        <v>-12637.84199999999</v>
      </c>
      <c r="E177" s="19"/>
      <c r="F177" s="24">
        <v>2039108.55</v>
      </c>
      <c r="G177" s="24">
        <v>2035306.2859999998</v>
      </c>
      <c r="H177" s="24">
        <v>3802.2640000001993</v>
      </c>
    </row>
    <row r="178" spans="1:8">
      <c r="A178" s="20">
        <v>38869</v>
      </c>
      <c r="B178" s="21">
        <v>50447.826000000001</v>
      </c>
      <c r="C178" s="22">
        <v>53167.209000000003</v>
      </c>
      <c r="D178" s="22">
        <v>-2719.3830000000016</v>
      </c>
      <c r="E178" s="19"/>
      <c r="F178" s="24">
        <v>2040209.2689999999</v>
      </c>
      <c r="G178" s="24">
        <v>2036383.6649999998</v>
      </c>
      <c r="H178" s="24">
        <v>3825.6040000000503</v>
      </c>
    </row>
    <row r="179" spans="1:8">
      <c r="A179" s="20">
        <v>38899</v>
      </c>
      <c r="B179" s="21">
        <v>50447.826000000001</v>
      </c>
      <c r="C179" s="22">
        <v>53154.459000000003</v>
      </c>
      <c r="D179" s="22">
        <v>-2706.6330000000016</v>
      </c>
      <c r="E179" s="19"/>
      <c r="F179" s="24">
        <v>2041309.9879999999</v>
      </c>
      <c r="G179" s="24">
        <v>2037461.1529999999</v>
      </c>
      <c r="H179" s="24">
        <v>3848.8349999999627</v>
      </c>
    </row>
    <row r="180" spans="1:8">
      <c r="A180" s="20">
        <v>38930</v>
      </c>
      <c r="B180" s="21">
        <v>50447.826000000001</v>
      </c>
      <c r="C180" s="22">
        <v>53187.182000000001</v>
      </c>
      <c r="D180" s="22">
        <v>-2739.3559999999998</v>
      </c>
      <c r="E180" s="19"/>
      <c r="F180" s="24">
        <v>2042410.7069999999</v>
      </c>
      <c r="G180" s="24">
        <v>2038495.577</v>
      </c>
      <c r="H180" s="24">
        <v>3915.1299999998882</v>
      </c>
    </row>
    <row r="181" spans="1:8">
      <c r="A181" s="20">
        <v>38961</v>
      </c>
      <c r="B181" s="21">
        <v>53761.908000000003</v>
      </c>
      <c r="C181" s="22">
        <v>60792.669000000002</v>
      </c>
      <c r="D181" s="22">
        <v>-7030.7609999999986</v>
      </c>
      <c r="E181" s="19"/>
      <c r="F181" s="24">
        <v>2046186.2109999999</v>
      </c>
      <c r="G181" s="24">
        <v>2043027.004</v>
      </c>
      <c r="H181" s="24">
        <v>3159.2069999999367</v>
      </c>
    </row>
    <row r="182" spans="1:8">
      <c r="A182" s="20">
        <v>38991</v>
      </c>
      <c r="B182" s="21">
        <v>128241.87300000001</v>
      </c>
      <c r="C182" s="22">
        <v>134328.826</v>
      </c>
      <c r="D182" s="22">
        <v>-6086.9529999999941</v>
      </c>
      <c r="E182" s="19"/>
      <c r="F182" s="24">
        <v>2070417.6549999998</v>
      </c>
      <c r="G182" s="24">
        <v>2066709.4620000003</v>
      </c>
      <c r="H182" s="24">
        <v>3708.1929999995045</v>
      </c>
    </row>
    <row r="183" spans="1:8">
      <c r="A183" s="20">
        <v>39022</v>
      </c>
      <c r="B183" s="21">
        <v>203351.448</v>
      </c>
      <c r="C183" s="22">
        <v>190846.48499999999</v>
      </c>
      <c r="D183" s="22">
        <v>12504.963000000018</v>
      </c>
      <c r="E183" s="19"/>
      <c r="F183" s="24">
        <v>2081262.1029999999</v>
      </c>
      <c r="G183" s="24">
        <v>2064460.9240000001</v>
      </c>
      <c r="H183" s="24">
        <v>16801.178999999771</v>
      </c>
    </row>
    <row r="184" spans="1:8">
      <c r="A184" s="20">
        <v>39052</v>
      </c>
      <c r="B184" s="21">
        <v>290030.283</v>
      </c>
      <c r="C184" s="22">
        <v>270188.07799999998</v>
      </c>
      <c r="D184" s="22">
        <v>19842.205000000016</v>
      </c>
      <c r="E184" s="19"/>
      <c r="F184" s="24">
        <v>2000161.8649999998</v>
      </c>
      <c r="G184" s="24">
        <v>1985713.4469999999</v>
      </c>
      <c r="H184" s="24">
        <v>14448.41799999983</v>
      </c>
    </row>
    <row r="185" spans="1:8">
      <c r="A185" s="20">
        <v>39083</v>
      </c>
      <c r="B185" s="21">
        <v>357312.44500000001</v>
      </c>
      <c r="C185" s="22">
        <v>359080.31900000002</v>
      </c>
      <c r="D185" s="22">
        <v>-1767.8740000000107</v>
      </c>
      <c r="E185" s="19"/>
      <c r="F185" s="24">
        <v>2045431.5550000002</v>
      </c>
      <c r="G185" s="24">
        <v>2037510.1189999999</v>
      </c>
      <c r="H185" s="24">
        <v>7921.4360000002198</v>
      </c>
    </row>
    <row r="186" spans="1:8">
      <c r="A186" s="20">
        <v>39114</v>
      </c>
      <c r="B186" s="21">
        <v>397498.163</v>
      </c>
      <c r="C186" s="22">
        <v>391150.09399999998</v>
      </c>
      <c r="D186" s="22">
        <v>6348.0690000000177</v>
      </c>
      <c r="E186" s="19"/>
      <c r="F186" s="24">
        <v>2113469.9830000005</v>
      </c>
      <c r="G186" s="24">
        <v>2104525.611</v>
      </c>
      <c r="H186" s="24">
        <v>8944.3720000004396</v>
      </c>
    </row>
    <row r="187" spans="1:8">
      <c r="A187" s="20">
        <v>39142</v>
      </c>
      <c r="B187" s="21">
        <v>298162.837</v>
      </c>
      <c r="C187" s="22">
        <v>282197.53999999998</v>
      </c>
      <c r="D187" s="22">
        <v>15965.29700000002</v>
      </c>
      <c r="E187" s="19"/>
      <c r="F187" s="24">
        <v>2128105.7220000001</v>
      </c>
      <c r="G187" s="24">
        <v>2106055.585</v>
      </c>
      <c r="H187" s="24">
        <v>22050.137000000104</v>
      </c>
    </row>
    <row r="188" spans="1:8">
      <c r="A188" s="20">
        <v>39173</v>
      </c>
      <c r="B188" s="21">
        <v>207576.04</v>
      </c>
      <c r="C188" s="22">
        <v>193177.492</v>
      </c>
      <c r="D188" s="22">
        <v>14398.54800000001</v>
      </c>
      <c r="E188" s="19"/>
      <c r="F188" s="24">
        <v>2170232.2489999998</v>
      </c>
      <c r="G188" s="24">
        <v>2136861.969</v>
      </c>
      <c r="H188" s="24">
        <v>33370.279999999795</v>
      </c>
    </row>
    <row r="189" spans="1:8">
      <c r="A189" s="20">
        <v>39203</v>
      </c>
      <c r="B189" s="21">
        <v>95388.576000000001</v>
      </c>
      <c r="C189" s="22">
        <v>86512.824999999997</v>
      </c>
      <c r="D189" s="22">
        <v>8875.7510000000038</v>
      </c>
      <c r="E189" s="19"/>
      <c r="F189" s="24">
        <v>2182667.051</v>
      </c>
      <c r="G189" s="24">
        <v>2127783.1780000003</v>
      </c>
      <c r="H189" s="24">
        <v>54883.872999999672</v>
      </c>
    </row>
    <row r="190" spans="1:8">
      <c r="A190" s="20">
        <v>39234</v>
      </c>
      <c r="B190" s="21">
        <v>52348.33</v>
      </c>
      <c r="C190" s="22">
        <v>54061.987999999998</v>
      </c>
      <c r="D190" s="22">
        <v>-1713.6579999999958</v>
      </c>
      <c r="E190" s="19"/>
      <c r="F190" s="24">
        <v>2184567.5550000002</v>
      </c>
      <c r="G190" s="24">
        <v>2128677.9570000004</v>
      </c>
      <c r="H190" s="24">
        <v>55889.597999999765</v>
      </c>
    </row>
    <row r="191" spans="1:8">
      <c r="A191" s="20">
        <v>39264</v>
      </c>
      <c r="B191" s="21">
        <v>52348.33</v>
      </c>
      <c r="C191" s="22">
        <v>54042.671999999999</v>
      </c>
      <c r="D191" s="22">
        <v>-1694.3419999999969</v>
      </c>
      <c r="E191" s="19"/>
      <c r="F191" s="24">
        <v>2186468.0590000004</v>
      </c>
      <c r="G191" s="24">
        <v>2129566.17</v>
      </c>
      <c r="H191" s="24">
        <v>56901.889000000432</v>
      </c>
    </row>
    <row r="192" spans="1:8">
      <c r="A192" s="20">
        <v>39295</v>
      </c>
      <c r="B192" s="21">
        <v>52348.33</v>
      </c>
      <c r="C192" s="22">
        <v>54117.364000000001</v>
      </c>
      <c r="D192" s="22">
        <v>-1769.0339999999997</v>
      </c>
      <c r="E192" s="19"/>
      <c r="F192" s="24">
        <v>2188368.5630000005</v>
      </c>
      <c r="G192" s="24">
        <v>2130496.352</v>
      </c>
      <c r="H192" s="24">
        <v>57872.211000000592</v>
      </c>
    </row>
    <row r="193" spans="1:8">
      <c r="A193" s="20">
        <v>39326</v>
      </c>
      <c r="B193" s="21">
        <v>52699.889000000003</v>
      </c>
      <c r="C193" s="22">
        <v>58137.476000000002</v>
      </c>
      <c r="D193" s="22">
        <v>-5437.5869999999995</v>
      </c>
      <c r="E193" s="19"/>
      <c r="F193" s="24">
        <v>2187306.5440000002</v>
      </c>
      <c r="G193" s="24">
        <v>2127841.159</v>
      </c>
      <c r="H193" s="24">
        <v>59465.385000000242</v>
      </c>
    </row>
    <row r="194" spans="1:8">
      <c r="A194" s="20">
        <v>39356</v>
      </c>
      <c r="B194" s="21">
        <v>84896.381999999998</v>
      </c>
      <c r="C194" s="22">
        <v>86943.574999999997</v>
      </c>
      <c r="D194" s="22">
        <v>-2047.1929999999993</v>
      </c>
      <c r="E194" s="19"/>
      <c r="F194" s="24">
        <v>2143961.0530000003</v>
      </c>
      <c r="G194" s="24">
        <v>2080455.9080000001</v>
      </c>
      <c r="H194" s="24">
        <v>63505.145000000251</v>
      </c>
    </row>
    <row r="195" spans="1:8">
      <c r="A195" s="20">
        <v>39387</v>
      </c>
      <c r="B195" s="21">
        <v>203477.421</v>
      </c>
      <c r="C195" s="22">
        <v>220532.84899999999</v>
      </c>
      <c r="D195" s="22">
        <v>-17055.427999999985</v>
      </c>
      <c r="E195" s="19"/>
      <c r="F195" s="24">
        <v>2144087.0260000001</v>
      </c>
      <c r="G195" s="24">
        <v>2110142.2719999999</v>
      </c>
      <c r="H195" s="24">
        <v>33944.75400000019</v>
      </c>
    </row>
    <row r="196" spans="1:8">
      <c r="A196" s="20">
        <v>39417</v>
      </c>
      <c r="B196" s="21">
        <v>358270.86499999999</v>
      </c>
      <c r="C196" s="22">
        <v>358270.86499999999</v>
      </c>
      <c r="D196" s="22">
        <v>0</v>
      </c>
      <c r="E196" s="19"/>
      <c r="F196" s="24">
        <v>2212327.6080000005</v>
      </c>
      <c r="G196" s="24">
        <v>2198225.0589999999</v>
      </c>
      <c r="H196" s="24">
        <v>14102.549000000581</v>
      </c>
    </row>
    <row r="197" spans="1:8">
      <c r="A197" s="20">
        <v>39448</v>
      </c>
      <c r="B197" s="21">
        <v>382250.11300000001</v>
      </c>
      <c r="C197" s="22">
        <v>382250.11300000001</v>
      </c>
      <c r="D197" s="22">
        <v>0</v>
      </c>
      <c r="E197" s="19"/>
      <c r="F197" s="24">
        <v>2237265.2760000001</v>
      </c>
      <c r="G197" s="24">
        <v>2221394.8529999997</v>
      </c>
      <c r="H197" s="24">
        <v>15870.423000000417</v>
      </c>
    </row>
    <row r="198" spans="1:8">
      <c r="A198" s="20">
        <v>39479</v>
      </c>
      <c r="B198" s="21">
        <v>368631.41</v>
      </c>
      <c r="C198" s="22">
        <v>360596.951</v>
      </c>
      <c r="D198" s="22">
        <v>8034.4589999999735</v>
      </c>
      <c r="E198" s="19"/>
      <c r="F198" s="24">
        <v>2208398.523</v>
      </c>
      <c r="G198" s="24">
        <v>2190841.71</v>
      </c>
      <c r="H198" s="24">
        <v>17556.813000000082</v>
      </c>
    </row>
    <row r="199" spans="1:8">
      <c r="A199" s="20">
        <v>39508</v>
      </c>
      <c r="B199" s="21">
        <v>348156.22899999999</v>
      </c>
      <c r="C199" s="22">
        <v>348156.22899999999</v>
      </c>
      <c r="D199" s="22">
        <v>0</v>
      </c>
      <c r="E199" s="19"/>
      <c r="F199" s="24">
        <v>2258391.915</v>
      </c>
      <c r="G199" s="24">
        <v>2256800.3989999997</v>
      </c>
      <c r="H199" s="24">
        <v>1591.5160000002943</v>
      </c>
    </row>
    <row r="200" spans="1:8">
      <c r="A200" s="20">
        <v>39539</v>
      </c>
      <c r="B200" s="21">
        <v>142914.36199999999</v>
      </c>
      <c r="C200" s="22">
        <v>156373.622</v>
      </c>
      <c r="D200" s="22">
        <v>-13459.260000000009</v>
      </c>
      <c r="E200" s="19"/>
      <c r="F200" s="24">
        <v>2193730.2370000002</v>
      </c>
      <c r="G200" s="24">
        <v>2219996.5290000001</v>
      </c>
      <c r="H200" s="24">
        <v>-26266.291999999899</v>
      </c>
    </row>
    <row r="201" spans="1:8">
      <c r="A201" s="20">
        <v>39569</v>
      </c>
      <c r="B201" s="21">
        <v>108980.083</v>
      </c>
      <c r="C201" s="22">
        <v>117186.749</v>
      </c>
      <c r="D201" s="22">
        <v>-8206.6659999999974</v>
      </c>
      <c r="E201" s="19"/>
      <c r="F201" s="24">
        <v>2207321.7440000004</v>
      </c>
      <c r="G201" s="24">
        <v>2250670.4530000002</v>
      </c>
      <c r="H201" s="24">
        <v>-43348.708999999799</v>
      </c>
    </row>
    <row r="202" spans="1:8">
      <c r="A202" s="20">
        <v>39600</v>
      </c>
      <c r="B202" s="21">
        <v>49508.949000000001</v>
      </c>
      <c r="C202" s="22">
        <v>54933.728999999999</v>
      </c>
      <c r="D202" s="22">
        <v>-5424.7799999999988</v>
      </c>
      <c r="E202" s="19"/>
      <c r="F202" s="24">
        <v>2204482.3629999999</v>
      </c>
      <c r="G202" s="24">
        <v>2251542.1939999997</v>
      </c>
      <c r="H202" s="24">
        <v>-47059.830999999773</v>
      </c>
    </row>
    <row r="203" spans="1:8">
      <c r="A203" s="20">
        <v>39630</v>
      </c>
      <c r="B203" s="21">
        <v>49508.949000000001</v>
      </c>
      <c r="C203" s="22">
        <v>54836.163999999997</v>
      </c>
      <c r="D203" s="22">
        <v>-5327.2149999999965</v>
      </c>
      <c r="E203" s="19"/>
      <c r="F203" s="24">
        <v>2201642.9819999998</v>
      </c>
      <c r="G203" s="24">
        <v>2252335.6859999998</v>
      </c>
      <c r="H203" s="24">
        <v>-50692.703999999911</v>
      </c>
    </row>
    <row r="204" spans="1:8">
      <c r="A204" s="20">
        <v>39661</v>
      </c>
      <c r="B204" s="21">
        <v>49508.949000000001</v>
      </c>
      <c r="C204" s="22">
        <v>54974.057999999997</v>
      </c>
      <c r="D204" s="22">
        <v>-5465.1089999999967</v>
      </c>
      <c r="E204" s="19"/>
      <c r="F204" s="24">
        <v>2198803.6009999998</v>
      </c>
      <c r="G204" s="24">
        <v>2253192.38</v>
      </c>
      <c r="H204" s="24">
        <v>-54388.779000000097</v>
      </c>
    </row>
    <row r="205" spans="1:8">
      <c r="A205" s="20">
        <v>39692</v>
      </c>
      <c r="B205" s="21">
        <v>51247.822</v>
      </c>
      <c r="C205" s="22">
        <v>58984.101000000002</v>
      </c>
      <c r="D205" s="22">
        <v>-7736.2790000000023</v>
      </c>
      <c r="E205" s="19"/>
      <c r="F205" s="24">
        <v>2197351.5340000005</v>
      </c>
      <c r="G205" s="24">
        <v>2254039.0050000004</v>
      </c>
      <c r="H205" s="24">
        <v>-56687.470999999903</v>
      </c>
    </row>
    <row r="206" spans="1:8">
      <c r="A206" s="20">
        <v>39722</v>
      </c>
      <c r="B206" s="21">
        <v>116336.667</v>
      </c>
      <c r="C206" s="22">
        <v>131109.29500000001</v>
      </c>
      <c r="D206" s="22">
        <v>-14772.628000000012</v>
      </c>
      <c r="E206" s="19"/>
      <c r="F206" s="24">
        <v>2228791.8190000001</v>
      </c>
      <c r="G206" s="24">
        <v>2298204.7250000001</v>
      </c>
      <c r="H206" s="24">
        <v>-69412.905999999959</v>
      </c>
    </row>
    <row r="207" spans="1:8">
      <c r="A207" s="20">
        <v>39753</v>
      </c>
      <c r="B207" s="21">
        <v>236979.49600000001</v>
      </c>
      <c r="C207" s="22">
        <v>218845.01</v>
      </c>
      <c r="D207" s="22">
        <v>18134.486000000004</v>
      </c>
      <c r="E207" s="19"/>
      <c r="F207" s="24">
        <v>2262293.8939999999</v>
      </c>
      <c r="G207" s="24">
        <v>2296516.8859999999</v>
      </c>
      <c r="H207" s="24">
        <v>-34222.992000000086</v>
      </c>
    </row>
    <row r="208" spans="1:8">
      <c r="A208" s="20">
        <v>39783</v>
      </c>
      <c r="B208" s="21">
        <v>377647.07299999997</v>
      </c>
      <c r="C208" s="22">
        <v>377647.07299999997</v>
      </c>
      <c r="D208" s="22">
        <v>0</v>
      </c>
      <c r="E208" s="19"/>
      <c r="F208" s="24">
        <v>2281670.102</v>
      </c>
      <c r="G208" s="24">
        <v>2315893.094</v>
      </c>
      <c r="H208" s="24">
        <v>-34222.992000000086</v>
      </c>
    </row>
    <row r="209" spans="1:8">
      <c r="A209" s="20">
        <v>39814</v>
      </c>
      <c r="B209" s="21">
        <v>463351.18699999998</v>
      </c>
      <c r="C209" s="22">
        <v>448168.12099999998</v>
      </c>
      <c r="D209" s="22">
        <v>15183.065999999992</v>
      </c>
      <c r="E209" s="19"/>
      <c r="F209" s="24">
        <v>2362771.1759999995</v>
      </c>
      <c r="G209" s="24">
        <v>2381811.1019999995</v>
      </c>
      <c r="H209" s="24">
        <v>-19039.925999999978</v>
      </c>
    </row>
    <row r="210" spans="1:8">
      <c r="A210" s="20">
        <v>39845</v>
      </c>
      <c r="B210" s="21">
        <v>320403.22899999999</v>
      </c>
      <c r="C210" s="22">
        <v>325599.39799999999</v>
      </c>
      <c r="D210" s="22">
        <v>-5196.1689999999944</v>
      </c>
      <c r="E210" s="19"/>
      <c r="F210" s="24">
        <v>2314542.9949999996</v>
      </c>
      <c r="G210" s="24">
        <v>2346813.5489999996</v>
      </c>
      <c r="H210" s="24">
        <v>-32270.554000000004</v>
      </c>
    </row>
    <row r="211" spans="1:8">
      <c r="A211" s="20">
        <v>39873</v>
      </c>
      <c r="B211" s="21">
        <v>298185.136</v>
      </c>
      <c r="C211" s="22">
        <v>283931.196</v>
      </c>
      <c r="D211" s="22">
        <v>14253.940000000002</v>
      </c>
      <c r="E211" s="19"/>
      <c r="F211" s="24">
        <v>2264571.9020000002</v>
      </c>
      <c r="G211" s="24">
        <v>2282588.5159999998</v>
      </c>
      <c r="H211" s="24">
        <v>-18016.613999999594</v>
      </c>
    </row>
    <row r="212" spans="1:8">
      <c r="A212" s="20">
        <v>39904</v>
      </c>
      <c r="B212" s="21">
        <v>177709.345</v>
      </c>
      <c r="C212" s="22">
        <v>174696.95499999999</v>
      </c>
      <c r="D212" s="22">
        <v>3012.390000000014</v>
      </c>
      <c r="E212" s="19"/>
      <c r="F212" s="24">
        <v>2299366.8850000002</v>
      </c>
      <c r="G212" s="24">
        <v>2300911.8490000004</v>
      </c>
      <c r="H212" s="24">
        <v>-1544.9640000001527</v>
      </c>
    </row>
    <row r="213" spans="1:8">
      <c r="A213" s="20">
        <v>39934</v>
      </c>
      <c r="B213" s="21">
        <v>96355.659</v>
      </c>
      <c r="C213" s="22">
        <v>98458.531000000003</v>
      </c>
      <c r="D213" s="22">
        <v>-2102.872000000003</v>
      </c>
      <c r="E213" s="19"/>
      <c r="F213" s="24">
        <v>2286742.4610000001</v>
      </c>
      <c r="G213" s="24">
        <v>2282183.6310000001</v>
      </c>
      <c r="H213" s="24">
        <v>4558.8300000000745</v>
      </c>
    </row>
    <row r="214" spans="1:8">
      <c r="A214" s="20">
        <v>39965</v>
      </c>
      <c r="B214" s="21">
        <v>52875.402999999998</v>
      </c>
      <c r="C214" s="22">
        <v>55685.197</v>
      </c>
      <c r="D214" s="22">
        <v>-2809.7940000000017</v>
      </c>
      <c r="E214" s="19"/>
      <c r="F214" s="24">
        <v>2290108.915</v>
      </c>
      <c r="G214" s="24">
        <v>2282935.0989999999</v>
      </c>
      <c r="H214" s="24">
        <v>7173.816000000108</v>
      </c>
    </row>
    <row r="215" spans="1:8">
      <c r="A215" s="20">
        <v>39995</v>
      </c>
      <c r="B215" s="21">
        <v>52875.402999999998</v>
      </c>
      <c r="C215" s="22">
        <v>55633.213000000003</v>
      </c>
      <c r="D215" s="22">
        <v>-2757.8100000000049</v>
      </c>
      <c r="E215" s="19"/>
      <c r="F215" s="24">
        <v>2293475.3689999999</v>
      </c>
      <c r="G215" s="24">
        <v>2283732.1480000005</v>
      </c>
      <c r="H215" s="24">
        <v>9743.2209999994375</v>
      </c>
    </row>
    <row r="216" spans="1:8">
      <c r="A216" s="20">
        <v>40026</v>
      </c>
      <c r="B216" s="21">
        <v>52875.402999999998</v>
      </c>
      <c r="C216" s="22">
        <v>55680.381999999998</v>
      </c>
      <c r="D216" s="22">
        <v>-2804.9789999999994</v>
      </c>
      <c r="E216" s="19"/>
      <c r="F216" s="24">
        <v>2296841.8229999999</v>
      </c>
      <c r="G216" s="24">
        <v>2284438.4720000005</v>
      </c>
      <c r="H216" s="24">
        <v>12403.350999999326</v>
      </c>
    </row>
    <row r="217" spans="1:8">
      <c r="A217" s="20">
        <v>40057</v>
      </c>
      <c r="B217" s="21">
        <v>54536.993999999999</v>
      </c>
      <c r="C217" s="22">
        <v>59627.989000000001</v>
      </c>
      <c r="D217" s="22">
        <v>-5090.9950000000026</v>
      </c>
      <c r="E217" s="19"/>
      <c r="F217" s="24">
        <v>2300130.9949999996</v>
      </c>
      <c r="G217" s="24">
        <v>2285082.3600000003</v>
      </c>
      <c r="H217" s="24">
        <v>15048.634999999311</v>
      </c>
    </row>
    <row r="218" spans="1:8">
      <c r="A218" s="20">
        <v>40087</v>
      </c>
      <c r="B218" s="21">
        <v>136852.902</v>
      </c>
      <c r="C218" s="22">
        <v>136696.552</v>
      </c>
      <c r="D218" s="22">
        <v>156.35000000000582</v>
      </c>
      <c r="E218" s="19"/>
      <c r="F218" s="24">
        <v>2320647.2299999995</v>
      </c>
      <c r="G218" s="24">
        <v>2290669.6170000001</v>
      </c>
      <c r="H218" s="24">
        <v>29977.61299999943</v>
      </c>
    </row>
    <row r="219" spans="1:8">
      <c r="A219" s="20">
        <v>40118</v>
      </c>
      <c r="B219" s="21">
        <v>185510.08499999999</v>
      </c>
      <c r="C219" s="22">
        <v>182271.31</v>
      </c>
      <c r="D219" s="22">
        <v>3238.7749999999942</v>
      </c>
      <c r="E219" s="19"/>
      <c r="F219" s="24">
        <v>2269177.8189999997</v>
      </c>
      <c r="G219" s="24">
        <v>2254095.9169999999</v>
      </c>
      <c r="H219" s="24">
        <v>15081.901999999769</v>
      </c>
    </row>
    <row r="220" spans="1:8">
      <c r="A220" s="20">
        <v>40148</v>
      </c>
      <c r="B220" s="21">
        <v>325199.86200000002</v>
      </c>
      <c r="C220" s="22">
        <v>330083.83</v>
      </c>
      <c r="D220" s="22">
        <v>-4883.9679999999935</v>
      </c>
      <c r="E220" s="19"/>
      <c r="F220" s="24">
        <v>2216730.6079999995</v>
      </c>
      <c r="G220" s="24">
        <v>2206532.6739999996</v>
      </c>
      <c r="H220" s="24">
        <v>10197.933999999892</v>
      </c>
    </row>
    <row r="221" spans="1:8">
      <c r="A221" s="20">
        <v>40179</v>
      </c>
      <c r="B221" s="21">
        <v>428148.87800000003</v>
      </c>
      <c r="C221" s="22">
        <v>428148.87800000003</v>
      </c>
      <c r="D221" s="22">
        <v>0</v>
      </c>
      <c r="E221" s="19"/>
      <c r="F221" s="24">
        <v>2181528.2989999996</v>
      </c>
      <c r="G221" s="24">
        <v>2186513.4309999999</v>
      </c>
      <c r="H221" s="24">
        <v>-4985.1320000002161</v>
      </c>
    </row>
    <row r="222" spans="1:8">
      <c r="A222" s="20">
        <v>40210</v>
      </c>
      <c r="B222" s="21">
        <v>333913.09499999997</v>
      </c>
      <c r="C222" s="22">
        <v>330671.32299999997</v>
      </c>
      <c r="D222" s="22">
        <v>3241.7719999999972</v>
      </c>
      <c r="E222" s="19"/>
      <c r="F222" s="24">
        <v>2195038.165</v>
      </c>
      <c r="G222" s="24">
        <v>2191585.3560000001</v>
      </c>
      <c r="H222" s="24">
        <v>3452.808999999892</v>
      </c>
    </row>
    <row r="223" spans="1:8">
      <c r="A223" s="20">
        <v>40238</v>
      </c>
      <c r="B223" s="21">
        <v>246514.76699999999</v>
      </c>
      <c r="C223" s="22">
        <v>251024.24799999999</v>
      </c>
      <c r="D223" s="22">
        <v>-4509.4809999999998</v>
      </c>
      <c r="E223" s="19"/>
      <c r="F223" s="24">
        <v>2143367.7960000001</v>
      </c>
      <c r="G223" s="24">
        <v>2158678.4080000003</v>
      </c>
      <c r="H223" s="24">
        <v>-15310.612000000197</v>
      </c>
    </row>
    <row r="224" spans="1:8">
      <c r="A224" s="20">
        <v>40269</v>
      </c>
      <c r="B224" s="21">
        <v>133935.9</v>
      </c>
      <c r="C224" s="22">
        <v>138546.79800000001</v>
      </c>
      <c r="D224" s="22">
        <v>-4610.8980000000156</v>
      </c>
      <c r="E224" s="19"/>
      <c r="F224" s="24">
        <v>2099594.3509999998</v>
      </c>
      <c r="G224" s="24">
        <v>2122528.2510000002</v>
      </c>
      <c r="H224" s="24">
        <v>-22933.900000000373</v>
      </c>
    </row>
    <row r="225" spans="1:8">
      <c r="A225" s="20">
        <v>40299</v>
      </c>
      <c r="B225" s="21">
        <v>73607.698999999993</v>
      </c>
      <c r="C225" s="22">
        <v>88946.7</v>
      </c>
      <c r="D225" s="22">
        <v>-15339.001000000004</v>
      </c>
      <c r="E225" s="19"/>
      <c r="F225" s="24">
        <v>2076846.3909999998</v>
      </c>
      <c r="G225" s="24">
        <v>2113016.42</v>
      </c>
      <c r="H225" s="24">
        <v>-36170.029000000097</v>
      </c>
    </row>
    <row r="226" spans="1:8">
      <c r="A226" s="20">
        <v>40330</v>
      </c>
      <c r="B226" s="21">
        <v>53556.968000000001</v>
      </c>
      <c r="C226" s="22">
        <v>56378.826000000001</v>
      </c>
      <c r="D226" s="22">
        <v>-2821.8580000000002</v>
      </c>
      <c r="E226" s="19"/>
      <c r="F226" s="24">
        <v>2077527.956</v>
      </c>
      <c r="G226" s="24">
        <v>2113710.0489999996</v>
      </c>
      <c r="H226" s="24">
        <v>-36182.092999999644</v>
      </c>
    </row>
    <row r="227" spans="1:8">
      <c r="A227" s="20">
        <v>40360</v>
      </c>
      <c r="B227" s="21">
        <v>53556.968000000001</v>
      </c>
      <c r="C227" s="22">
        <v>56486.294999999998</v>
      </c>
      <c r="D227" s="22">
        <v>-2929.3269999999975</v>
      </c>
      <c r="E227" s="19"/>
      <c r="F227" s="24">
        <v>2078209.5210000002</v>
      </c>
      <c r="G227" s="24">
        <v>2114563.1309999996</v>
      </c>
      <c r="H227" s="24">
        <v>-36353.609999999404</v>
      </c>
    </row>
    <row r="228" spans="1:8">
      <c r="A228" s="20">
        <v>40391</v>
      </c>
      <c r="B228" s="21">
        <v>53556.968000000001</v>
      </c>
      <c r="C228" s="22">
        <v>56355.624000000003</v>
      </c>
      <c r="D228" s="22">
        <v>-2798.6560000000027</v>
      </c>
      <c r="E228" s="19"/>
      <c r="F228" s="24">
        <v>2078891.0860000004</v>
      </c>
      <c r="G228" s="24">
        <v>2115238.3729999997</v>
      </c>
      <c r="H228" s="24">
        <v>-36347.286999999313</v>
      </c>
    </row>
    <row r="229" spans="1:8">
      <c r="A229" s="20">
        <v>40422</v>
      </c>
      <c r="B229" s="21">
        <v>52150.998</v>
      </c>
      <c r="C229" s="22">
        <v>60380.332000000002</v>
      </c>
      <c r="D229" s="22">
        <v>-8229.3340000000026</v>
      </c>
      <c r="E229" s="19"/>
      <c r="F229" s="24">
        <v>2076505.09</v>
      </c>
      <c r="G229" s="24">
        <v>2115990.716</v>
      </c>
      <c r="H229" s="24">
        <v>-39485.625999999931</v>
      </c>
    </row>
    <row r="230" spans="1:8">
      <c r="A230" s="20">
        <v>40452</v>
      </c>
      <c r="B230" s="21">
        <v>109923.277</v>
      </c>
      <c r="C230" s="22">
        <v>119385.7</v>
      </c>
      <c r="D230" s="22">
        <v>-9462.4229999999952</v>
      </c>
      <c r="E230" s="19"/>
      <c r="F230" s="24">
        <v>2049575.4650000001</v>
      </c>
      <c r="G230" s="24">
        <v>2098679.8639999996</v>
      </c>
      <c r="H230" s="24">
        <v>-49104.39899999951</v>
      </c>
    </row>
    <row r="231" spans="1:8">
      <c r="A231" s="20">
        <v>40483</v>
      </c>
      <c r="B231" s="21">
        <v>208447.24400000001</v>
      </c>
      <c r="C231" s="22">
        <v>205486.693</v>
      </c>
      <c r="D231" s="22">
        <v>2960.5510000000068</v>
      </c>
      <c r="E231" s="19"/>
      <c r="F231" s="24">
        <v>2072512.6240000001</v>
      </c>
      <c r="G231" s="24">
        <v>2121895.2469999995</v>
      </c>
      <c r="H231" s="24">
        <v>-49382.622999999439</v>
      </c>
    </row>
    <row r="232" spans="1:8">
      <c r="A232" s="20">
        <v>40513</v>
      </c>
      <c r="B232" s="21">
        <v>386195.48200000002</v>
      </c>
      <c r="C232" s="22">
        <v>386195.48200000002</v>
      </c>
      <c r="D232" s="22">
        <v>0</v>
      </c>
      <c r="E232" s="19"/>
      <c r="F232" s="24">
        <v>2133508.2439999999</v>
      </c>
      <c r="G232" s="24">
        <v>2178006.8989999997</v>
      </c>
      <c r="H232" s="24">
        <v>-44498.654999999795</v>
      </c>
    </row>
    <row r="233" spans="1:8">
      <c r="A233" s="20">
        <v>40544</v>
      </c>
      <c r="B233" s="21">
        <v>436637.80200000003</v>
      </c>
      <c r="C233" s="22">
        <v>429451.66100000002</v>
      </c>
      <c r="D233" s="22">
        <v>7186.1410000000033</v>
      </c>
      <c r="F233" s="24">
        <v>2141997.1680000001</v>
      </c>
      <c r="G233" s="24">
        <v>2179309.682</v>
      </c>
      <c r="H233" s="24">
        <v>-37312.513999999966</v>
      </c>
    </row>
    <row r="234" spans="1:8">
      <c r="A234" s="20">
        <v>40575</v>
      </c>
      <c r="B234" s="21">
        <v>348131.93900000001</v>
      </c>
      <c r="C234" s="22">
        <v>346452.478</v>
      </c>
      <c r="D234" s="22">
        <v>1679.4610000000102</v>
      </c>
      <c r="F234" s="24">
        <v>2156216.0120000001</v>
      </c>
      <c r="G234" s="24">
        <v>2195090.8369999998</v>
      </c>
      <c r="H234" s="24">
        <v>-38874.824999999721</v>
      </c>
    </row>
    <row r="235" spans="1:8">
      <c r="A235" s="20">
        <v>40603</v>
      </c>
      <c r="B235" s="21">
        <v>322554.78899999999</v>
      </c>
      <c r="C235" s="22">
        <v>311331.772</v>
      </c>
      <c r="D235" s="22">
        <v>11223.016999999993</v>
      </c>
      <c r="F235" s="24">
        <v>2232256.034</v>
      </c>
      <c r="G235" s="24">
        <v>2255398.361</v>
      </c>
      <c r="H235" s="24">
        <v>-23142.327000000048</v>
      </c>
    </row>
    <row r="236" spans="1:8">
      <c r="A236" s="20">
        <v>40634</v>
      </c>
      <c r="B236" s="21">
        <v>176553.769</v>
      </c>
      <c r="C236" s="22">
        <v>189102.33100000001</v>
      </c>
      <c r="D236" s="22">
        <v>-12548.562000000005</v>
      </c>
      <c r="F236" s="24">
        <v>2274873.9029999999</v>
      </c>
      <c r="G236" s="24">
        <v>2305953.8940000003</v>
      </c>
      <c r="H236" s="24">
        <v>-31079.991000000387</v>
      </c>
    </row>
    <row r="237" spans="1:8">
      <c r="A237" s="20">
        <v>40664</v>
      </c>
      <c r="B237" s="21">
        <v>102831.67</v>
      </c>
      <c r="C237" s="22">
        <v>99166.244999999995</v>
      </c>
      <c r="D237" s="22">
        <v>3665.4250000000029</v>
      </c>
      <c r="F237" s="24">
        <v>2304097.8739999998</v>
      </c>
      <c r="G237" s="24">
        <v>2316173.4390000002</v>
      </c>
      <c r="H237" s="24">
        <v>-12075.56500000041</v>
      </c>
    </row>
    <row r="238" spans="1:8">
      <c r="A238" s="20">
        <v>40695</v>
      </c>
      <c r="B238" s="21">
        <v>53971.004999999997</v>
      </c>
      <c r="C238" s="22">
        <v>57041.209000000003</v>
      </c>
      <c r="D238" s="22">
        <v>-3070.2040000000052</v>
      </c>
      <c r="F238" s="24">
        <v>2304511.9109999998</v>
      </c>
      <c r="G238" s="24">
        <v>2316835.8219999997</v>
      </c>
      <c r="H238" s="24">
        <v>-12323.910999999847</v>
      </c>
    </row>
    <row r="239" spans="1:8">
      <c r="A239" s="20">
        <v>40725</v>
      </c>
      <c r="B239" s="21">
        <v>53971.004999999997</v>
      </c>
      <c r="C239" s="22">
        <v>57006.406999999999</v>
      </c>
      <c r="D239" s="22">
        <v>-3035.4020000000019</v>
      </c>
      <c r="F239" s="24">
        <v>2304925.9480000003</v>
      </c>
      <c r="G239" s="24">
        <v>2317355.9339999999</v>
      </c>
      <c r="H239" s="24">
        <v>-12429.985999999568</v>
      </c>
    </row>
    <row r="240" spans="1:8">
      <c r="A240" s="20">
        <v>40756</v>
      </c>
      <c r="B240" s="21">
        <v>53971.004999999997</v>
      </c>
      <c r="C240" s="22">
        <v>57052.81</v>
      </c>
      <c r="D240" s="22">
        <v>-3081.8050000000003</v>
      </c>
      <c r="F240" s="24">
        <v>2305339.9849999999</v>
      </c>
      <c r="G240" s="24">
        <v>2318053.1199999996</v>
      </c>
      <c r="H240" s="24">
        <v>-12713.134999999776</v>
      </c>
    </row>
    <row r="241" spans="1:8">
      <c r="A241" s="20">
        <v>40787</v>
      </c>
      <c r="B241" s="21">
        <v>51390.531999999999</v>
      </c>
      <c r="C241" s="22">
        <v>61087.531000000003</v>
      </c>
      <c r="D241" s="22">
        <v>-9696.9990000000034</v>
      </c>
      <c r="F241" s="24">
        <v>2304579.5190000003</v>
      </c>
      <c r="G241" s="24">
        <v>2318760.3189999997</v>
      </c>
      <c r="H241" s="24">
        <v>-14180.799999999348</v>
      </c>
    </row>
    <row r="242" spans="1:8">
      <c r="A242" s="20">
        <v>40817</v>
      </c>
      <c r="B242" s="21">
        <v>114028.974</v>
      </c>
      <c r="C242" s="22">
        <v>120575.15399999999</v>
      </c>
      <c r="D242" s="22">
        <v>-6546.179999999993</v>
      </c>
      <c r="F242" s="24">
        <v>2308685.216</v>
      </c>
      <c r="G242" s="24">
        <v>2319949.773</v>
      </c>
      <c r="H242" s="24">
        <v>-11264.55700000003</v>
      </c>
    </row>
    <row r="243" spans="1:8">
      <c r="A243" s="20">
        <v>40848</v>
      </c>
      <c r="B243" s="21">
        <v>187680.96100000001</v>
      </c>
      <c r="C243" s="22">
        <v>177090.959</v>
      </c>
      <c r="D243" s="22">
        <v>10590.002000000008</v>
      </c>
      <c r="F243" s="24">
        <v>2287918.9329999997</v>
      </c>
      <c r="G243" s="24">
        <v>2291554.0389999999</v>
      </c>
      <c r="H243" s="24">
        <v>-3635.1060000001453</v>
      </c>
    </row>
    <row r="244" spans="1:8" ht="14.4" thickBot="1">
      <c r="A244" s="25">
        <v>40878</v>
      </c>
      <c r="B244" s="26">
        <v>309457.179</v>
      </c>
      <c r="C244" s="27">
        <v>287148.723</v>
      </c>
      <c r="D244" s="27">
        <v>22308.456000000006</v>
      </c>
      <c r="E244" s="88"/>
      <c r="F244" s="89">
        <v>2211180.6299999994</v>
      </c>
      <c r="G244" s="89">
        <v>2192507.2799999998</v>
      </c>
      <c r="H244" s="89">
        <v>18673.349999999627</v>
      </c>
    </row>
    <row r="245" spans="1:8">
      <c r="D245" s="28"/>
      <c r="E245" s="19"/>
      <c r="F245" s="19"/>
      <c r="G245" s="19"/>
    </row>
    <row r="246" spans="1:8" ht="14.4" thickBot="1">
      <c r="B246" s="19"/>
      <c r="C246" s="19"/>
      <c r="D246" s="19"/>
      <c r="E246" s="19"/>
      <c r="F246" s="19"/>
      <c r="G246" s="19"/>
    </row>
    <row r="247" spans="1:8">
      <c r="A247" s="29" t="s">
        <v>44</v>
      </c>
      <c r="B247" s="29" t="s">
        <v>43</v>
      </c>
      <c r="C247" s="29" t="s">
        <v>40</v>
      </c>
      <c r="D247" s="29" t="s">
        <v>41</v>
      </c>
      <c r="E247" s="29" t="s">
        <v>45</v>
      </c>
      <c r="F247" s="29" t="s">
        <v>46</v>
      </c>
    </row>
    <row r="248" spans="1:8">
      <c r="A248" s="30"/>
      <c r="B248" s="31"/>
      <c r="C248" s="31"/>
      <c r="D248" s="32"/>
      <c r="E248" s="33"/>
      <c r="F248" s="34"/>
    </row>
    <row r="249" spans="1:8">
      <c r="A249" s="30"/>
      <c r="B249" s="35"/>
      <c r="C249" s="35"/>
      <c r="D249" s="32"/>
      <c r="E249" s="33"/>
      <c r="F249" s="34"/>
    </row>
    <row r="250" spans="1:8">
      <c r="A250" s="30"/>
      <c r="B250" s="35"/>
      <c r="C250" s="35"/>
      <c r="D250" s="32"/>
      <c r="E250" s="33"/>
      <c r="F250" s="34"/>
    </row>
    <row r="251" spans="1:8">
      <c r="A251" s="30"/>
      <c r="B251" s="35"/>
      <c r="C251" s="35"/>
      <c r="D251" s="32"/>
      <c r="E251" s="33"/>
      <c r="F251" s="34"/>
    </row>
    <row r="252" spans="1:8">
      <c r="A252" s="30">
        <v>1995</v>
      </c>
      <c r="B252" s="35">
        <v>827585.89899999998</v>
      </c>
      <c r="C252" s="35">
        <v>848956.196</v>
      </c>
      <c r="D252" s="32">
        <v>-21370.29700000002</v>
      </c>
      <c r="E252" s="33">
        <v>21370.29700000002</v>
      </c>
      <c r="F252" s="34">
        <v>2.5172437754373868E-2</v>
      </c>
    </row>
    <row r="253" spans="1:8">
      <c r="A253" s="30">
        <v>1996</v>
      </c>
      <c r="B253" s="35">
        <v>2094810.7010000001</v>
      </c>
      <c r="C253" s="35">
        <v>2141824.5520000001</v>
      </c>
      <c r="D253" s="32">
        <v>-47013.851000000024</v>
      </c>
      <c r="E253" s="33">
        <v>47013.851000000024</v>
      </c>
      <c r="F253" s="34">
        <v>2.195037448613579E-2</v>
      </c>
    </row>
    <row r="254" spans="1:8">
      <c r="A254" s="30">
        <v>1997</v>
      </c>
      <c r="B254" s="35">
        <v>2085405.699</v>
      </c>
      <c r="C254" s="35">
        <v>2125239.8830000004</v>
      </c>
      <c r="D254" s="32">
        <v>-39834.184000000358</v>
      </c>
      <c r="E254" s="33">
        <v>39834.184000000358</v>
      </c>
      <c r="F254" s="34">
        <v>1.8743382485261008E-2</v>
      </c>
    </row>
    <row r="255" spans="1:8">
      <c r="A255" s="30">
        <v>1998</v>
      </c>
      <c r="B255" s="35">
        <v>1758704.6989999998</v>
      </c>
      <c r="C255" s="35">
        <v>1796096.7680000002</v>
      </c>
      <c r="D255" s="32">
        <v>-37392.069000000367</v>
      </c>
      <c r="E255" s="33">
        <v>37392.069000000367</v>
      </c>
      <c r="F255" s="34">
        <v>2.0818515831770797E-2</v>
      </c>
    </row>
    <row r="256" spans="1:8">
      <c r="A256" s="30">
        <v>1999</v>
      </c>
      <c r="B256" s="35">
        <v>1974576.0009999997</v>
      </c>
      <c r="C256" s="35">
        <v>1982760.487</v>
      </c>
      <c r="D256" s="32">
        <v>-8184.4860000002664</v>
      </c>
      <c r="E256" s="33">
        <v>8184.4860000002664</v>
      </c>
      <c r="F256" s="34">
        <v>4.1278238363443168E-3</v>
      </c>
    </row>
    <row r="257" spans="1:6">
      <c r="A257" s="30">
        <v>2000</v>
      </c>
      <c r="B257" s="35">
        <v>2098671.9940000009</v>
      </c>
      <c r="C257" s="35">
        <v>2081265.4019999998</v>
      </c>
      <c r="D257" s="32">
        <v>17406.59200000111</v>
      </c>
      <c r="E257" s="33">
        <v>17406.59200000111</v>
      </c>
      <c r="F257" s="34">
        <v>8.3634657950274766E-3</v>
      </c>
    </row>
    <row r="258" spans="1:6">
      <c r="A258" s="30">
        <v>2001</v>
      </c>
      <c r="B258" s="35">
        <v>1950887.4710000001</v>
      </c>
      <c r="C258" s="35">
        <v>1960193.1409999998</v>
      </c>
      <c r="D258" s="32">
        <v>-9305.6699999996927</v>
      </c>
      <c r="E258" s="33">
        <v>9305.6699999996927</v>
      </c>
      <c r="F258" s="34">
        <v>4.7473230088196155E-3</v>
      </c>
    </row>
    <row r="259" spans="1:6">
      <c r="A259" s="30">
        <v>2002</v>
      </c>
      <c r="B259" s="35">
        <v>2099489.8160000001</v>
      </c>
      <c r="C259" s="35">
        <v>2061937.3760000002</v>
      </c>
      <c r="D259" s="32">
        <v>37552.439999999944</v>
      </c>
      <c r="E259" s="33">
        <v>37552.439999999944</v>
      </c>
      <c r="F259" s="34">
        <v>1.8212211698130615E-2</v>
      </c>
    </row>
    <row r="260" spans="1:6">
      <c r="A260" s="30">
        <v>2003</v>
      </c>
      <c r="B260" s="35">
        <v>2261307.9519999996</v>
      </c>
      <c r="C260" s="35">
        <v>2221863.3559999997</v>
      </c>
      <c r="D260" s="32">
        <v>39444.595999999903</v>
      </c>
      <c r="E260" s="33">
        <v>39444.595999999903</v>
      </c>
      <c r="F260" s="34">
        <v>1.7752935117941567E-2</v>
      </c>
    </row>
    <row r="261" spans="1:6">
      <c r="A261" s="30">
        <v>2004</v>
      </c>
      <c r="B261" s="35">
        <v>2163276.0189999999</v>
      </c>
      <c r="C261" s="35">
        <v>2158990.128</v>
      </c>
      <c r="D261" s="32">
        <v>4285.8909999998286</v>
      </c>
      <c r="E261" s="33">
        <v>4285.8909999998286</v>
      </c>
      <c r="F261" s="34">
        <v>1.9851369139747307E-3</v>
      </c>
    </row>
    <row r="262" spans="1:6">
      <c r="A262" s="30">
        <v>2005</v>
      </c>
      <c r="B262" s="35">
        <v>2215111.8180000004</v>
      </c>
      <c r="C262" s="35">
        <v>2221994.73</v>
      </c>
      <c r="D262" s="32">
        <v>-6882.9119999995455</v>
      </c>
      <c r="E262" s="33">
        <v>6882.9119999995455</v>
      </c>
      <c r="F262" s="34">
        <v>3.0976275087743099E-3</v>
      </c>
    </row>
    <row r="263" spans="1:6">
      <c r="A263" s="30">
        <v>2006</v>
      </c>
      <c r="B263" s="35">
        <v>2000161.8649999998</v>
      </c>
      <c r="C263" s="35">
        <v>1985713.4469999999</v>
      </c>
      <c r="D263" s="32">
        <v>14448.41799999983</v>
      </c>
      <c r="E263" s="33">
        <v>14448.41799999983</v>
      </c>
      <c r="F263" s="34">
        <v>7.2761847998906318E-3</v>
      </c>
    </row>
    <row r="264" spans="1:6">
      <c r="A264" s="30">
        <v>2007</v>
      </c>
      <c r="B264" s="35">
        <v>2212327.6080000005</v>
      </c>
      <c r="C264" s="35">
        <v>2198225.0589999999</v>
      </c>
      <c r="D264" s="32">
        <v>14102.549000000581</v>
      </c>
      <c r="E264" s="33">
        <v>14102.549000000581</v>
      </c>
      <c r="F264" s="34">
        <v>6.415425455306204E-3</v>
      </c>
    </row>
    <row r="265" spans="1:6">
      <c r="A265" s="30">
        <v>2008</v>
      </c>
      <c r="B265" s="35">
        <v>2281670.102</v>
      </c>
      <c r="C265" s="35">
        <v>2315893.094</v>
      </c>
      <c r="D265" s="32">
        <v>-34222.992000000086</v>
      </c>
      <c r="E265" s="33">
        <v>34222.992000000086</v>
      </c>
      <c r="F265" s="34">
        <v>1.4777448962849269E-2</v>
      </c>
    </row>
    <row r="266" spans="1:6">
      <c r="A266" s="30">
        <v>2009</v>
      </c>
      <c r="B266" s="35">
        <v>2216730.6079999995</v>
      </c>
      <c r="C266" s="35">
        <v>2206532.6739999996</v>
      </c>
      <c r="D266" s="32">
        <v>10197.933999999892</v>
      </c>
      <c r="E266" s="33">
        <v>10197.933999999892</v>
      </c>
      <c r="F266" s="34">
        <v>4.6217008794676448E-3</v>
      </c>
    </row>
    <row r="267" spans="1:6">
      <c r="A267" s="30">
        <v>2010</v>
      </c>
      <c r="B267" s="35">
        <v>2133508.2439999999</v>
      </c>
      <c r="C267" s="35">
        <v>2178006.8989999997</v>
      </c>
      <c r="D267" s="32">
        <v>-44498.654999999795</v>
      </c>
      <c r="E267" s="33">
        <v>44498.654999999795</v>
      </c>
      <c r="F267" s="34">
        <v>2.0430906357748777E-2</v>
      </c>
    </row>
    <row r="268" spans="1:6">
      <c r="A268" s="30">
        <v>2011</v>
      </c>
      <c r="B268" s="35">
        <v>2211180.6299999994</v>
      </c>
      <c r="C268" s="35">
        <v>2192507.2799999998</v>
      </c>
      <c r="D268" s="32">
        <v>18673.349999999627</v>
      </c>
      <c r="E268" s="33">
        <v>18673.349999999627</v>
      </c>
      <c r="F268" s="34">
        <v>8.5168930431098171E-3</v>
      </c>
    </row>
    <row r="269" spans="1:6">
      <c r="A269" s="30"/>
      <c r="B269" s="30"/>
      <c r="C269" s="30"/>
      <c r="D269" s="30"/>
      <c r="E269" s="36" t="s">
        <v>47</v>
      </c>
      <c r="F269" s="37">
        <v>1.2177046702054497E-2</v>
      </c>
    </row>
  </sheetData>
  <pageMargins left="0.7" right="0.7" top="0.75" bottom="0.75" header="0.3" footer="0.3"/>
  <pageSetup orientation="portrait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>
  <sheetPr>
    <tabColor theme="6" tint="0.39997558519241921"/>
  </sheetPr>
  <dimension ref="A2:I315"/>
  <sheetViews>
    <sheetView workbookViewId="0">
      <selection activeCell="G21" sqref="G21"/>
    </sheetView>
  </sheetViews>
  <sheetFormatPr defaultRowHeight="13.8"/>
  <cols>
    <col min="1" max="1" width="17.69921875" customWidth="1"/>
    <col min="3" max="3" width="14.3984375" bestFit="1" customWidth="1"/>
    <col min="4" max="4" width="13.3984375" bestFit="1" customWidth="1"/>
    <col min="5" max="6" width="8.8984375" bestFit="1" customWidth="1"/>
    <col min="9" max="9" width="10.59765625" customWidth="1"/>
  </cols>
  <sheetData>
    <row r="2" spans="1:8">
      <c r="A2" s="1" t="s">
        <v>48</v>
      </c>
    </row>
    <row r="3" spans="1:8" ht="14.4" thickBot="1"/>
    <row r="4" spans="1:8">
      <c r="A4" s="2" t="s">
        <v>0</v>
      </c>
      <c r="B4" s="2"/>
      <c r="E4" s="96" t="s">
        <v>222</v>
      </c>
      <c r="F4" s="95"/>
      <c r="G4" s="95"/>
      <c r="H4" s="95"/>
    </row>
    <row r="5" spans="1:8">
      <c r="A5" s="3" t="s">
        <v>1</v>
      </c>
      <c r="B5" s="4">
        <v>0.99640883305334238</v>
      </c>
      <c r="E5" s="95"/>
      <c r="F5" s="95"/>
      <c r="G5" s="95"/>
      <c r="H5" s="95"/>
    </row>
    <row r="6" spans="1:8">
      <c r="A6" s="3" t="s">
        <v>2</v>
      </c>
      <c r="B6" s="4">
        <v>0.99283056258672353</v>
      </c>
      <c r="E6" s="97" t="s">
        <v>219</v>
      </c>
      <c r="F6" s="94"/>
      <c r="G6" s="94"/>
      <c r="H6" s="94"/>
    </row>
    <row r="7" spans="1:8">
      <c r="A7" s="3" t="s">
        <v>3</v>
      </c>
      <c r="B7" s="4">
        <v>0.99240705151589714</v>
      </c>
      <c r="E7" s="97" t="s">
        <v>220</v>
      </c>
      <c r="F7" s="94"/>
      <c r="G7" s="94"/>
      <c r="H7" s="94"/>
    </row>
    <row r="8" spans="1:8">
      <c r="A8" s="3" t="s">
        <v>4</v>
      </c>
      <c r="B8" s="5">
        <v>88.109377727409324</v>
      </c>
      <c r="E8" s="97" t="s">
        <v>221</v>
      </c>
      <c r="F8" s="94"/>
      <c r="G8" s="94"/>
      <c r="H8" s="94"/>
    </row>
    <row r="9" spans="1:8" ht="14.4" thickBot="1">
      <c r="A9" s="6" t="s">
        <v>5</v>
      </c>
      <c r="B9" s="7">
        <v>252</v>
      </c>
      <c r="C9" s="8" t="s">
        <v>6</v>
      </c>
    </row>
    <row r="11" spans="1:8" ht="14.4" thickBot="1">
      <c r="A11" t="s">
        <v>7</v>
      </c>
    </row>
    <row r="12" spans="1:8">
      <c r="A12" s="9"/>
      <c r="B12" s="9" t="s">
        <v>8</v>
      </c>
      <c r="C12" s="9" t="s">
        <v>9</v>
      </c>
      <c r="D12" s="9" t="s">
        <v>10</v>
      </c>
      <c r="E12" s="9" t="s">
        <v>11</v>
      </c>
      <c r="F12" s="9" t="s">
        <v>12</v>
      </c>
      <c r="G12" s="9" t="s">
        <v>13</v>
      </c>
    </row>
    <row r="13" spans="1:8">
      <c r="A13" s="3" t="s">
        <v>14</v>
      </c>
      <c r="B13" s="10">
        <v>14</v>
      </c>
      <c r="C13" s="11">
        <v>254790173.15798402</v>
      </c>
      <c r="D13" s="11">
        <v>18199298.082713146</v>
      </c>
      <c r="E13" s="11">
        <v>2344.2847920109311</v>
      </c>
      <c r="F13" s="12">
        <v>3.288222261664901E-245</v>
      </c>
      <c r="G13" s="13">
        <v>1.69</v>
      </c>
    </row>
    <row r="14" spans="1:8">
      <c r="A14" s="3" t="s">
        <v>15</v>
      </c>
      <c r="B14" s="10">
        <v>237</v>
      </c>
      <c r="C14" s="11">
        <v>1839893.1991121767</v>
      </c>
      <c r="D14" s="11">
        <v>7763.2624435112939</v>
      </c>
      <c r="E14" s="11"/>
      <c r="F14" s="12"/>
    </row>
    <row r="15" spans="1:8" ht="14.4" thickBot="1">
      <c r="A15" s="6" t="s">
        <v>16</v>
      </c>
      <c r="B15" s="7">
        <v>251</v>
      </c>
      <c r="C15" s="14">
        <v>256630066.3570962</v>
      </c>
      <c r="D15" s="14"/>
      <c r="E15" s="14"/>
      <c r="F15" s="15"/>
    </row>
    <row r="16" spans="1:8" ht="14.4" thickBot="1"/>
    <row r="17" spans="1:9">
      <c r="A17" s="9"/>
      <c r="B17" s="9" t="s">
        <v>17</v>
      </c>
      <c r="C17" s="9" t="s">
        <v>18</v>
      </c>
      <c r="D17" s="9" t="s">
        <v>19</v>
      </c>
      <c r="E17" s="9" t="s">
        <v>20</v>
      </c>
      <c r="F17" s="9" t="s">
        <v>21</v>
      </c>
      <c r="G17" s="9" t="s">
        <v>22</v>
      </c>
    </row>
    <row r="18" spans="1:9">
      <c r="A18" s="3" t="s">
        <v>23</v>
      </c>
      <c r="B18" s="5">
        <v>781.52795398854323</v>
      </c>
      <c r="C18" s="5">
        <v>53.853187719416226</v>
      </c>
      <c r="D18" s="5">
        <v>14.512194859484078</v>
      </c>
      <c r="E18" s="4">
        <v>1.4209142871588809E-34</v>
      </c>
      <c r="F18" s="5">
        <v>675.43588403733077</v>
      </c>
      <c r="G18" s="5">
        <v>887.6200239397557</v>
      </c>
      <c r="H18" s="21"/>
      <c r="I18" s="21"/>
    </row>
    <row r="19" spans="1:9">
      <c r="A19" s="3" t="s">
        <v>24</v>
      </c>
      <c r="B19" s="5">
        <v>3.7418108444621967</v>
      </c>
      <c r="C19" s="5">
        <v>3.0590605172842612E-2</v>
      </c>
      <c r="D19" s="5">
        <v>122.31895457184548</v>
      </c>
      <c r="E19" s="4">
        <v>3.8048697140794471E-216</v>
      </c>
      <c r="F19" s="5">
        <v>3.6815466194221433</v>
      </c>
      <c r="G19" s="5">
        <v>3.80207506950225</v>
      </c>
      <c r="H19" s="21"/>
      <c r="I19" s="21"/>
    </row>
    <row r="20" spans="1:9">
      <c r="A20" s="3" t="s">
        <v>25</v>
      </c>
      <c r="B20" s="5">
        <v>3.7469529526365402</v>
      </c>
      <c r="C20" s="5">
        <v>3.5060881031737337E-2</v>
      </c>
      <c r="D20" s="5">
        <v>106.86990293383597</v>
      </c>
      <c r="E20" s="4">
        <v>1.7001267857193731E-202</v>
      </c>
      <c r="F20" s="5">
        <v>3.6778821770614645</v>
      </c>
      <c r="G20" s="5">
        <v>3.8160237282116158</v>
      </c>
      <c r="H20" s="21"/>
      <c r="I20" s="21"/>
    </row>
    <row r="21" spans="1:9">
      <c r="A21" s="3" t="s">
        <v>26</v>
      </c>
      <c r="B21" s="5">
        <v>3.7277718343638195</v>
      </c>
      <c r="C21" s="5">
        <v>4.0677930305802211E-2</v>
      </c>
      <c r="D21" s="5">
        <v>91.64113823736254</v>
      </c>
      <c r="E21" s="4">
        <v>4.787467025331676E-187</v>
      </c>
      <c r="F21" s="5">
        <v>3.6476353371529449</v>
      </c>
      <c r="G21" s="5">
        <v>3.8079083315746942</v>
      </c>
      <c r="H21" s="21"/>
      <c r="I21" s="21"/>
    </row>
    <row r="22" spans="1:9">
      <c r="A22" s="3" t="s">
        <v>27</v>
      </c>
      <c r="B22" s="5">
        <v>3.4370504369925241</v>
      </c>
      <c r="C22" s="5">
        <v>6.8872444969045155E-2</v>
      </c>
      <c r="D22" s="5">
        <v>49.904579959914486</v>
      </c>
      <c r="E22" s="4">
        <v>1.0089047467198683E-127</v>
      </c>
      <c r="F22" s="5">
        <v>3.3013700704478977</v>
      </c>
      <c r="G22" s="5">
        <v>3.5727308035371506</v>
      </c>
      <c r="H22" s="21"/>
      <c r="I22" s="21"/>
    </row>
    <row r="23" spans="1:9">
      <c r="A23" s="3" t="s">
        <v>28</v>
      </c>
      <c r="B23" s="5">
        <v>2.8311762739851352</v>
      </c>
      <c r="C23" s="5">
        <v>0.13354595113363552</v>
      </c>
      <c r="D23" s="5">
        <v>21.200015799446142</v>
      </c>
      <c r="E23" s="4">
        <v>1.189440691042981E-56</v>
      </c>
      <c r="F23" s="5">
        <v>2.568087550933321</v>
      </c>
      <c r="G23" s="5">
        <v>3.0942649970369493</v>
      </c>
      <c r="H23" s="21"/>
      <c r="I23" s="21"/>
    </row>
    <row r="24" spans="1:9">
      <c r="A24" s="3" t="s">
        <v>29</v>
      </c>
      <c r="B24" s="5">
        <v>1.0198740053756377</v>
      </c>
      <c r="C24" s="5">
        <v>0.25731620506862951</v>
      </c>
      <c r="D24" s="5">
        <v>3.9635047668436751</v>
      </c>
      <c r="E24" s="4">
        <v>9.7797068373111086E-5</v>
      </c>
      <c r="F24" s="5">
        <v>0.51295491694665096</v>
      </c>
      <c r="G24" s="5">
        <v>1.5267930938046244</v>
      </c>
      <c r="H24" s="21"/>
      <c r="I24" s="21"/>
    </row>
    <row r="25" spans="1:9">
      <c r="A25" s="3" t="s">
        <v>30</v>
      </c>
      <c r="B25" s="5">
        <v>2.8409148517229772</v>
      </c>
      <c r="C25" s="5">
        <v>8.6809037689539556E-2</v>
      </c>
      <c r="D25" s="5">
        <v>32.726026314024054</v>
      </c>
      <c r="E25" s="4">
        <v>7.0317054971113295E-90</v>
      </c>
      <c r="F25" s="5">
        <v>2.6698989678176388</v>
      </c>
      <c r="G25" s="5">
        <v>3.0119307356283156</v>
      </c>
      <c r="H25" s="21"/>
      <c r="I25" s="21"/>
    </row>
    <row r="26" spans="1:9">
      <c r="A26" s="3" t="s">
        <v>31</v>
      </c>
      <c r="B26" s="5">
        <v>3.4450884219441393</v>
      </c>
      <c r="C26" s="5">
        <v>8.0548984423586989E-2</v>
      </c>
      <c r="D26" s="5">
        <v>42.770103764775975</v>
      </c>
      <c r="E26" s="4">
        <v>1.9863007507884913E-113</v>
      </c>
      <c r="F26" s="5">
        <v>3.2864049929428645</v>
      </c>
      <c r="G26" s="5">
        <v>3.6037718509454142</v>
      </c>
      <c r="H26" s="21"/>
      <c r="I26" s="21"/>
    </row>
    <row r="27" spans="1:9">
      <c r="A27" s="3" t="s">
        <v>32</v>
      </c>
      <c r="B27" s="5">
        <v>3.3617755233400537</v>
      </c>
      <c r="C27" s="5">
        <v>0.13900867563428859</v>
      </c>
      <c r="D27" s="5">
        <v>24.183925988795053</v>
      </c>
      <c r="E27" s="4">
        <v>6.1835686657986434E-66</v>
      </c>
      <c r="F27" s="5">
        <v>3.087925102153172</v>
      </c>
      <c r="G27" s="5">
        <v>3.6356259445269354</v>
      </c>
      <c r="H27" s="21"/>
      <c r="I27" s="21"/>
    </row>
    <row r="28" spans="1:9">
      <c r="A28" s="3" t="s">
        <v>33</v>
      </c>
      <c r="B28" s="5">
        <v>0.77621814090316088</v>
      </c>
      <c r="C28" s="5">
        <v>0.33174866446155438</v>
      </c>
      <c r="D28" s="5">
        <v>2.3397777415713308</v>
      </c>
      <c r="E28" s="4">
        <v>2.0126334900157066E-2</v>
      </c>
      <c r="F28" s="5">
        <v>0.12266532431497934</v>
      </c>
      <c r="G28" s="5">
        <v>1.4297709574913424</v>
      </c>
      <c r="H28" s="21"/>
      <c r="I28" s="21"/>
    </row>
    <row r="29" spans="1:9">
      <c r="A29" s="3" t="s">
        <v>34</v>
      </c>
      <c r="B29" s="5">
        <v>-1.6580849405042868</v>
      </c>
      <c r="C29" s="5">
        <v>0.19050148988759871</v>
      </c>
      <c r="D29" s="5">
        <v>-8.703789883651849</v>
      </c>
      <c r="E29" s="4">
        <v>5.5246798722726125E-16</v>
      </c>
      <c r="F29" s="5">
        <v>-2.033377439367424</v>
      </c>
      <c r="G29" s="5">
        <v>-1.2827924416411498</v>
      </c>
      <c r="H29" s="21"/>
      <c r="I29" s="21"/>
    </row>
    <row r="30" spans="1:9">
      <c r="A30" s="3" t="s">
        <v>35</v>
      </c>
      <c r="B30" s="5">
        <v>-53.891791569274069</v>
      </c>
      <c r="C30" s="5">
        <v>23.216434856115406</v>
      </c>
      <c r="D30" s="5">
        <v>-2.321277659695391</v>
      </c>
      <c r="E30" s="4">
        <v>2.1120980713313749E-2</v>
      </c>
      <c r="F30" s="5">
        <v>-99.628724424684677</v>
      </c>
      <c r="G30" s="5">
        <v>-8.1548587138634616</v>
      </c>
      <c r="H30" s="21"/>
      <c r="I30" s="21"/>
    </row>
    <row r="31" spans="1:9">
      <c r="A31" s="3" t="s">
        <v>36</v>
      </c>
      <c r="B31" s="5">
        <v>599.08987076377753</v>
      </c>
      <c r="C31" s="5">
        <v>90.049476472372959</v>
      </c>
      <c r="D31" s="5">
        <v>6.6528967655639555</v>
      </c>
      <c r="E31" s="4">
        <v>1.9706307281046327E-10</v>
      </c>
      <c r="F31" s="5">
        <v>421.69024482607983</v>
      </c>
      <c r="G31" s="5">
        <v>776.48949670147522</v>
      </c>
      <c r="H31" s="21"/>
      <c r="I31" s="21"/>
    </row>
    <row r="32" spans="1:9" ht="14.4" thickBot="1">
      <c r="A32" s="6" t="s">
        <v>37</v>
      </c>
      <c r="B32" s="16">
        <v>-543.85172305247943</v>
      </c>
      <c r="C32" s="16">
        <v>91.156431028167844</v>
      </c>
      <c r="D32" s="16">
        <v>-5.966136639162916</v>
      </c>
      <c r="E32" s="17">
        <v>8.7834188408150761E-9</v>
      </c>
      <c r="F32" s="16">
        <v>-723.43207598405684</v>
      </c>
      <c r="G32" s="16">
        <v>-364.27137012090196</v>
      </c>
      <c r="H32" s="21"/>
      <c r="I32" s="21"/>
    </row>
    <row r="36" spans="1:8">
      <c r="A36" t="s">
        <v>38</v>
      </c>
    </row>
    <row r="37" spans="1:8" ht="14.4" thickBot="1"/>
    <row r="38" spans="1:8">
      <c r="A38" s="9" t="s">
        <v>39</v>
      </c>
      <c r="B38" s="18" t="s">
        <v>43</v>
      </c>
      <c r="C38" s="18" t="s">
        <v>40</v>
      </c>
      <c r="D38" s="18" t="s">
        <v>41</v>
      </c>
      <c r="E38" s="19"/>
    </row>
    <row r="39" spans="1:8">
      <c r="A39" s="20">
        <v>33239</v>
      </c>
      <c r="B39" s="21">
        <v>3468.3661016949159</v>
      </c>
      <c r="C39" s="22">
        <v>3312.0586390485551</v>
      </c>
      <c r="D39" s="22">
        <v>156.30746264636082</v>
      </c>
      <c r="E39" s="19"/>
      <c r="F39" s="19"/>
      <c r="G39" s="19"/>
      <c r="H39" s="19"/>
    </row>
    <row r="40" spans="1:8">
      <c r="A40" s="20">
        <v>33270</v>
      </c>
      <c r="B40" s="21">
        <v>2830.0297395434159</v>
      </c>
      <c r="C40" s="22">
        <v>2665.2077522195441</v>
      </c>
      <c r="D40" s="22">
        <v>164.82198732387178</v>
      </c>
      <c r="E40" s="19"/>
      <c r="F40" s="19"/>
      <c r="G40" s="19"/>
      <c r="H40" s="19"/>
    </row>
    <row r="41" spans="1:8">
      <c r="A41" s="20">
        <v>33298</v>
      </c>
      <c r="B41" s="21">
        <v>2569.7571514604033</v>
      </c>
      <c r="C41" s="22">
        <v>2414.5690948175775</v>
      </c>
      <c r="D41" s="22">
        <v>155.18805664282581</v>
      </c>
      <c r="E41" s="19"/>
      <c r="F41" s="19"/>
      <c r="G41" s="19"/>
      <c r="H41" s="19"/>
    </row>
    <row r="42" spans="1:8">
      <c r="A42" s="20">
        <v>33329</v>
      </c>
      <c r="B42" s="21">
        <v>1518.0735792672208</v>
      </c>
      <c r="C42" s="22">
        <v>1506.8541543320612</v>
      </c>
      <c r="D42" s="22">
        <v>11.219424935159623</v>
      </c>
      <c r="E42" s="19"/>
      <c r="F42" s="19"/>
      <c r="G42" s="19"/>
      <c r="H42" s="19"/>
    </row>
    <row r="43" spans="1:8">
      <c r="A43" s="20">
        <v>33359</v>
      </c>
      <c r="B43" s="21">
        <v>777.98929032584761</v>
      </c>
      <c r="C43" s="22">
        <v>840.57789702452487</v>
      </c>
      <c r="D43" s="22">
        <v>-62.588606698677268</v>
      </c>
      <c r="E43" s="19"/>
      <c r="F43" s="19"/>
      <c r="G43" s="19"/>
      <c r="H43" s="19"/>
    </row>
    <row r="44" spans="1:8">
      <c r="A44" s="20">
        <v>33390</v>
      </c>
      <c r="B44" s="21">
        <v>476.6296658852624</v>
      </c>
      <c r="C44" s="22">
        <v>553.537243666319</v>
      </c>
      <c r="D44" s="22">
        <v>-76.907577781056602</v>
      </c>
      <c r="E44" s="19"/>
      <c r="F44" s="19"/>
      <c r="G44" s="19"/>
      <c r="H44" s="19"/>
    </row>
    <row r="45" spans="1:8">
      <c r="A45" s="20">
        <v>33420</v>
      </c>
      <c r="B45" s="21">
        <v>376.78499009289521</v>
      </c>
      <c r="C45" s="22">
        <v>551.8791587258147</v>
      </c>
      <c r="D45" s="22">
        <v>-175.09416863291949</v>
      </c>
      <c r="E45" s="19"/>
      <c r="F45" s="19"/>
      <c r="G45" s="19"/>
      <c r="H45" s="19"/>
    </row>
    <row r="46" spans="1:8">
      <c r="A46" s="20">
        <v>33451</v>
      </c>
      <c r="B46" s="21">
        <v>511.81420171867933</v>
      </c>
      <c r="C46" s="22">
        <v>550.22107378531041</v>
      </c>
      <c r="D46" s="22">
        <v>-38.406872066631081</v>
      </c>
      <c r="E46" s="19"/>
      <c r="F46" s="19"/>
      <c r="G46" s="19"/>
      <c r="H46" s="19"/>
    </row>
    <row r="47" spans="1:8">
      <c r="A47" s="20">
        <v>33482</v>
      </c>
      <c r="B47" s="21">
        <v>570.86130671412729</v>
      </c>
      <c r="C47" s="22">
        <v>669.11209628020652</v>
      </c>
      <c r="D47" s="22">
        <v>-98.25078956607922</v>
      </c>
      <c r="E47" s="19"/>
      <c r="F47" s="19"/>
      <c r="G47" s="19"/>
      <c r="H47" s="19"/>
    </row>
    <row r="48" spans="1:8" ht="14.4" thickBot="1">
      <c r="A48" s="20">
        <v>33512</v>
      </c>
      <c r="B48" s="21">
        <v>1362.6762889229196</v>
      </c>
      <c r="C48" s="22">
        <v>1205.0750807318084</v>
      </c>
      <c r="D48" s="22">
        <v>157.60120819111125</v>
      </c>
      <c r="E48" s="19"/>
      <c r="F48" s="1" t="s">
        <v>42</v>
      </c>
    </row>
    <row r="49" spans="1:8">
      <c r="A49" s="20">
        <v>33543</v>
      </c>
      <c r="B49" s="21">
        <v>2141.3248900062858</v>
      </c>
      <c r="C49" s="22">
        <v>2252.3977642681584</v>
      </c>
      <c r="D49" s="22">
        <v>-111.07287426187258</v>
      </c>
      <c r="E49" s="19"/>
      <c r="F49" s="23" t="s">
        <v>43</v>
      </c>
      <c r="G49" s="23" t="s">
        <v>40</v>
      </c>
      <c r="H49" s="23" t="s">
        <v>41</v>
      </c>
    </row>
    <row r="50" spans="1:8">
      <c r="A50" s="20">
        <v>33573</v>
      </c>
      <c r="B50" s="21">
        <v>2941.8637077279641</v>
      </c>
      <c r="C50" s="22">
        <v>2792.1193397796724</v>
      </c>
      <c r="D50" s="22">
        <v>149.74436794829171</v>
      </c>
      <c r="E50" s="19"/>
      <c r="F50" s="24">
        <v>19546.170913359936</v>
      </c>
      <c r="G50" s="24">
        <v>19313.609294679554</v>
      </c>
      <c r="H50" s="24">
        <v>232.5616186803818</v>
      </c>
    </row>
    <row r="51" spans="1:8">
      <c r="A51" s="20">
        <v>33604</v>
      </c>
      <c r="B51" s="21">
        <v>3199.4437903485123</v>
      </c>
      <c r="C51" s="22">
        <v>3073.2656853614649</v>
      </c>
      <c r="D51" s="22">
        <v>126.17810498704739</v>
      </c>
      <c r="E51" s="19"/>
      <c r="F51" s="24">
        <v>19277.248602013533</v>
      </c>
      <c r="G51" s="24">
        <v>19074.816340992464</v>
      </c>
      <c r="H51" s="24">
        <v>202.43226102106928</v>
      </c>
    </row>
    <row r="52" spans="1:8">
      <c r="A52" s="20">
        <v>33635</v>
      </c>
      <c r="B52" s="21">
        <v>2951.8619652694761</v>
      </c>
      <c r="C52" s="22">
        <v>2873.1254724537948</v>
      </c>
      <c r="D52" s="22">
        <v>78.736492815681231</v>
      </c>
      <c r="E52" s="19"/>
      <c r="F52" s="24">
        <v>19399.080827739592</v>
      </c>
      <c r="G52" s="24">
        <v>19282.734061226714</v>
      </c>
      <c r="H52" s="24">
        <v>116.34676651287737</v>
      </c>
    </row>
    <row r="53" spans="1:8">
      <c r="A53" s="20">
        <v>33664</v>
      </c>
      <c r="B53" s="21">
        <v>2857.1118093387608</v>
      </c>
      <c r="C53" s="22">
        <v>2680.5921752272311</v>
      </c>
      <c r="D53" s="22">
        <v>176.51963411152974</v>
      </c>
      <c r="E53" s="19"/>
      <c r="F53" s="24">
        <v>19686.435485617949</v>
      </c>
      <c r="G53" s="24">
        <v>19548.757141636364</v>
      </c>
      <c r="H53" s="24">
        <v>137.67834398158448</v>
      </c>
    </row>
    <row r="54" spans="1:8">
      <c r="A54" s="20">
        <v>33695</v>
      </c>
      <c r="B54" s="21">
        <v>1854.1592760069491</v>
      </c>
      <c r="C54" s="22">
        <v>1829.9747686578633</v>
      </c>
      <c r="D54" s="22">
        <v>24.184507349085834</v>
      </c>
      <c r="E54" s="19"/>
      <c r="F54" s="24">
        <v>20022.521182357679</v>
      </c>
      <c r="G54" s="24">
        <v>19871.877755962167</v>
      </c>
      <c r="H54" s="24">
        <v>150.64342639551251</v>
      </c>
    </row>
    <row r="55" spans="1:8">
      <c r="A55" s="20">
        <v>33725</v>
      </c>
      <c r="B55" s="21">
        <v>938.31430661822128</v>
      </c>
      <c r="C55" s="22">
        <v>1011.2190409776729</v>
      </c>
      <c r="D55" s="22">
        <v>-72.904734359451595</v>
      </c>
      <c r="E55" s="19"/>
      <c r="F55" s="24">
        <v>20182.846198650052</v>
      </c>
      <c r="G55" s="24">
        <v>20042.518899915314</v>
      </c>
      <c r="H55" s="24">
        <v>140.32729873473727</v>
      </c>
    </row>
    <row r="56" spans="1:8">
      <c r="A56" s="20">
        <v>33756</v>
      </c>
      <c r="B56" s="21">
        <v>444.06601650412591</v>
      </c>
      <c r="C56" s="22">
        <v>533.64022438026757</v>
      </c>
      <c r="D56" s="22">
        <v>-89.574207876141656</v>
      </c>
      <c r="E56" s="19"/>
      <c r="F56" s="24">
        <v>20150.282549268915</v>
      </c>
      <c r="G56" s="24">
        <v>20022.621880629264</v>
      </c>
      <c r="H56" s="24">
        <v>127.6606686396517</v>
      </c>
    </row>
    <row r="57" spans="1:8">
      <c r="A57" s="20">
        <v>33786</v>
      </c>
      <c r="B57" s="21">
        <v>396.98405968496803</v>
      </c>
      <c r="C57" s="22">
        <v>531.98213943976327</v>
      </c>
      <c r="D57" s="22">
        <v>-134.99807975479524</v>
      </c>
      <c r="E57" s="19"/>
      <c r="F57" s="24">
        <v>20170.481618860991</v>
      </c>
      <c r="G57" s="24">
        <v>20002.724861343213</v>
      </c>
      <c r="H57" s="24">
        <v>167.75675751777817</v>
      </c>
    </row>
    <row r="58" spans="1:8">
      <c r="A58" s="20">
        <v>33817</v>
      </c>
      <c r="B58" s="21">
        <v>532.84836813298193</v>
      </c>
      <c r="C58" s="22">
        <v>530.32405449925898</v>
      </c>
      <c r="D58" s="22">
        <v>2.5243136337229544</v>
      </c>
      <c r="E58" s="19"/>
      <c r="F58" s="24">
        <v>20191.515785275293</v>
      </c>
      <c r="G58" s="24">
        <v>19982.827842057162</v>
      </c>
      <c r="H58" s="24">
        <v>208.68794321813039</v>
      </c>
    </row>
    <row r="59" spans="1:8">
      <c r="A59" s="20">
        <v>33848</v>
      </c>
      <c r="B59" s="21">
        <v>599.87032620354591</v>
      </c>
      <c r="C59" s="22">
        <v>640.03621094577431</v>
      </c>
      <c r="D59" s="22">
        <v>-40.1658847422284</v>
      </c>
      <c r="E59" s="19"/>
      <c r="F59" s="24">
        <v>20220.524804764711</v>
      </c>
      <c r="G59" s="24">
        <v>19953.751956722732</v>
      </c>
      <c r="H59" s="24">
        <v>266.77284804197916</v>
      </c>
    </row>
    <row r="60" spans="1:8">
      <c r="A60" s="20">
        <v>33878</v>
      </c>
      <c r="B60" s="21">
        <v>1374.4589487591768</v>
      </c>
      <c r="C60" s="22">
        <v>1452.0676838198856</v>
      </c>
      <c r="D60" s="22">
        <v>-77.608735060708796</v>
      </c>
      <c r="E60" s="19"/>
      <c r="F60" s="24">
        <v>20232.307464600966</v>
      </c>
      <c r="G60" s="24">
        <v>20200.744559810802</v>
      </c>
      <c r="H60" s="24">
        <v>31.562904790163884</v>
      </c>
    </row>
    <row r="61" spans="1:8">
      <c r="A61" s="20">
        <v>33909</v>
      </c>
      <c r="B61" s="21">
        <v>2113.0115155607391</v>
      </c>
      <c r="C61" s="22">
        <v>2150.0673452734013</v>
      </c>
      <c r="D61" s="22">
        <v>-37.055829712662216</v>
      </c>
      <c r="E61" s="19"/>
      <c r="F61" s="24">
        <v>20203.994090155422</v>
      </c>
      <c r="G61" s="24">
        <v>20098.41414081605</v>
      </c>
      <c r="H61" s="24">
        <v>105.57994933937152</v>
      </c>
    </row>
    <row r="62" spans="1:8">
      <c r="A62" s="20">
        <v>33939</v>
      </c>
      <c r="B62" s="21">
        <v>3045.9940692488117</v>
      </c>
      <c r="C62" s="22">
        <v>2792.2735402066664</v>
      </c>
      <c r="D62" s="22">
        <v>253.72052904214524</v>
      </c>
      <c r="E62" s="19"/>
      <c r="F62" s="24">
        <v>20308.124451676271</v>
      </c>
      <c r="G62" s="24">
        <v>20098.568341243044</v>
      </c>
      <c r="H62" s="24">
        <v>209.55611043322642</v>
      </c>
    </row>
    <row r="63" spans="1:8">
      <c r="A63" s="20">
        <v>33970</v>
      </c>
      <c r="B63" s="21">
        <v>3198.076018307188</v>
      </c>
      <c r="C63" s="22">
        <v>3013.3312900396677</v>
      </c>
      <c r="D63" s="22">
        <v>184.74472826752026</v>
      </c>
      <c r="E63" s="19"/>
      <c r="F63" s="24">
        <v>20306.756679634946</v>
      </c>
      <c r="G63" s="24">
        <v>20038.633945921243</v>
      </c>
      <c r="H63" s="24">
        <v>268.12273371370247</v>
      </c>
    </row>
    <row r="64" spans="1:8">
      <c r="A64" s="20">
        <v>34001</v>
      </c>
      <c r="B64" s="21">
        <v>3309.1357045736218</v>
      </c>
      <c r="C64" s="22">
        <v>3199.0722106960957</v>
      </c>
      <c r="D64" s="22">
        <v>110.06349387752607</v>
      </c>
      <c r="E64" s="19"/>
      <c r="F64" s="24">
        <v>20664.030418939092</v>
      </c>
      <c r="G64" s="24">
        <v>20364.580684163549</v>
      </c>
      <c r="H64" s="24">
        <v>299.44973477554231</v>
      </c>
    </row>
    <row r="65" spans="1:8">
      <c r="A65" s="20">
        <v>34029</v>
      </c>
      <c r="B65" s="21">
        <v>2782.4927218225416</v>
      </c>
      <c r="C65" s="22">
        <v>2826.953779753806</v>
      </c>
      <c r="D65" s="22">
        <v>-44.461057931264349</v>
      </c>
      <c r="E65" s="19"/>
      <c r="F65" s="24">
        <v>20589.411331422871</v>
      </c>
      <c r="G65" s="24">
        <v>20510.942288690123</v>
      </c>
      <c r="H65" s="24">
        <v>78.469042732747766</v>
      </c>
    </row>
    <row r="66" spans="1:8">
      <c r="A66" s="20">
        <v>34060</v>
      </c>
      <c r="B66" s="21">
        <v>1682.3361356648736</v>
      </c>
      <c r="C66" s="22">
        <v>1695.9676748636605</v>
      </c>
      <c r="D66" s="22">
        <v>-13.631539198786868</v>
      </c>
      <c r="E66" s="19"/>
      <c r="F66" s="24">
        <v>20417.588191080798</v>
      </c>
      <c r="G66" s="24">
        <v>20376.935194895919</v>
      </c>
      <c r="H66" s="24">
        <v>40.652996184879157</v>
      </c>
    </row>
    <row r="67" spans="1:8">
      <c r="A67" s="20">
        <v>34090</v>
      </c>
      <c r="B67" s="21">
        <v>871.19139681005322</v>
      </c>
      <c r="C67" s="22">
        <v>988.49084541763636</v>
      </c>
      <c r="D67" s="22">
        <v>-117.29944860758314</v>
      </c>
      <c r="E67" s="19"/>
      <c r="F67" s="24">
        <v>20350.465281272627</v>
      </c>
      <c r="G67" s="24">
        <v>20354.206999335885</v>
      </c>
      <c r="H67" s="24">
        <v>-3.741718063258304</v>
      </c>
    </row>
    <row r="68" spans="1:8">
      <c r="A68" s="20">
        <v>34121</v>
      </c>
      <c r="B68" s="21">
        <v>445.24676540687778</v>
      </c>
      <c r="C68" s="22">
        <v>513.74320509421614</v>
      </c>
      <c r="D68" s="22">
        <v>-68.496439687338352</v>
      </c>
      <c r="E68" s="19"/>
      <c r="F68" s="24">
        <v>20351.64603017538</v>
      </c>
      <c r="G68" s="24">
        <v>20334.309980049831</v>
      </c>
      <c r="H68" s="24">
        <v>17.336050125548354</v>
      </c>
    </row>
    <row r="69" spans="1:8">
      <c r="A69" s="20">
        <v>34151</v>
      </c>
      <c r="B69" s="21">
        <v>342.47135846886204</v>
      </c>
      <c r="C69" s="22">
        <v>512.08512015371184</v>
      </c>
      <c r="D69" s="22">
        <v>-169.61376168484981</v>
      </c>
      <c r="E69" s="19"/>
      <c r="F69" s="24">
        <v>20297.133328959273</v>
      </c>
      <c r="G69" s="24">
        <v>20314.412960763781</v>
      </c>
      <c r="H69" s="24">
        <v>-17.279631804507517</v>
      </c>
    </row>
    <row r="70" spans="1:8">
      <c r="A70" s="20">
        <v>34182</v>
      </c>
      <c r="B70" s="21">
        <v>466.87717912970527</v>
      </c>
      <c r="C70" s="22">
        <v>510.4270352132076</v>
      </c>
      <c r="D70" s="22">
        <v>-43.549856083502334</v>
      </c>
      <c r="E70" s="19"/>
      <c r="F70" s="24">
        <v>20231.162139955995</v>
      </c>
      <c r="G70" s="24">
        <v>20294.51594147773</v>
      </c>
      <c r="H70" s="24">
        <v>-63.353801521734567</v>
      </c>
    </row>
    <row r="71" spans="1:8">
      <c r="A71" s="20">
        <v>34213</v>
      </c>
      <c r="B71" s="21">
        <v>617.53528700757295</v>
      </c>
      <c r="C71" s="22">
        <v>654.61093304141946</v>
      </c>
      <c r="D71" s="22">
        <v>-37.07564603384651</v>
      </c>
      <c r="E71" s="19"/>
      <c r="F71" s="24">
        <v>20248.827100760023</v>
      </c>
      <c r="G71" s="24">
        <v>20309.090663573374</v>
      </c>
      <c r="H71" s="24">
        <v>-60.263562813350291</v>
      </c>
    </row>
    <row r="72" spans="1:8">
      <c r="A72" s="20">
        <v>34243</v>
      </c>
      <c r="B72" s="21">
        <v>1421.3800412092878</v>
      </c>
      <c r="C72" s="22">
        <v>1379.4658882063352</v>
      </c>
      <c r="D72" s="22">
        <v>41.914153002952617</v>
      </c>
      <c r="E72" s="19"/>
      <c r="F72" s="24">
        <v>20295.748193210136</v>
      </c>
      <c r="G72" s="24">
        <v>20236.488867959819</v>
      </c>
      <c r="H72" s="24">
        <v>59.259325250317488</v>
      </c>
    </row>
    <row r="73" spans="1:8">
      <c r="A73" s="20">
        <v>34274</v>
      </c>
      <c r="B73" s="21">
        <v>2253.8770658575763</v>
      </c>
      <c r="C73" s="22">
        <v>2160.1960964140162</v>
      </c>
      <c r="D73" s="22">
        <v>93.680969443560116</v>
      </c>
      <c r="E73" s="19"/>
      <c r="F73" s="24">
        <v>20436.613743506972</v>
      </c>
      <c r="G73" s="24">
        <v>20246.617619100438</v>
      </c>
      <c r="H73" s="24">
        <v>189.99612440653436</v>
      </c>
    </row>
    <row r="74" spans="1:8">
      <c r="A74" s="20">
        <v>34304</v>
      </c>
      <c r="B74" s="21">
        <v>2809.91891446206</v>
      </c>
      <c r="C74" s="22">
        <v>2882.2764828284853</v>
      </c>
      <c r="D74" s="22">
        <v>-72.357568366425312</v>
      </c>
      <c r="E74" s="19"/>
      <c r="F74" s="24">
        <v>20200.538588720221</v>
      </c>
      <c r="G74" s="24">
        <v>20336.620561722262</v>
      </c>
      <c r="H74" s="24">
        <v>-136.0819730020412</v>
      </c>
    </row>
    <row r="75" spans="1:8">
      <c r="A75" s="20">
        <v>34335</v>
      </c>
      <c r="B75" s="21">
        <v>3924.4254367003564</v>
      </c>
      <c r="C75" s="22">
        <v>3891.4688734245437</v>
      </c>
      <c r="D75" s="22">
        <v>32.956563275812641</v>
      </c>
      <c r="E75" s="19"/>
      <c r="F75" s="24">
        <v>20926.888007113386</v>
      </c>
      <c r="G75" s="24">
        <v>21214.758145107135</v>
      </c>
      <c r="H75" s="24">
        <v>-287.87013799374836</v>
      </c>
    </row>
    <row r="76" spans="1:8">
      <c r="A76" s="20">
        <v>34366</v>
      </c>
      <c r="B76" s="21">
        <v>3232.981774379386</v>
      </c>
      <c r="C76" s="22">
        <v>3235.3794856995924</v>
      </c>
      <c r="D76" s="22">
        <v>-2.3977113202063265</v>
      </c>
      <c r="E76" s="19"/>
      <c r="F76" s="24">
        <v>20850.734076919151</v>
      </c>
      <c r="G76" s="24">
        <v>21251.06542011063</v>
      </c>
      <c r="H76" s="24">
        <v>-400.33134319147939</v>
      </c>
    </row>
    <row r="77" spans="1:8">
      <c r="A77" s="20">
        <v>34394</v>
      </c>
      <c r="B77" s="21">
        <v>2620.1425430688519</v>
      </c>
      <c r="C77" s="22">
        <v>2654.2181152588382</v>
      </c>
      <c r="D77" s="22">
        <v>-34.07557218998636</v>
      </c>
      <c r="E77" s="19"/>
      <c r="F77" s="24">
        <v>20688.383898165459</v>
      </c>
      <c r="G77" s="24">
        <v>21078.329755615661</v>
      </c>
      <c r="H77" s="24">
        <v>-389.94585745020231</v>
      </c>
    </row>
    <row r="78" spans="1:8">
      <c r="A78" s="20">
        <v>34425</v>
      </c>
      <c r="B78" s="21">
        <v>1655.9693179962201</v>
      </c>
      <c r="C78" s="22">
        <v>1590.1443946527959</v>
      </c>
      <c r="D78" s="22">
        <v>65.824923343424189</v>
      </c>
      <c r="E78" s="19"/>
      <c r="F78" s="24">
        <v>20662.017080496807</v>
      </c>
      <c r="G78" s="24">
        <v>20972.506475404796</v>
      </c>
      <c r="H78" s="24">
        <v>-310.48939490798875</v>
      </c>
    </row>
    <row r="79" spans="1:8">
      <c r="A79" s="20">
        <v>34455</v>
      </c>
      <c r="B79" s="21">
        <v>1000.6185689288694</v>
      </c>
      <c r="C79" s="22">
        <v>1077.3109950526143</v>
      </c>
      <c r="D79" s="22">
        <v>-76.692426123744895</v>
      </c>
      <c r="E79" s="19"/>
      <c r="F79" s="24">
        <v>20791.444252615624</v>
      </c>
      <c r="G79" s="24">
        <v>21061.326625039776</v>
      </c>
      <c r="H79" s="24">
        <v>-269.88237242415198</v>
      </c>
    </row>
    <row r="80" spans="1:8">
      <c r="A80" s="20">
        <v>34486</v>
      </c>
      <c r="B80" s="21">
        <v>418.89189060980516</v>
      </c>
      <c r="C80" s="22">
        <v>493.84618580816476</v>
      </c>
      <c r="D80" s="22">
        <v>-74.954295198359603</v>
      </c>
      <c r="E80" s="19"/>
      <c r="F80" s="24">
        <v>20765.089377818549</v>
      </c>
      <c r="G80" s="24">
        <v>21041.429605753725</v>
      </c>
      <c r="H80" s="24">
        <v>-276.34022793517579</v>
      </c>
    </row>
    <row r="81" spans="1:8">
      <c r="A81" s="20">
        <v>34516</v>
      </c>
      <c r="B81" s="21">
        <v>374.85765731388847</v>
      </c>
      <c r="C81" s="22">
        <v>492.18810086766047</v>
      </c>
      <c r="D81" s="22">
        <v>-117.330443553772</v>
      </c>
      <c r="E81" s="19"/>
      <c r="F81" s="24">
        <v>20797.475676663576</v>
      </c>
      <c r="G81" s="24">
        <v>21021.532586467674</v>
      </c>
      <c r="H81" s="24">
        <v>-224.05690980409781</v>
      </c>
    </row>
    <row r="82" spans="1:8">
      <c r="A82" s="20">
        <v>34547</v>
      </c>
      <c r="B82" s="21">
        <v>517.04662637375895</v>
      </c>
      <c r="C82" s="22">
        <v>490.53001592715617</v>
      </c>
      <c r="D82" s="22">
        <v>26.516610446602783</v>
      </c>
      <c r="E82" s="19"/>
      <c r="F82" s="24">
        <v>20847.64512390763</v>
      </c>
      <c r="G82" s="24">
        <v>21001.635567181624</v>
      </c>
      <c r="H82" s="24">
        <v>-153.99044327399315</v>
      </c>
    </row>
    <row r="83" spans="1:8">
      <c r="A83" s="20">
        <v>34578</v>
      </c>
      <c r="B83" s="21">
        <v>575.80230933645385</v>
      </c>
      <c r="C83" s="22">
        <v>571.58371282261601</v>
      </c>
      <c r="D83" s="22">
        <v>4.2185965138378378</v>
      </c>
      <c r="E83" s="19"/>
      <c r="F83" s="24">
        <v>20805.912146236515</v>
      </c>
      <c r="G83" s="24">
        <v>20918.608346962821</v>
      </c>
      <c r="H83" s="24">
        <v>-112.69620072630642</v>
      </c>
    </row>
    <row r="84" spans="1:8">
      <c r="A84" s="20">
        <v>34608</v>
      </c>
      <c r="B84" s="21">
        <v>1066.8783842717555</v>
      </c>
      <c r="C84" s="22">
        <v>1185.523458315381</v>
      </c>
      <c r="D84" s="22">
        <v>-118.64507404362553</v>
      </c>
      <c r="E84" s="19"/>
      <c r="F84" s="24">
        <v>20451.410489298982</v>
      </c>
      <c r="G84" s="24">
        <v>20724.665917071863</v>
      </c>
      <c r="H84" s="24">
        <v>-273.25542777288138</v>
      </c>
    </row>
    <row r="85" spans="1:8">
      <c r="A85" s="20">
        <v>34639</v>
      </c>
      <c r="B85" s="21">
        <v>1727.2894336334596</v>
      </c>
      <c r="C85" s="22">
        <v>1821.1227153990549</v>
      </c>
      <c r="D85" s="22">
        <v>-93.833281765595302</v>
      </c>
      <c r="E85" s="19"/>
      <c r="F85" s="24">
        <v>19924.822857074865</v>
      </c>
      <c r="G85" s="24">
        <v>20385.592536056902</v>
      </c>
      <c r="H85" s="24">
        <v>-460.76967898203657</v>
      </c>
    </row>
    <row r="86" spans="1:8">
      <c r="A86" s="20">
        <v>34669</v>
      </c>
      <c r="B86" s="21">
        <v>2426.1077929530588</v>
      </c>
      <c r="C86" s="22">
        <v>2548.8529536082106</v>
      </c>
      <c r="D86" s="22">
        <v>-122.74516065515172</v>
      </c>
      <c r="E86" s="19"/>
      <c r="F86" s="24">
        <v>19541.011735565862</v>
      </c>
      <c r="G86" s="24">
        <v>20052.169006836626</v>
      </c>
      <c r="H86" s="24">
        <v>-511.15727127076389</v>
      </c>
    </row>
    <row r="87" spans="1:8">
      <c r="A87" s="20">
        <v>34700</v>
      </c>
      <c r="B87" s="21">
        <v>2895.1578012569453</v>
      </c>
      <c r="C87" s="22">
        <v>2902.0686643383374</v>
      </c>
      <c r="D87" s="22">
        <v>-6.9108630813921081</v>
      </c>
      <c r="E87" s="19"/>
      <c r="F87" s="24">
        <v>18511.744100122451</v>
      </c>
      <c r="G87" s="24">
        <v>19062.768797750421</v>
      </c>
      <c r="H87" s="24">
        <v>-551.02469762797045</v>
      </c>
    </row>
    <row r="88" spans="1:8">
      <c r="A88" s="20">
        <v>34731</v>
      </c>
      <c r="B88" s="21">
        <v>3093.833197500679</v>
      </c>
      <c r="C88" s="22">
        <v>3087.3366754333715</v>
      </c>
      <c r="D88" s="22">
        <v>6.4965220673075237</v>
      </c>
      <c r="E88" s="19"/>
      <c r="F88" s="24">
        <v>18372.595523243748</v>
      </c>
      <c r="G88" s="24">
        <v>18914.725987484202</v>
      </c>
      <c r="H88" s="24">
        <v>-542.13046424045388</v>
      </c>
    </row>
    <row r="89" spans="1:8">
      <c r="A89" s="20">
        <v>34759</v>
      </c>
      <c r="B89" s="21">
        <v>2334.5841532650247</v>
      </c>
      <c r="C89" s="22">
        <v>2339.4543438746086</v>
      </c>
      <c r="D89" s="22">
        <v>-4.8701906095839149</v>
      </c>
      <c r="E89" s="19"/>
      <c r="F89" s="24">
        <v>18087.037133439917</v>
      </c>
      <c r="G89" s="24">
        <v>18599.962216099972</v>
      </c>
      <c r="H89" s="24">
        <v>-512.92508266005461</v>
      </c>
    </row>
    <row r="90" spans="1:8">
      <c r="A90" s="20">
        <v>34790</v>
      </c>
      <c r="B90" s="21">
        <v>1889.5248453538168</v>
      </c>
      <c r="C90" s="22">
        <v>1863.0840725985079</v>
      </c>
      <c r="D90" s="22">
        <v>26.440772755308899</v>
      </c>
      <c r="E90" s="19"/>
      <c r="F90" s="24">
        <v>18320.592660797513</v>
      </c>
      <c r="G90" s="24">
        <v>18872.901894045684</v>
      </c>
      <c r="H90" s="24">
        <v>-552.30923324817195</v>
      </c>
    </row>
    <row r="91" spans="1:8">
      <c r="A91" s="20">
        <v>34820</v>
      </c>
      <c r="B91" s="21">
        <v>846.79058099093447</v>
      </c>
      <c r="C91" s="22">
        <v>906.22916273575674</v>
      </c>
      <c r="D91" s="22">
        <v>-59.438581744822272</v>
      </c>
      <c r="E91" s="19"/>
      <c r="F91" s="24">
        <v>18166.764672859579</v>
      </c>
      <c r="G91" s="24">
        <v>18701.820061728824</v>
      </c>
      <c r="H91" s="24">
        <v>-535.05538886924478</v>
      </c>
    </row>
    <row r="92" spans="1:8">
      <c r="A92" s="20">
        <v>34851</v>
      </c>
      <c r="B92" s="21">
        <v>372.35944075240877</v>
      </c>
      <c r="C92" s="22">
        <v>473.94916652211333</v>
      </c>
      <c r="D92" s="22">
        <v>-101.58972576970456</v>
      </c>
      <c r="E92" s="19"/>
      <c r="F92" s="24">
        <v>18120.232223002182</v>
      </c>
      <c r="G92" s="24">
        <v>18681.923042442773</v>
      </c>
      <c r="H92" s="24">
        <v>-561.69081944059144</v>
      </c>
    </row>
    <row r="93" spans="1:8">
      <c r="A93" s="20">
        <v>34881</v>
      </c>
      <c r="B93" s="21">
        <v>359.25339863015279</v>
      </c>
      <c r="C93" s="22">
        <v>472.29108158160903</v>
      </c>
      <c r="D93" s="22">
        <v>-113.03768295145625</v>
      </c>
      <c r="E93" s="19"/>
      <c r="F93" s="24">
        <v>18104.62796431845</v>
      </c>
      <c r="G93" s="24">
        <v>18662.026023156723</v>
      </c>
      <c r="H93" s="24">
        <v>-557.39805883827285</v>
      </c>
    </row>
    <row r="94" spans="1:8">
      <c r="A94" s="20">
        <v>34912</v>
      </c>
      <c r="B94" s="21">
        <v>495.45159946298782</v>
      </c>
      <c r="C94" s="22">
        <v>470.63299664110474</v>
      </c>
      <c r="D94" s="22">
        <v>24.818602821883076</v>
      </c>
      <c r="E94" s="19"/>
      <c r="F94" s="24">
        <v>18083.032937407675</v>
      </c>
      <c r="G94" s="24">
        <v>18642.129003870668</v>
      </c>
      <c r="H94" s="24">
        <v>-559.09606646299289</v>
      </c>
    </row>
    <row r="95" spans="1:8">
      <c r="A95" s="20">
        <v>34943</v>
      </c>
      <c r="B95" s="21">
        <v>518.19956142868625</v>
      </c>
      <c r="C95" s="22">
        <v>587.48427112524951</v>
      </c>
      <c r="D95" s="22">
        <v>-69.284709696563255</v>
      </c>
      <c r="E95" s="19"/>
      <c r="F95" s="24">
        <v>18025.430189499912</v>
      </c>
      <c r="G95" s="24">
        <v>18658.029562173302</v>
      </c>
      <c r="H95" s="24">
        <v>-632.59937267339046</v>
      </c>
    </row>
    <row r="96" spans="1:8">
      <c r="A96" s="20">
        <v>34973</v>
      </c>
      <c r="B96" s="21">
        <v>1103.4038334434897</v>
      </c>
      <c r="C96" s="22">
        <v>1086.2264560924941</v>
      </c>
      <c r="D96" s="22">
        <v>17.177377350995584</v>
      </c>
      <c r="E96" s="19"/>
      <c r="F96" s="24">
        <v>18061.955638671643</v>
      </c>
      <c r="G96" s="24">
        <v>18558.732559950418</v>
      </c>
      <c r="H96" s="24">
        <v>-496.77692127877526</v>
      </c>
    </row>
    <row r="97" spans="1:8">
      <c r="A97" s="20">
        <v>35004</v>
      </c>
      <c r="B97" s="21">
        <v>2279.2563513483374</v>
      </c>
      <c r="C97" s="22">
        <v>2326.9752475140212</v>
      </c>
      <c r="D97" s="22">
        <v>-47.718896165683873</v>
      </c>
      <c r="E97" s="19"/>
      <c r="F97" s="24">
        <v>18613.922556386522</v>
      </c>
      <c r="G97" s="24">
        <v>19064.585092065383</v>
      </c>
      <c r="H97" s="24">
        <v>-450.66253567886088</v>
      </c>
    </row>
    <row r="98" spans="1:8">
      <c r="A98" s="20">
        <v>35034</v>
      </c>
      <c r="B98" s="21">
        <v>3144.00724853869</v>
      </c>
      <c r="C98" s="22">
        <v>3013.740840265014</v>
      </c>
      <c r="D98" s="22">
        <v>130.26640827367601</v>
      </c>
      <c r="E98" s="19"/>
      <c r="F98" s="24">
        <v>19331.822011972152</v>
      </c>
      <c r="G98" s="24">
        <v>19529.472978722191</v>
      </c>
      <c r="H98" s="24">
        <v>-197.65096675003952</v>
      </c>
    </row>
    <row r="99" spans="1:8">
      <c r="A99" s="20">
        <v>35065</v>
      </c>
      <c r="B99" s="21">
        <v>3339.7593269051458</v>
      </c>
      <c r="C99" s="22">
        <v>3297.8868298720358</v>
      </c>
      <c r="D99" s="22">
        <v>41.872497033109994</v>
      </c>
      <c r="E99" s="19"/>
      <c r="F99" s="24">
        <v>19776.423537620354</v>
      </c>
      <c r="G99" s="24">
        <v>19925.291144255887</v>
      </c>
      <c r="H99" s="24">
        <v>-148.86760663553287</v>
      </c>
    </row>
    <row r="100" spans="1:8">
      <c r="A100" s="20">
        <v>35096</v>
      </c>
      <c r="B100" s="21">
        <v>3113.3392303324158</v>
      </c>
      <c r="C100" s="22">
        <v>3020.2280489441</v>
      </c>
      <c r="D100" s="22">
        <v>93.111181388315799</v>
      </c>
      <c r="E100" s="19"/>
      <c r="F100" s="24">
        <v>19795.929570452088</v>
      </c>
      <c r="G100" s="24">
        <v>19858.182517766618</v>
      </c>
      <c r="H100" s="24">
        <v>-62.252947314529592</v>
      </c>
    </row>
    <row r="101" spans="1:8">
      <c r="A101" s="20">
        <v>35125</v>
      </c>
      <c r="B101" s="21">
        <v>2890.7695333413462</v>
      </c>
      <c r="C101" s="22">
        <v>2883.9419803112391</v>
      </c>
      <c r="D101" s="22">
        <v>6.827553030107083</v>
      </c>
      <c r="E101" s="19"/>
      <c r="F101" s="24">
        <v>20352.114950528412</v>
      </c>
      <c r="G101" s="24">
        <v>20402.670154203246</v>
      </c>
      <c r="H101" s="24">
        <v>-50.555203674834047</v>
      </c>
    </row>
    <row r="102" spans="1:8">
      <c r="A102" s="20">
        <v>35156</v>
      </c>
      <c r="B102" s="21">
        <v>1894.208659089416</v>
      </c>
      <c r="C102" s="22">
        <v>1809.5039590299291</v>
      </c>
      <c r="D102" s="22">
        <v>84.704700059486868</v>
      </c>
      <c r="E102" s="19"/>
      <c r="F102" s="24">
        <v>20356.798764264007</v>
      </c>
      <c r="G102" s="24">
        <v>20349.090040634663</v>
      </c>
      <c r="H102" s="24">
        <v>7.708723629344604</v>
      </c>
    </row>
    <row r="103" spans="1:8">
      <c r="A103" s="20">
        <v>35186</v>
      </c>
      <c r="B103" s="21">
        <v>1068.1384510541011</v>
      </c>
      <c r="C103" s="22">
        <v>1024.7766632475782</v>
      </c>
      <c r="D103" s="22">
        <v>43.361787806522898</v>
      </c>
      <c r="E103" s="19"/>
      <c r="F103" s="24">
        <v>20578.146634327182</v>
      </c>
      <c r="G103" s="24">
        <v>20467.637541146487</v>
      </c>
      <c r="H103" s="24">
        <v>110.50909318069534</v>
      </c>
    </row>
    <row r="104" spans="1:8">
      <c r="A104" s="20">
        <v>35217</v>
      </c>
      <c r="B104" s="21">
        <v>395.58830076125184</v>
      </c>
      <c r="C104" s="22">
        <v>454.05214723606184</v>
      </c>
      <c r="D104" s="22">
        <v>-58.463846474809998</v>
      </c>
      <c r="E104" s="19"/>
      <c r="F104" s="24">
        <v>20601.375494336018</v>
      </c>
      <c r="G104" s="24">
        <v>20447.740521860436</v>
      </c>
      <c r="H104" s="24">
        <v>153.63497247558189</v>
      </c>
    </row>
    <row r="105" spans="1:8">
      <c r="A105" s="20">
        <v>35247</v>
      </c>
      <c r="B105" s="21">
        <v>391.72057642544837</v>
      </c>
      <c r="C105" s="22">
        <v>452.39406229555755</v>
      </c>
      <c r="D105" s="22">
        <v>-60.673485870109175</v>
      </c>
      <c r="E105" s="19"/>
      <c r="F105" s="24">
        <v>20633.842672131315</v>
      </c>
      <c r="G105" s="24">
        <v>20427.843502574386</v>
      </c>
      <c r="H105" s="24">
        <v>205.9991695569297</v>
      </c>
    </row>
    <row r="106" spans="1:8">
      <c r="A106" s="20">
        <v>35278</v>
      </c>
      <c r="B106" s="21">
        <v>388.23728240662496</v>
      </c>
      <c r="C106" s="22">
        <v>450.73597735505325</v>
      </c>
      <c r="D106" s="22">
        <v>-62.498694948428295</v>
      </c>
      <c r="E106" s="19"/>
      <c r="F106" s="24">
        <v>20526.62835507495</v>
      </c>
      <c r="G106" s="24">
        <v>20407.946483288335</v>
      </c>
      <c r="H106" s="24">
        <v>118.68187178661537</v>
      </c>
    </row>
    <row r="107" spans="1:8">
      <c r="A107" s="20">
        <v>35309</v>
      </c>
      <c r="B107" s="21">
        <v>540.70855764290661</v>
      </c>
      <c r="C107" s="22">
        <v>530.25986324244968</v>
      </c>
      <c r="D107" s="22">
        <v>10.44869440045693</v>
      </c>
      <c r="E107" s="19"/>
      <c r="F107" s="24">
        <v>20549.13735128917</v>
      </c>
      <c r="G107" s="24">
        <v>20350.722075405534</v>
      </c>
      <c r="H107" s="24">
        <v>198.41527588363533</v>
      </c>
    </row>
    <row r="108" spans="1:8">
      <c r="A108" s="20">
        <v>35339</v>
      </c>
      <c r="B108" s="21">
        <v>1276.0070554514386</v>
      </c>
      <c r="C108" s="22">
        <v>1182.5492500131013</v>
      </c>
      <c r="D108" s="22">
        <v>93.457805438337346</v>
      </c>
      <c r="E108" s="19"/>
      <c r="F108" s="24">
        <v>20721.74057329712</v>
      </c>
      <c r="G108" s="24">
        <v>20447.044869326139</v>
      </c>
      <c r="H108" s="24">
        <v>274.69570397098141</v>
      </c>
    </row>
    <row r="109" spans="1:8">
      <c r="A109" s="20">
        <v>35370</v>
      </c>
      <c r="B109" s="21">
        <v>2278.1142508816997</v>
      </c>
      <c r="C109" s="22">
        <v>2291.4154714321071</v>
      </c>
      <c r="D109" s="22">
        <v>-13.301220550407379</v>
      </c>
      <c r="E109" s="19"/>
      <c r="F109" s="24">
        <v>20720.598472830483</v>
      </c>
      <c r="G109" s="24">
        <v>20411.485093244228</v>
      </c>
      <c r="H109" s="24">
        <v>309.11337958625518</v>
      </c>
    </row>
    <row r="110" spans="1:8">
      <c r="A110" s="20">
        <v>35400</v>
      </c>
      <c r="B110" s="21">
        <v>2691.0275850943699</v>
      </c>
      <c r="C110" s="22">
        <v>2583.103862256261</v>
      </c>
      <c r="D110" s="22">
        <v>107.92372283810892</v>
      </c>
      <c r="E110" s="19"/>
      <c r="F110" s="24">
        <v>20267.618809386164</v>
      </c>
      <c r="G110" s="24">
        <v>19980.848115235473</v>
      </c>
      <c r="H110" s="24">
        <v>286.77069415069127</v>
      </c>
    </row>
    <row r="111" spans="1:8">
      <c r="A111" s="20">
        <v>35431</v>
      </c>
      <c r="B111" s="21">
        <v>3294.2586339545223</v>
      </c>
      <c r="C111" s="22">
        <v>3222.6110100879437</v>
      </c>
      <c r="D111" s="22">
        <v>71.64762386657867</v>
      </c>
      <c r="E111" s="19"/>
      <c r="F111" s="24">
        <v>20222.11811643554</v>
      </c>
      <c r="G111" s="24">
        <v>19905.57229545138</v>
      </c>
      <c r="H111" s="24">
        <v>316.54582098415995</v>
      </c>
    </row>
    <row r="112" spans="1:8">
      <c r="A112" s="20">
        <v>35462</v>
      </c>
      <c r="B112" s="21">
        <v>2725.634312473393</v>
      </c>
      <c r="C112" s="22">
        <v>2585.9180330964468</v>
      </c>
      <c r="D112" s="22">
        <v>139.7162793769462</v>
      </c>
      <c r="E112" s="19"/>
      <c r="F112" s="24">
        <v>19834.41319857652</v>
      </c>
      <c r="G112" s="24">
        <v>19471.262279603732</v>
      </c>
      <c r="H112" s="24">
        <v>363.15091897278762</v>
      </c>
    </row>
    <row r="113" spans="1:8">
      <c r="A113" s="20">
        <v>35490</v>
      </c>
      <c r="B113" s="21">
        <v>2643.6231760752116</v>
      </c>
      <c r="C113" s="22">
        <v>2521.8355066305894</v>
      </c>
      <c r="D113" s="22">
        <v>121.78766944462222</v>
      </c>
      <c r="E113" s="19"/>
      <c r="F113" s="24">
        <v>19587.266841310386</v>
      </c>
      <c r="G113" s="24">
        <v>19109.155805923077</v>
      </c>
      <c r="H113" s="24">
        <v>478.11103538730822</v>
      </c>
    </row>
    <row r="114" spans="1:8">
      <c r="A114" s="20">
        <v>35521</v>
      </c>
      <c r="B114" s="21">
        <v>1737.7228133204367</v>
      </c>
      <c r="C114" s="22">
        <v>1713.3044200426439</v>
      </c>
      <c r="D114" s="22">
        <v>24.418393277792802</v>
      </c>
      <c r="E114" s="19"/>
      <c r="F114" s="24">
        <v>19430.780995541409</v>
      </c>
      <c r="G114" s="24">
        <v>19012.956266935795</v>
      </c>
      <c r="H114" s="24">
        <v>417.82472860561393</v>
      </c>
    </row>
    <row r="115" spans="1:8">
      <c r="A115" s="20">
        <v>35551</v>
      </c>
      <c r="B115" s="21">
        <v>1240.5869194716659</v>
      </c>
      <c r="C115" s="22">
        <v>1188.3398665157636</v>
      </c>
      <c r="D115" s="22">
        <v>52.247052955902291</v>
      </c>
      <c r="E115" s="19"/>
      <c r="F115" s="24">
        <v>19603.229463958971</v>
      </c>
      <c r="G115" s="24">
        <v>19176.519470203977</v>
      </c>
      <c r="H115" s="24">
        <v>426.70999375499377</v>
      </c>
    </row>
    <row r="116" spans="1:8">
      <c r="A116" s="20">
        <v>35582</v>
      </c>
      <c r="B116" s="21">
        <v>425.96007441940043</v>
      </c>
      <c r="C116" s="22">
        <v>434.15512795001041</v>
      </c>
      <c r="D116" s="22">
        <v>-8.1950535306099823</v>
      </c>
      <c r="E116" s="19"/>
      <c r="F116" s="24">
        <v>19633.601237617117</v>
      </c>
      <c r="G116" s="24">
        <v>19156.622450917926</v>
      </c>
      <c r="H116" s="24">
        <v>476.9787866991901</v>
      </c>
    </row>
    <row r="117" spans="1:8">
      <c r="A117" s="20">
        <v>35612</v>
      </c>
      <c r="B117" s="21">
        <v>356.76088631160002</v>
      </c>
      <c r="C117" s="22">
        <v>432.49704300950611</v>
      </c>
      <c r="D117" s="22">
        <v>-75.736156697906097</v>
      </c>
      <c r="E117" s="19"/>
      <c r="F117" s="24">
        <v>19598.64154750327</v>
      </c>
      <c r="G117" s="24">
        <v>19136.725431631872</v>
      </c>
      <c r="H117" s="24">
        <v>461.91611587139778</v>
      </c>
    </row>
    <row r="118" spans="1:8">
      <c r="A118" s="20">
        <v>35643</v>
      </c>
      <c r="B118" s="21">
        <v>389.72218785609635</v>
      </c>
      <c r="C118" s="22">
        <v>430.83895806900182</v>
      </c>
      <c r="D118" s="22">
        <v>-41.116770212905465</v>
      </c>
      <c r="E118" s="19"/>
      <c r="F118" s="24">
        <v>19600.12645295274</v>
      </c>
      <c r="G118" s="24">
        <v>19116.828412345822</v>
      </c>
      <c r="H118" s="24">
        <v>483.29804060691822</v>
      </c>
    </row>
    <row r="119" spans="1:8">
      <c r="A119" s="20">
        <v>35674</v>
      </c>
      <c r="B119" s="21">
        <v>550.74580484773151</v>
      </c>
      <c r="C119" s="22">
        <v>515.15625178166374</v>
      </c>
      <c r="D119" s="22">
        <v>35.589553066067765</v>
      </c>
      <c r="E119" s="19"/>
      <c r="F119" s="24">
        <v>19610.163700157565</v>
      </c>
      <c r="G119" s="24">
        <v>19101.724800885037</v>
      </c>
      <c r="H119" s="24">
        <v>508.43889927252894</v>
      </c>
    </row>
    <row r="120" spans="1:8">
      <c r="A120" s="20">
        <v>35704</v>
      </c>
      <c r="B120" s="21">
        <v>1199.3622110018603</v>
      </c>
      <c r="C120" s="22">
        <v>1197.1129674642846</v>
      </c>
      <c r="D120" s="22">
        <v>2.2492435375756941</v>
      </c>
      <c r="E120" s="19"/>
      <c r="F120" s="24">
        <v>19533.518855707985</v>
      </c>
      <c r="G120" s="24">
        <v>19116.28851833622</v>
      </c>
      <c r="H120" s="24">
        <v>417.23033737176593</v>
      </c>
    </row>
    <row r="121" spans="1:8">
      <c r="A121" s="20">
        <v>35735</v>
      </c>
      <c r="B121" s="21">
        <v>2158.3961372940066</v>
      </c>
      <c r="C121" s="22">
        <v>2147.6984057963678</v>
      </c>
      <c r="D121" s="22">
        <v>10.69773149763887</v>
      </c>
      <c r="E121" s="19"/>
      <c r="F121" s="24">
        <v>19413.800742120296</v>
      </c>
      <c r="G121" s="24">
        <v>18972.571452700482</v>
      </c>
      <c r="H121" s="24">
        <v>441.22928941981445</v>
      </c>
    </row>
    <row r="122" spans="1:8">
      <c r="A122" s="20">
        <v>35765</v>
      </c>
      <c r="B122" s="21">
        <v>2642.2142362939785</v>
      </c>
      <c r="C122" s="22">
        <v>2629.7465117410579</v>
      </c>
      <c r="D122" s="22">
        <v>12.467724552920572</v>
      </c>
      <c r="E122" s="19"/>
      <c r="F122" s="24">
        <v>19364.987393319901</v>
      </c>
      <c r="G122" s="24">
        <v>19019.21410218528</v>
      </c>
      <c r="H122" s="24">
        <v>345.7732911346211</v>
      </c>
    </row>
    <row r="123" spans="1:8">
      <c r="A123" s="20">
        <v>35796</v>
      </c>
      <c r="B123" s="21">
        <v>2886.5255232128548</v>
      </c>
      <c r="C123" s="22">
        <v>2652.6677966659495</v>
      </c>
      <c r="D123" s="22">
        <v>233.85772654690527</v>
      </c>
      <c r="E123" s="19"/>
      <c r="F123" s="24">
        <v>18957.254282578237</v>
      </c>
      <c r="G123" s="24">
        <v>18449.270888763283</v>
      </c>
      <c r="H123" s="24">
        <v>507.98339381495316</v>
      </c>
    </row>
    <row r="124" spans="1:8">
      <c r="A124" s="20">
        <v>35827</v>
      </c>
      <c r="B124" s="21">
        <v>2215.1417482386682</v>
      </c>
      <c r="C124" s="22">
        <v>2302.2355259447827</v>
      </c>
      <c r="D124" s="22">
        <v>-87.093777706114452</v>
      </c>
      <c r="E124" s="19"/>
      <c r="F124" s="24">
        <v>18446.76171834351</v>
      </c>
      <c r="G124" s="24">
        <v>18165.588381611622</v>
      </c>
      <c r="H124" s="24">
        <v>281.17333673188841</v>
      </c>
    </row>
    <row r="125" spans="1:8">
      <c r="A125" s="20">
        <v>35855</v>
      </c>
      <c r="B125" s="21">
        <v>2182.2727841484993</v>
      </c>
      <c r="C125" s="22">
        <v>2214.1545017316507</v>
      </c>
      <c r="D125" s="22">
        <v>-31.881717583151385</v>
      </c>
      <c r="E125" s="19"/>
      <c r="F125" s="24">
        <v>17985.411326416797</v>
      </c>
      <c r="G125" s="24">
        <v>17857.907376712683</v>
      </c>
      <c r="H125" s="24">
        <v>127.50394970411435</v>
      </c>
    </row>
    <row r="126" spans="1:8">
      <c r="A126" s="20">
        <v>35886</v>
      </c>
      <c r="B126" s="21">
        <v>1403.4054041101897</v>
      </c>
      <c r="C126" s="22">
        <v>1399.8832934374309</v>
      </c>
      <c r="D126" s="22">
        <v>3.5221106727587994</v>
      </c>
      <c r="E126" s="19"/>
      <c r="F126" s="24">
        <v>17651.093917206548</v>
      </c>
      <c r="G126" s="24">
        <v>17544.486250107471</v>
      </c>
      <c r="H126" s="24">
        <v>106.60766709907693</v>
      </c>
    </row>
    <row r="127" spans="1:8">
      <c r="A127" s="20">
        <v>35916</v>
      </c>
      <c r="B127" s="21">
        <v>574.07694944416903</v>
      </c>
      <c r="C127" s="22">
        <v>608.15306260805392</v>
      </c>
      <c r="D127" s="22">
        <v>-34.076113163884884</v>
      </c>
      <c r="E127" s="19"/>
      <c r="F127" s="24">
        <v>16984.583947179053</v>
      </c>
      <c r="G127" s="24">
        <v>16964.299446199762</v>
      </c>
      <c r="H127" s="24">
        <v>20.284500979290897</v>
      </c>
    </row>
    <row r="128" spans="1:8">
      <c r="A128" s="20">
        <v>35947</v>
      </c>
      <c r="B128" s="21">
        <v>423.02183733372192</v>
      </c>
      <c r="C128" s="22">
        <v>414.25810866395898</v>
      </c>
      <c r="D128" s="22">
        <v>8.7637286697629406</v>
      </c>
      <c r="E128" s="19"/>
      <c r="F128" s="24">
        <v>16981.645710093377</v>
      </c>
      <c r="G128" s="24">
        <v>16944.402426913708</v>
      </c>
      <c r="H128" s="24">
        <v>37.243283179668651</v>
      </c>
    </row>
    <row r="129" spans="1:8">
      <c r="A129" s="20">
        <v>35977</v>
      </c>
      <c r="B129" s="21">
        <v>353.86244821721118</v>
      </c>
      <c r="C129" s="22">
        <v>412.60002372345468</v>
      </c>
      <c r="D129" s="22">
        <v>-58.737575506243502</v>
      </c>
      <c r="E129" s="19"/>
      <c r="F129" s="24">
        <v>16978.747271998989</v>
      </c>
      <c r="G129" s="24">
        <v>16924.505407627657</v>
      </c>
      <c r="H129" s="24">
        <v>54.241864371331758</v>
      </c>
    </row>
    <row r="130" spans="1:8">
      <c r="A130" s="20">
        <v>36008</v>
      </c>
      <c r="B130" s="21">
        <v>504.11771511511716</v>
      </c>
      <c r="C130" s="22">
        <v>410.94193878295039</v>
      </c>
      <c r="D130" s="22">
        <v>93.175776332166777</v>
      </c>
      <c r="E130" s="19"/>
      <c r="F130" s="24">
        <v>17093.142799258007</v>
      </c>
      <c r="G130" s="24">
        <v>16904.608388341607</v>
      </c>
      <c r="H130" s="24">
        <v>188.53441091639979</v>
      </c>
    </row>
    <row r="131" spans="1:8">
      <c r="A131" s="20">
        <v>36039</v>
      </c>
      <c r="B131" s="21">
        <v>491.97880072846704</v>
      </c>
      <c r="C131" s="22">
        <v>450.99670066230965</v>
      </c>
      <c r="D131" s="22">
        <v>40.982100066157386</v>
      </c>
      <c r="E131" s="19"/>
      <c r="F131" s="24">
        <v>17034.375795138742</v>
      </c>
      <c r="G131" s="24">
        <v>16840.448837222251</v>
      </c>
      <c r="H131" s="24">
        <v>193.92695791649021</v>
      </c>
    </row>
    <row r="132" spans="1:8">
      <c r="A132" s="20">
        <v>36069</v>
      </c>
      <c r="B132" s="21">
        <v>1056.9003371412737</v>
      </c>
      <c r="C132" s="22">
        <v>1047.0723034792654</v>
      </c>
      <c r="D132" s="22">
        <v>9.828033662008238</v>
      </c>
      <c r="E132" s="19"/>
      <c r="F132" s="24">
        <v>16891.913921278156</v>
      </c>
      <c r="G132" s="24">
        <v>16690.408173237236</v>
      </c>
      <c r="H132" s="24">
        <v>201.50574804091957</v>
      </c>
    </row>
    <row r="133" spans="1:8">
      <c r="A133" s="20">
        <v>36100</v>
      </c>
      <c r="B133" s="21">
        <v>1665.9345324151109</v>
      </c>
      <c r="C133" s="22">
        <v>1765.452083741648</v>
      </c>
      <c r="D133" s="22">
        <v>-99.517551326537159</v>
      </c>
      <c r="E133" s="19"/>
      <c r="F133" s="24">
        <v>16399.45231639926</v>
      </c>
      <c r="G133" s="24">
        <v>16308.161851182516</v>
      </c>
      <c r="H133" s="24">
        <v>91.290465216743542</v>
      </c>
    </row>
    <row r="134" spans="1:8">
      <c r="A134" s="20">
        <v>36130</v>
      </c>
      <c r="B134" s="21">
        <v>2189.225206059793</v>
      </c>
      <c r="C134" s="22">
        <v>2370.9654176623744</v>
      </c>
      <c r="D134" s="22">
        <v>-181.74021160258144</v>
      </c>
      <c r="E134" s="19"/>
      <c r="F134" s="24">
        <v>15946.463286165075</v>
      </c>
      <c r="G134" s="24">
        <v>16049.380757103831</v>
      </c>
      <c r="H134" s="24">
        <v>-102.91747093875529</v>
      </c>
    </row>
    <row r="135" spans="1:8">
      <c r="A135" s="20">
        <v>36161</v>
      </c>
      <c r="B135" s="21">
        <v>3270.3328748569575</v>
      </c>
      <c r="C135" s="22">
        <v>3183.5653336847336</v>
      </c>
      <c r="D135" s="22">
        <v>86.767541172223901</v>
      </c>
      <c r="E135" s="19"/>
      <c r="F135" s="24">
        <v>16330.270637809179</v>
      </c>
      <c r="G135" s="24">
        <v>16580.278294122611</v>
      </c>
      <c r="H135" s="24">
        <v>-250.00765631343165</v>
      </c>
    </row>
    <row r="136" spans="1:8">
      <c r="A136" s="20">
        <v>36192</v>
      </c>
      <c r="B136" s="21">
        <v>2375.125000703958</v>
      </c>
      <c r="C136" s="22">
        <v>2414.2312505915374</v>
      </c>
      <c r="D136" s="22">
        <v>-39.106249887579452</v>
      </c>
      <c r="E136" s="19"/>
      <c r="F136" s="24">
        <v>16490.253890274471</v>
      </c>
      <c r="G136" s="24">
        <v>16692.274018769371</v>
      </c>
      <c r="H136" s="24">
        <v>-202.02012849489984</v>
      </c>
    </row>
    <row r="137" spans="1:8">
      <c r="A137" s="20">
        <v>36220</v>
      </c>
      <c r="B137" s="21">
        <v>2419.6833624213587</v>
      </c>
      <c r="C137" s="22">
        <v>2470.858152555395</v>
      </c>
      <c r="D137" s="22">
        <v>-51.174790134036357</v>
      </c>
      <c r="E137" s="19"/>
      <c r="F137" s="24">
        <v>16727.664468547329</v>
      </c>
      <c r="G137" s="24">
        <v>16948.977669593114</v>
      </c>
      <c r="H137" s="24">
        <v>-221.31320104578481</v>
      </c>
    </row>
    <row r="138" spans="1:8">
      <c r="A138" s="20">
        <v>36251</v>
      </c>
      <c r="B138" s="21">
        <v>1408.5560501485488</v>
      </c>
      <c r="C138" s="22">
        <v>1434.9790811432599</v>
      </c>
      <c r="D138" s="22">
        <v>-26.423030994711098</v>
      </c>
      <c r="E138" s="19"/>
      <c r="F138" s="24">
        <v>16732.815114585686</v>
      </c>
      <c r="G138" s="24">
        <v>16984.073457298942</v>
      </c>
      <c r="H138" s="24">
        <v>-251.25834271325584</v>
      </c>
    </row>
    <row r="139" spans="1:8">
      <c r="A139" s="20">
        <v>36281</v>
      </c>
      <c r="B139" s="21">
        <v>662.11754249436342</v>
      </c>
      <c r="C139" s="22">
        <v>681.11862510871481</v>
      </c>
      <c r="D139" s="22">
        <v>-19.00108261435139</v>
      </c>
      <c r="E139" s="19"/>
      <c r="F139" s="24">
        <v>16820.855707635885</v>
      </c>
      <c r="G139" s="24">
        <v>17057.039019799602</v>
      </c>
      <c r="H139" s="24">
        <v>-236.18331216371735</v>
      </c>
    </row>
    <row r="140" spans="1:8">
      <c r="A140" s="20">
        <v>36312</v>
      </c>
      <c r="B140" s="21">
        <v>360.02065963084516</v>
      </c>
      <c r="C140" s="22">
        <v>394.36108937790755</v>
      </c>
      <c r="D140" s="22">
        <v>-34.340429747062387</v>
      </c>
      <c r="E140" s="19"/>
      <c r="F140" s="24">
        <v>16757.854529933007</v>
      </c>
      <c r="G140" s="24">
        <v>17037.142000513551</v>
      </c>
      <c r="H140" s="24">
        <v>-279.28747058054432</v>
      </c>
    </row>
    <row r="141" spans="1:8">
      <c r="A141" s="20">
        <v>36342</v>
      </c>
      <c r="B141" s="21">
        <v>334.43318429169972</v>
      </c>
      <c r="C141" s="22">
        <v>392.70300443740325</v>
      </c>
      <c r="D141" s="22">
        <v>-58.269820145703534</v>
      </c>
      <c r="E141" s="19"/>
      <c r="F141" s="24">
        <v>16738.425266007489</v>
      </c>
      <c r="G141" s="24">
        <v>17017.244981227501</v>
      </c>
      <c r="H141" s="24">
        <v>-278.81971522001186</v>
      </c>
    </row>
    <row r="142" spans="1:8">
      <c r="A142" s="20">
        <v>36373</v>
      </c>
      <c r="B142" s="21">
        <v>354.11884852222977</v>
      </c>
      <c r="C142" s="22">
        <v>391.04491949689896</v>
      </c>
      <c r="D142" s="22">
        <v>-36.926070974669187</v>
      </c>
      <c r="E142" s="19"/>
      <c r="F142" s="24">
        <v>16588.426399414606</v>
      </c>
      <c r="G142" s="24">
        <v>16997.34796194145</v>
      </c>
      <c r="H142" s="24">
        <v>-408.92156252684435</v>
      </c>
    </row>
    <row r="143" spans="1:8">
      <c r="A143" s="20">
        <v>36404</v>
      </c>
      <c r="B143" s="21">
        <v>549.46183562516205</v>
      </c>
      <c r="C143" s="22">
        <v>454.45479609936035</v>
      </c>
      <c r="D143" s="22">
        <v>95.007039525801702</v>
      </c>
      <c r="E143" s="19"/>
      <c r="F143" s="24">
        <v>16645.909434311303</v>
      </c>
      <c r="G143" s="24">
        <v>17000.806057378497</v>
      </c>
      <c r="H143" s="24">
        <v>-354.89662306719401</v>
      </c>
    </row>
    <row r="144" spans="1:8">
      <c r="A144" s="20">
        <v>36434</v>
      </c>
      <c r="B144" s="21">
        <v>1138.1521261781456</v>
      </c>
      <c r="C144" s="22">
        <v>1141.3910197288139</v>
      </c>
      <c r="D144" s="22">
        <v>-3.2388935506683083</v>
      </c>
      <c r="E144" s="19"/>
      <c r="F144" s="24">
        <v>16727.161223348172</v>
      </c>
      <c r="G144" s="24">
        <v>17095.124773628046</v>
      </c>
      <c r="H144" s="24">
        <v>-367.96355027987374</v>
      </c>
    </row>
    <row r="145" spans="1:8">
      <c r="A145" s="20">
        <v>36465</v>
      </c>
      <c r="B145" s="21">
        <v>1680.0434784437139</v>
      </c>
      <c r="C145" s="22">
        <v>1719.9223457657827</v>
      </c>
      <c r="D145" s="22">
        <v>-39.8788673220688</v>
      </c>
      <c r="E145" s="19"/>
      <c r="F145" s="24">
        <v>16741.270169376774</v>
      </c>
      <c r="G145" s="24">
        <v>17049.595035652179</v>
      </c>
      <c r="H145" s="24">
        <v>-308.32486627540493</v>
      </c>
    </row>
    <row r="146" spans="1:8">
      <c r="A146" s="20">
        <v>36495</v>
      </c>
      <c r="B146" s="21">
        <v>2405.2121285180001</v>
      </c>
      <c r="C146" s="22">
        <v>2511.7515549549948</v>
      </c>
      <c r="D146" s="22">
        <v>-106.53942643699475</v>
      </c>
      <c r="E146" s="19"/>
      <c r="F146" s="24">
        <v>16957.257091834981</v>
      </c>
      <c r="G146" s="24">
        <v>17190.381172944799</v>
      </c>
      <c r="H146" s="24">
        <v>-233.12408110981778</v>
      </c>
    </row>
    <row r="147" spans="1:8">
      <c r="A147" s="20">
        <v>36526</v>
      </c>
      <c r="B147" s="21">
        <v>2875.547137355522</v>
      </c>
      <c r="C147" s="22">
        <v>3077.9808460604977</v>
      </c>
      <c r="D147" s="22">
        <v>-202.43370870497574</v>
      </c>
      <c r="E147" s="19"/>
      <c r="F147" s="24">
        <v>16562.471354333549</v>
      </c>
      <c r="G147" s="24">
        <v>17084.796685320565</v>
      </c>
      <c r="H147" s="24">
        <v>-522.32533098701606</v>
      </c>
    </row>
    <row r="148" spans="1:8">
      <c r="A148" s="20">
        <v>36557</v>
      </c>
      <c r="B148" s="21">
        <v>2635.9417226367941</v>
      </c>
      <c r="C148" s="22">
        <v>2528.475147009874</v>
      </c>
      <c r="D148" s="22">
        <v>107.46657562692008</v>
      </c>
      <c r="E148" s="19"/>
      <c r="F148" s="24">
        <v>16823.288076266384</v>
      </c>
      <c r="G148" s="24">
        <v>17199.040581738904</v>
      </c>
      <c r="H148" s="24">
        <v>-375.75250547251926</v>
      </c>
    </row>
    <row r="149" spans="1:8">
      <c r="A149" s="20">
        <v>36586</v>
      </c>
      <c r="B149" s="21">
        <v>2545.6834748436922</v>
      </c>
      <c r="C149" s="22">
        <v>2545.6834748436963</v>
      </c>
      <c r="D149" s="22">
        <v>-4.0927261579781771E-12</v>
      </c>
      <c r="E149" s="19"/>
      <c r="F149" s="24">
        <v>16949.288188688719</v>
      </c>
      <c r="G149" s="24">
        <v>17273.865904027207</v>
      </c>
      <c r="H149" s="24">
        <v>-324.57771533848791</v>
      </c>
    </row>
    <row r="150" spans="1:8">
      <c r="A150" s="20">
        <v>36617</v>
      </c>
      <c r="B150" s="21">
        <v>999.43232010454938</v>
      </c>
      <c r="C150" s="22">
        <v>999.43232010455017</v>
      </c>
      <c r="D150" s="22">
        <v>-7.9580786405131221E-13</v>
      </c>
      <c r="E150" s="19"/>
      <c r="F150" s="24">
        <v>16540.164458644718</v>
      </c>
      <c r="G150" s="24">
        <v>16838.319142988497</v>
      </c>
      <c r="H150" s="24">
        <v>-298.15468434377908</v>
      </c>
    </row>
    <row r="151" spans="1:8">
      <c r="A151" s="20">
        <v>36647</v>
      </c>
      <c r="B151" s="21">
        <v>899.01799074023506</v>
      </c>
      <c r="C151" s="22">
        <v>737.097129965465</v>
      </c>
      <c r="D151" s="22">
        <v>161.92086077477006</v>
      </c>
      <c r="E151" s="19"/>
      <c r="F151" s="24">
        <v>16777.064906890591</v>
      </c>
      <c r="G151" s="24">
        <v>16894.297647845247</v>
      </c>
      <c r="H151" s="24">
        <v>-117.23274095465604</v>
      </c>
    </row>
    <row r="152" spans="1:8">
      <c r="A152" s="20">
        <v>36678</v>
      </c>
      <c r="B152" s="21">
        <v>327.00298779986588</v>
      </c>
      <c r="C152" s="22">
        <v>374.46407009185606</v>
      </c>
      <c r="D152" s="22">
        <v>-47.461082291990181</v>
      </c>
      <c r="E152" s="19"/>
      <c r="F152" s="24">
        <v>16744.04723505961</v>
      </c>
      <c r="G152" s="24">
        <v>16874.400628559197</v>
      </c>
      <c r="H152" s="24">
        <v>-130.35339349958667</v>
      </c>
    </row>
    <row r="153" spans="1:8">
      <c r="A153" s="20">
        <v>36708</v>
      </c>
      <c r="B153" s="21">
        <v>426.41658611061246</v>
      </c>
      <c r="C153" s="22">
        <v>372.80598515135182</v>
      </c>
      <c r="D153" s="22">
        <v>53.610600959260637</v>
      </c>
      <c r="E153" s="19"/>
      <c r="F153" s="24">
        <v>16836.030636878524</v>
      </c>
      <c r="G153" s="24">
        <v>16854.503609273143</v>
      </c>
      <c r="H153" s="24">
        <v>-18.472972394618409</v>
      </c>
    </row>
    <row r="154" spans="1:8">
      <c r="A154" s="20">
        <v>36739</v>
      </c>
      <c r="B154" s="21">
        <v>512.87899032859423</v>
      </c>
      <c r="C154" s="22">
        <v>371.14790021084752</v>
      </c>
      <c r="D154" s="22">
        <v>141.7310901177467</v>
      </c>
      <c r="E154" s="19"/>
      <c r="F154" s="24">
        <v>16994.790778684888</v>
      </c>
      <c r="G154" s="24">
        <v>16834.606589987088</v>
      </c>
      <c r="H154" s="24">
        <v>160.18418869779998</v>
      </c>
    </row>
    <row r="155" spans="1:8">
      <c r="A155" s="20">
        <v>36770</v>
      </c>
      <c r="B155" s="21">
        <v>476.66978708254226</v>
      </c>
      <c r="C155" s="22">
        <v>476.37261103371003</v>
      </c>
      <c r="D155" s="22">
        <v>0.29717604883222748</v>
      </c>
      <c r="E155" s="19"/>
      <c r="F155" s="24">
        <v>16921.998730142266</v>
      </c>
      <c r="G155" s="24">
        <v>16856.524404921438</v>
      </c>
      <c r="H155" s="24">
        <v>65.474325220828177</v>
      </c>
    </row>
    <row r="156" spans="1:8">
      <c r="A156" s="20">
        <v>36800</v>
      </c>
      <c r="B156" s="21">
        <v>730.00063236297569</v>
      </c>
      <c r="C156" s="22">
        <v>1011.168748608538</v>
      </c>
      <c r="D156" s="22">
        <v>-281.16811624556226</v>
      </c>
      <c r="E156" s="19"/>
      <c r="F156" s="24">
        <v>16513.847236327099</v>
      </c>
      <c r="G156" s="24">
        <v>16726.302133801164</v>
      </c>
      <c r="H156" s="24">
        <v>-212.45489747406464</v>
      </c>
    </row>
    <row r="157" spans="1:8">
      <c r="A157" s="20">
        <v>36831</v>
      </c>
      <c r="B157" s="21">
        <v>2028.3323467825894</v>
      </c>
      <c r="C157" s="22">
        <v>1946.8237877860747</v>
      </c>
      <c r="D157" s="22">
        <v>81.508558996514694</v>
      </c>
      <c r="E157" s="19"/>
      <c r="F157" s="24">
        <v>16862.136104665973</v>
      </c>
      <c r="G157" s="24">
        <v>16953.203575821455</v>
      </c>
      <c r="H157" s="24">
        <v>-91.067471155482053</v>
      </c>
    </row>
    <row r="158" spans="1:8">
      <c r="A158" s="20">
        <v>36861</v>
      </c>
      <c r="B158" s="21">
        <v>3161.4233233682498</v>
      </c>
      <c r="C158" s="22">
        <v>3174.2521978996674</v>
      </c>
      <c r="D158" s="22">
        <v>-12.828874531417569</v>
      </c>
      <c r="E158" s="19"/>
      <c r="F158" s="24">
        <v>17618.347299516223</v>
      </c>
      <c r="G158" s="24">
        <v>17615.704218766128</v>
      </c>
      <c r="H158" s="24">
        <v>2.6430807500946685</v>
      </c>
    </row>
    <row r="159" spans="1:8">
      <c r="A159" s="20">
        <v>36892</v>
      </c>
      <c r="B159" s="21">
        <v>2740.3834723138316</v>
      </c>
      <c r="C159" s="22">
        <v>2896.4375982936795</v>
      </c>
      <c r="D159" s="22">
        <v>-156.05412597984787</v>
      </c>
      <c r="E159" s="19"/>
      <c r="F159" s="24">
        <v>17483.183634474532</v>
      </c>
      <c r="G159" s="24">
        <v>17434.16097099931</v>
      </c>
      <c r="H159" s="24">
        <v>49.022663475221634</v>
      </c>
    </row>
    <row r="160" spans="1:8">
      <c r="A160" s="20">
        <v>36923</v>
      </c>
      <c r="B160" s="21">
        <v>2621.508644149827</v>
      </c>
      <c r="C160" s="22">
        <v>2553.5415631554615</v>
      </c>
      <c r="D160" s="22">
        <v>67.96708099436546</v>
      </c>
      <c r="E160" s="19"/>
      <c r="F160" s="24">
        <v>17468.750555987564</v>
      </c>
      <c r="G160" s="24">
        <v>17459.227387144896</v>
      </c>
      <c r="H160" s="24">
        <v>9.5231688426683831</v>
      </c>
    </row>
    <row r="161" spans="1:8">
      <c r="A161" s="20">
        <v>36951</v>
      </c>
      <c r="B161" s="21">
        <v>2421.950880911269</v>
      </c>
      <c r="C161" s="22">
        <v>2489.5901317828038</v>
      </c>
      <c r="D161" s="22">
        <v>-67.639250871534841</v>
      </c>
      <c r="E161" s="19"/>
      <c r="F161" s="24">
        <v>17345.017962055143</v>
      </c>
      <c r="G161" s="24">
        <v>17403.134044084007</v>
      </c>
      <c r="H161" s="24">
        <v>-58.116082028864184</v>
      </c>
    </row>
    <row r="162" spans="1:8">
      <c r="A162" s="20">
        <v>36982</v>
      </c>
      <c r="B162" s="21">
        <v>1427.2466165625638</v>
      </c>
      <c r="C162" s="22">
        <v>1345.6915162784644</v>
      </c>
      <c r="D162" s="22">
        <v>81.555100284099353</v>
      </c>
      <c r="E162" s="19"/>
      <c r="F162" s="24">
        <v>17772.832258513157</v>
      </c>
      <c r="G162" s="24">
        <v>17749.393240257919</v>
      </c>
      <c r="H162" s="24">
        <v>23.439018255237897</v>
      </c>
    </row>
    <row r="163" spans="1:8">
      <c r="A163" s="20">
        <v>37012</v>
      </c>
      <c r="B163" s="21">
        <v>783.11024914527206</v>
      </c>
      <c r="C163" s="22">
        <v>690.8701713313518</v>
      </c>
      <c r="D163" s="22">
        <v>92.240077813920266</v>
      </c>
      <c r="E163" s="19"/>
      <c r="F163" s="24">
        <v>17656.924516918196</v>
      </c>
      <c r="G163" s="24">
        <v>17703.166281623806</v>
      </c>
      <c r="H163" s="24">
        <v>-46.241764705609967</v>
      </c>
    </row>
    <row r="164" spans="1:8">
      <c r="A164" s="20">
        <v>37043</v>
      </c>
      <c r="B164" s="21">
        <v>373.52143527426875</v>
      </c>
      <c r="C164" s="22">
        <v>354.56705080580463</v>
      </c>
      <c r="D164" s="22">
        <v>18.954384468464127</v>
      </c>
      <c r="E164" s="19"/>
      <c r="F164" s="24">
        <v>17703.442964392598</v>
      </c>
      <c r="G164" s="24">
        <v>17683.269262337755</v>
      </c>
      <c r="H164" s="24">
        <v>20.173702054842579</v>
      </c>
    </row>
    <row r="165" spans="1:8">
      <c r="A165" s="20">
        <v>37073</v>
      </c>
      <c r="B165" s="21">
        <v>319.67357177429722</v>
      </c>
      <c r="C165" s="22">
        <v>352.90896586530033</v>
      </c>
      <c r="D165" s="22">
        <v>-33.235394091003116</v>
      </c>
      <c r="E165" s="19"/>
      <c r="F165" s="24">
        <v>17596.699950056282</v>
      </c>
      <c r="G165" s="24">
        <v>17663.372243051701</v>
      </c>
      <c r="H165" s="24">
        <v>-66.672292995419411</v>
      </c>
    </row>
    <row r="166" spans="1:8">
      <c r="A166" s="20">
        <v>37104</v>
      </c>
      <c r="B166" s="21">
        <v>388.75546436593874</v>
      </c>
      <c r="C166" s="22">
        <v>351.25088092479609</v>
      </c>
      <c r="D166" s="22">
        <v>37.504583441142643</v>
      </c>
      <c r="E166" s="19"/>
      <c r="F166" s="24">
        <v>17472.576424093626</v>
      </c>
      <c r="G166" s="24">
        <v>17643.47522376565</v>
      </c>
      <c r="H166" s="24">
        <v>-170.89879967202432</v>
      </c>
    </row>
    <row r="167" spans="1:8">
      <c r="A167" s="20">
        <v>37135</v>
      </c>
      <c r="B167" s="21">
        <v>478.92225960142855</v>
      </c>
      <c r="C167" s="22">
        <v>446.78678869659007</v>
      </c>
      <c r="D167" s="22">
        <v>32.135470904838485</v>
      </c>
      <c r="E167" s="19"/>
      <c r="F167" s="24">
        <v>17474.828896612515</v>
      </c>
      <c r="G167" s="24">
        <v>17613.889401428529</v>
      </c>
      <c r="H167" s="24">
        <v>-139.06050481601415</v>
      </c>
    </row>
    <row r="168" spans="1:8">
      <c r="A168" s="20">
        <v>37165</v>
      </c>
      <c r="B168" s="21">
        <v>1167.1660905186777</v>
      </c>
      <c r="C168" s="22">
        <v>1020.7177049736429</v>
      </c>
      <c r="D168" s="22">
        <v>146.44838554503485</v>
      </c>
      <c r="E168" s="19"/>
      <c r="F168" s="24">
        <v>17911.994354768212</v>
      </c>
      <c r="G168" s="24">
        <v>17623.438357793635</v>
      </c>
      <c r="H168" s="24">
        <v>288.55599697457728</v>
      </c>
    </row>
    <row r="169" spans="1:8">
      <c r="A169" s="20">
        <v>37196</v>
      </c>
      <c r="B169" s="21">
        <v>1441.3396720585556</v>
      </c>
      <c r="C169" s="22">
        <v>1528.535160270784</v>
      </c>
      <c r="D169" s="22">
        <v>-87.195488212228383</v>
      </c>
      <c r="E169" s="19"/>
      <c r="F169" s="24">
        <v>17325.001680044184</v>
      </c>
      <c r="G169" s="24">
        <v>17205.149730278346</v>
      </c>
      <c r="H169" s="24">
        <v>119.85194976583807</v>
      </c>
    </row>
    <row r="170" spans="1:8">
      <c r="A170" s="20">
        <v>37226</v>
      </c>
      <c r="B170" s="21">
        <v>2266.9427792078204</v>
      </c>
      <c r="C170" s="22">
        <v>2295.9966355827296</v>
      </c>
      <c r="D170" s="22">
        <v>-29.053856374909174</v>
      </c>
      <c r="E170" s="19"/>
      <c r="F170" s="24">
        <v>16430.521135883755</v>
      </c>
      <c r="G170" s="24">
        <v>16326.894167961407</v>
      </c>
      <c r="H170" s="24">
        <v>103.62696792234783</v>
      </c>
    </row>
    <row r="171" spans="1:8">
      <c r="A171" s="20">
        <v>37257</v>
      </c>
      <c r="B171" s="21">
        <v>2461.2309880763955</v>
      </c>
      <c r="C171" s="22">
        <v>2558.8705537218057</v>
      </c>
      <c r="D171" s="22">
        <v>-97.63956564541013</v>
      </c>
      <c r="E171" s="19"/>
      <c r="F171" s="24">
        <v>16151.368651646313</v>
      </c>
      <c r="G171" s="24">
        <v>15989.327123389532</v>
      </c>
      <c r="H171" s="24">
        <v>162.04152825678102</v>
      </c>
    </row>
    <row r="172" spans="1:8">
      <c r="A172" s="20">
        <v>37288</v>
      </c>
      <c r="B172" s="21">
        <v>2553.513555214638</v>
      </c>
      <c r="C172" s="22">
        <v>2412.5536325505577</v>
      </c>
      <c r="D172" s="22">
        <v>140.9599226640803</v>
      </c>
      <c r="E172" s="19"/>
      <c r="F172" s="24">
        <v>16083.373562711124</v>
      </c>
      <c r="G172" s="24">
        <v>15848.339192784633</v>
      </c>
      <c r="H172" s="24">
        <v>235.0343699264904</v>
      </c>
    </row>
    <row r="173" spans="1:8">
      <c r="A173" s="20">
        <v>37316</v>
      </c>
      <c r="B173" s="21">
        <v>2423.0122553529654</v>
      </c>
      <c r="C173" s="22">
        <v>2422.1895101713308</v>
      </c>
      <c r="D173" s="22">
        <v>0.82274518163467292</v>
      </c>
      <c r="E173" s="19"/>
      <c r="F173" s="24">
        <v>16084.434937152821</v>
      </c>
      <c r="G173" s="24">
        <v>15780.938571173157</v>
      </c>
      <c r="H173" s="24">
        <v>303.4963659796631</v>
      </c>
    </row>
    <row r="174" spans="1:8">
      <c r="A174" s="20">
        <v>37347</v>
      </c>
      <c r="B174" s="21">
        <v>1405.5225604529917</v>
      </c>
      <c r="C174" s="22">
        <v>1497.9208235942301</v>
      </c>
      <c r="D174" s="22">
        <v>-92.398263141238431</v>
      </c>
      <c r="E174" s="19"/>
      <c r="F174" s="24">
        <v>16062.710881043249</v>
      </c>
      <c r="G174" s="24">
        <v>15933.167878488923</v>
      </c>
      <c r="H174" s="24">
        <v>129.54300255432645</v>
      </c>
    </row>
    <row r="175" spans="1:8">
      <c r="A175" s="20">
        <v>37377</v>
      </c>
      <c r="B175" s="21">
        <v>1098.5623975320395</v>
      </c>
      <c r="C175" s="22">
        <v>1015.9098645802464</v>
      </c>
      <c r="D175" s="22">
        <v>82.652532951793091</v>
      </c>
      <c r="E175" s="19"/>
      <c r="F175" s="24">
        <v>16378.163029430018</v>
      </c>
      <c r="G175" s="24">
        <v>16258.207571737819</v>
      </c>
      <c r="H175" s="24">
        <v>119.95545769219825</v>
      </c>
    </row>
    <row r="176" spans="1:8">
      <c r="A176" s="20">
        <v>37408</v>
      </c>
      <c r="B176" s="21">
        <v>375.44377651199062</v>
      </c>
      <c r="C176" s="22">
        <v>388.56182308902726</v>
      </c>
      <c r="D176" s="22">
        <v>-13.118046577036637</v>
      </c>
      <c r="E176" s="19"/>
      <c r="F176" s="24">
        <v>16380.085370667739</v>
      </c>
      <c r="G176" s="24">
        <v>16292.20234402104</v>
      </c>
      <c r="H176" s="24">
        <v>87.883026646699363</v>
      </c>
    </row>
    <row r="177" spans="1:8">
      <c r="A177" s="20">
        <v>37438</v>
      </c>
      <c r="B177" s="21">
        <v>420.34940589654161</v>
      </c>
      <c r="C177" s="22">
        <v>386.90373814852296</v>
      </c>
      <c r="D177" s="22">
        <v>33.44566774801865</v>
      </c>
      <c r="E177" s="19"/>
      <c r="F177" s="24">
        <v>16480.761204789986</v>
      </c>
      <c r="G177" s="24">
        <v>16326.197116304264</v>
      </c>
      <c r="H177" s="24">
        <v>154.5640884857221</v>
      </c>
    </row>
    <row r="178" spans="1:8">
      <c r="A178" s="20">
        <v>37469</v>
      </c>
      <c r="B178" s="21">
        <v>353.67399310747817</v>
      </c>
      <c r="C178" s="22">
        <v>385.24565320801867</v>
      </c>
      <c r="D178" s="22">
        <v>-31.571660100540498</v>
      </c>
      <c r="E178" s="19"/>
      <c r="F178" s="24">
        <v>16445.679733531524</v>
      </c>
      <c r="G178" s="24">
        <v>16360.191888587484</v>
      </c>
      <c r="H178" s="24">
        <v>85.487844944040262</v>
      </c>
    </row>
    <row r="179" spans="1:8">
      <c r="A179" s="20">
        <v>37500</v>
      </c>
      <c r="B179" s="21">
        <v>401.64684783222179</v>
      </c>
      <c r="C179" s="22">
        <v>416.01956163845972</v>
      </c>
      <c r="D179" s="22">
        <v>-14.372713806237925</v>
      </c>
      <c r="E179" s="19"/>
      <c r="F179" s="24">
        <v>16368.404321762318</v>
      </c>
      <c r="G179" s="24">
        <v>16329.424661529352</v>
      </c>
      <c r="H179" s="24">
        <v>38.979660232966125</v>
      </c>
    </row>
    <row r="180" spans="1:8">
      <c r="A180" s="20">
        <v>37530</v>
      </c>
      <c r="B180" s="21">
        <v>1305.5925024565943</v>
      </c>
      <c r="C180" s="22">
        <v>1231.161250819528</v>
      </c>
      <c r="D180" s="22">
        <v>74.431251637066225</v>
      </c>
      <c r="E180" s="19"/>
      <c r="F180" s="24">
        <v>16506.830733700233</v>
      </c>
      <c r="G180" s="24">
        <v>16539.868207375239</v>
      </c>
      <c r="H180" s="24">
        <v>-33.037473675005458</v>
      </c>
    </row>
    <row r="181" spans="1:8">
      <c r="A181" s="20">
        <v>37561</v>
      </c>
      <c r="B181" s="21">
        <v>2109.6846882919035</v>
      </c>
      <c r="C181" s="22">
        <v>1946.2876952450345</v>
      </c>
      <c r="D181" s="22">
        <v>163.39699304686906</v>
      </c>
      <c r="E181" s="19"/>
      <c r="F181" s="24">
        <v>17175.17574993358</v>
      </c>
      <c r="G181" s="24">
        <v>16957.620742349493</v>
      </c>
      <c r="H181" s="24">
        <v>217.55500758408743</v>
      </c>
    </row>
    <row r="182" spans="1:8">
      <c r="A182" s="20">
        <v>37591</v>
      </c>
      <c r="B182" s="21">
        <v>2514.5014641903599</v>
      </c>
      <c r="C182" s="22">
        <v>2733.8960950813889</v>
      </c>
      <c r="D182" s="22">
        <v>-219.39463089102901</v>
      </c>
      <c r="E182" s="19"/>
      <c r="F182" s="24">
        <v>17422.734434916121</v>
      </c>
      <c r="G182" s="24">
        <v>17395.52020184815</v>
      </c>
      <c r="H182" s="24">
        <v>27.214233067970781</v>
      </c>
    </row>
    <row r="183" spans="1:8">
      <c r="A183" s="20">
        <v>37622</v>
      </c>
      <c r="B183" s="21">
        <v>3300.949679625759</v>
      </c>
      <c r="C183" s="22">
        <v>3354.3141174440675</v>
      </c>
      <c r="D183" s="22">
        <v>-53.364437818308488</v>
      </c>
      <c r="E183" s="19"/>
      <c r="F183" s="24">
        <v>18262.453126465487</v>
      </c>
      <c r="G183" s="24">
        <v>18190.963765570414</v>
      </c>
      <c r="H183" s="24">
        <v>71.489360895073332</v>
      </c>
    </row>
    <row r="184" spans="1:8">
      <c r="A184" s="20">
        <v>37653</v>
      </c>
      <c r="B184" s="21">
        <v>2975.007259073845</v>
      </c>
      <c r="C184" s="22">
        <v>2992.5437809816162</v>
      </c>
      <c r="D184" s="22">
        <v>-17.536521907771203</v>
      </c>
      <c r="E184" s="19"/>
      <c r="F184" s="24">
        <v>18683.94683032469</v>
      </c>
      <c r="G184" s="24">
        <v>18770.953914001475</v>
      </c>
      <c r="H184" s="24">
        <v>-87.007083676784532</v>
      </c>
    </row>
    <row r="185" spans="1:8">
      <c r="A185" s="20">
        <v>37681</v>
      </c>
      <c r="B185" s="21">
        <v>2437.995178025923</v>
      </c>
      <c r="C185" s="22">
        <v>2490.6406833597021</v>
      </c>
      <c r="D185" s="22">
        <v>-52.645505333779056</v>
      </c>
      <c r="E185" s="19"/>
      <c r="F185" s="24">
        <v>18698.929752997647</v>
      </c>
      <c r="G185" s="24">
        <v>18839.40508718984</v>
      </c>
      <c r="H185" s="24">
        <v>-140.47533419219326</v>
      </c>
    </row>
    <row r="186" spans="1:8">
      <c r="A186" s="20">
        <v>37712</v>
      </c>
      <c r="B186" s="21">
        <v>1609.7318557504825</v>
      </c>
      <c r="C186" s="22">
        <v>1613.0998864819849</v>
      </c>
      <c r="D186" s="22">
        <v>-3.3680307315023583</v>
      </c>
      <c r="E186" s="19"/>
      <c r="F186" s="24">
        <v>18903.139048295139</v>
      </c>
      <c r="G186" s="24">
        <v>18954.584150077597</v>
      </c>
      <c r="H186" s="24">
        <v>-51.445101782457641</v>
      </c>
    </row>
    <row r="187" spans="1:8">
      <c r="A187" s="20">
        <v>37742</v>
      </c>
      <c r="B187" s="21">
        <v>777.07037904411391</v>
      </c>
      <c r="C187" s="22">
        <v>924.38408556237107</v>
      </c>
      <c r="D187" s="22">
        <v>-147.31370651825716</v>
      </c>
      <c r="E187" s="19"/>
      <c r="F187" s="24">
        <v>18581.647029807216</v>
      </c>
      <c r="G187" s="24">
        <v>18863.05837105972</v>
      </c>
      <c r="H187" s="24">
        <v>-281.41134125250392</v>
      </c>
    </row>
    <row r="188" spans="1:8">
      <c r="A188" s="20">
        <v>37773</v>
      </c>
      <c r="B188" s="21">
        <v>364.23955360028964</v>
      </c>
      <c r="C188" s="22">
        <v>368.66480380297583</v>
      </c>
      <c r="D188" s="22">
        <v>-4.4252502026861862</v>
      </c>
      <c r="E188" s="19"/>
      <c r="F188" s="24">
        <v>18570.442806895517</v>
      </c>
      <c r="G188" s="24">
        <v>18843.16135177367</v>
      </c>
      <c r="H188" s="24">
        <v>-272.7185448781529</v>
      </c>
    </row>
    <row r="189" spans="1:8">
      <c r="A189" s="20">
        <v>37803</v>
      </c>
      <c r="B189" s="21">
        <v>388.45796940940374</v>
      </c>
      <c r="C189" s="22">
        <v>367.00671886247153</v>
      </c>
      <c r="D189" s="22">
        <v>21.451250546932215</v>
      </c>
      <c r="E189" s="19"/>
      <c r="F189" s="24">
        <v>18538.551370408379</v>
      </c>
      <c r="G189" s="24">
        <v>18823.264332487615</v>
      </c>
      <c r="H189" s="24">
        <v>-284.7129620792366</v>
      </c>
    </row>
    <row r="190" spans="1:8">
      <c r="A190" s="20">
        <v>37834</v>
      </c>
      <c r="B190" s="21">
        <v>371.21677554206326</v>
      </c>
      <c r="C190" s="22">
        <v>365.34863392196723</v>
      </c>
      <c r="D190" s="22">
        <v>5.8681416200960257</v>
      </c>
      <c r="E190" s="19"/>
      <c r="F190" s="24">
        <v>18556.094152842961</v>
      </c>
      <c r="G190" s="24">
        <v>18803.367313201565</v>
      </c>
      <c r="H190" s="24">
        <v>-247.27316035860349</v>
      </c>
    </row>
    <row r="191" spans="1:8">
      <c r="A191" s="20">
        <v>37865</v>
      </c>
      <c r="B191" s="21">
        <v>425.17761076730324</v>
      </c>
      <c r="C191" s="22">
        <v>439.46718758087286</v>
      </c>
      <c r="D191" s="22">
        <v>-14.289576813569624</v>
      </c>
      <c r="E191" s="19"/>
      <c r="F191" s="24">
        <v>18579.624915778044</v>
      </c>
      <c r="G191" s="24">
        <v>18826.81493914398</v>
      </c>
      <c r="H191" s="24">
        <v>-247.19002336593621</v>
      </c>
    </row>
    <row r="192" spans="1:8">
      <c r="A192" s="20">
        <v>37895</v>
      </c>
      <c r="B192" s="21">
        <v>1167.2165834596351</v>
      </c>
      <c r="C192" s="22">
        <v>1151.9170724031319</v>
      </c>
      <c r="D192" s="22">
        <v>15.299511056503206</v>
      </c>
      <c r="E192" s="19"/>
      <c r="F192" s="24">
        <v>18441.248996781083</v>
      </c>
      <c r="G192" s="24">
        <v>18747.570760727584</v>
      </c>
      <c r="H192" s="24">
        <v>-306.32176394650014</v>
      </c>
    </row>
    <row r="193" spans="1:8">
      <c r="A193" s="20">
        <v>37926</v>
      </c>
      <c r="B193" s="21">
        <v>1849.0787522761425</v>
      </c>
      <c r="C193" s="22">
        <v>1748.5405355243861</v>
      </c>
      <c r="D193" s="22">
        <v>100.53821675175641</v>
      </c>
      <c r="E193" s="19"/>
      <c r="F193" s="24">
        <v>18180.64306076532</v>
      </c>
      <c r="G193" s="24">
        <v>18549.823601006934</v>
      </c>
      <c r="H193" s="24">
        <v>-369.18054024161393</v>
      </c>
    </row>
    <row r="194" spans="1:8">
      <c r="A194" s="20">
        <v>37956</v>
      </c>
      <c r="B194" s="21">
        <v>2523.9373867101949</v>
      </c>
      <c r="C194" s="22">
        <v>2505.5082470113834</v>
      </c>
      <c r="D194" s="22">
        <v>18.429139698811468</v>
      </c>
      <c r="E194" s="19"/>
      <c r="F194" s="24">
        <v>18190.078983285159</v>
      </c>
      <c r="G194" s="24">
        <v>18321.43575293693</v>
      </c>
      <c r="H194" s="24">
        <v>-131.35676965177117</v>
      </c>
    </row>
    <row r="195" spans="1:8">
      <c r="A195" s="20">
        <v>37987</v>
      </c>
      <c r="B195" s="21">
        <v>3385.0639632999482</v>
      </c>
      <c r="C195" s="22">
        <v>3465.7546587986385</v>
      </c>
      <c r="D195" s="22">
        <v>-80.690695498690275</v>
      </c>
      <c r="E195" s="19"/>
      <c r="F195" s="24">
        <v>18274.193266959344</v>
      </c>
      <c r="G195" s="24">
        <v>18432.876294291502</v>
      </c>
      <c r="H195" s="24">
        <v>-158.68302733215751</v>
      </c>
    </row>
    <row r="196" spans="1:8">
      <c r="A196" s="20">
        <v>38018</v>
      </c>
      <c r="B196" s="21">
        <v>2639.1150455724783</v>
      </c>
      <c r="C196" s="22">
        <v>2699.493891448361</v>
      </c>
      <c r="D196" s="22">
        <v>-60.378845875882689</v>
      </c>
      <c r="E196" s="19"/>
      <c r="F196" s="24">
        <v>17938.301053457981</v>
      </c>
      <c r="G196" s="24">
        <v>18139.826404758245</v>
      </c>
      <c r="H196" s="24">
        <v>-201.52535130026445</v>
      </c>
    </row>
    <row r="197" spans="1:8">
      <c r="A197" s="20">
        <v>38047</v>
      </c>
      <c r="B197" s="21">
        <v>2061.8182276199905</v>
      </c>
      <c r="C197" s="22">
        <v>2192.2791080466732</v>
      </c>
      <c r="D197" s="22">
        <v>-130.46088042668271</v>
      </c>
      <c r="E197" s="19"/>
      <c r="F197" s="24">
        <v>17562.124103052047</v>
      </c>
      <c r="G197" s="24">
        <v>17841.464829445216</v>
      </c>
      <c r="H197" s="24">
        <v>-279.34072639316946</v>
      </c>
    </row>
    <row r="198" spans="1:8">
      <c r="A198" s="20">
        <v>38078</v>
      </c>
      <c r="B198" s="21">
        <v>1387.6029428999361</v>
      </c>
      <c r="C198" s="22">
        <v>1429.9429714387886</v>
      </c>
      <c r="D198" s="22">
        <v>-42.340028538852494</v>
      </c>
      <c r="E198" s="19"/>
      <c r="F198" s="24">
        <v>17339.995190201498</v>
      </c>
      <c r="G198" s="24">
        <v>17658.307914402019</v>
      </c>
      <c r="H198" s="24">
        <v>-318.31272420052119</v>
      </c>
    </row>
    <row r="199" spans="1:8">
      <c r="A199" s="20">
        <v>38108</v>
      </c>
      <c r="B199" s="21">
        <v>772.29917132362596</v>
      </c>
      <c r="C199" s="22">
        <v>772.55425190861229</v>
      </c>
      <c r="D199" s="22">
        <v>-0.2550805849863309</v>
      </c>
      <c r="E199" s="19"/>
      <c r="F199" s="24">
        <v>17335.223982481009</v>
      </c>
      <c r="G199" s="24">
        <v>17506.47808074826</v>
      </c>
      <c r="H199" s="24">
        <v>-171.25409826725081</v>
      </c>
    </row>
    <row r="200" spans="1:8">
      <c r="A200" s="20">
        <v>38139</v>
      </c>
      <c r="B200" s="21">
        <v>367.96038917427791</v>
      </c>
      <c r="C200" s="22">
        <v>348.76778451692439</v>
      </c>
      <c r="D200" s="22">
        <v>19.192604657353513</v>
      </c>
      <c r="E200" s="19"/>
      <c r="F200" s="24">
        <v>17338.944818054999</v>
      </c>
      <c r="G200" s="24">
        <v>17486.58106146221</v>
      </c>
      <c r="H200" s="24">
        <v>-147.63624340721071</v>
      </c>
    </row>
    <row r="201" spans="1:8">
      <c r="A201" s="20">
        <v>38169</v>
      </c>
      <c r="B201" s="21">
        <v>402.07783241916661</v>
      </c>
      <c r="C201" s="22">
        <v>347.1096995764201</v>
      </c>
      <c r="D201" s="22">
        <v>54.968132842746513</v>
      </c>
      <c r="E201" s="19"/>
      <c r="F201" s="24">
        <v>17352.564681064763</v>
      </c>
      <c r="G201" s="24">
        <v>17466.684042176159</v>
      </c>
      <c r="H201" s="24">
        <v>-114.11936111139585</v>
      </c>
    </row>
    <row r="202" spans="1:8">
      <c r="A202" s="20">
        <v>38200</v>
      </c>
      <c r="B202" s="21">
        <v>375.21116208208059</v>
      </c>
      <c r="C202" s="22">
        <v>345.4516146359158</v>
      </c>
      <c r="D202" s="22">
        <v>29.759547446164788</v>
      </c>
      <c r="E202" s="19"/>
      <c r="F202" s="24">
        <v>17356.55906760478</v>
      </c>
      <c r="G202" s="24">
        <v>17446.787022890108</v>
      </c>
      <c r="H202" s="24">
        <v>-90.22795528532879</v>
      </c>
    </row>
    <row r="203" spans="1:8">
      <c r="A203" s="20">
        <v>38231</v>
      </c>
      <c r="B203" s="21">
        <v>435.56680802547498</v>
      </c>
      <c r="C203" s="22">
        <v>395.70511656903147</v>
      </c>
      <c r="D203" s="22">
        <v>39.861691456443509</v>
      </c>
      <c r="E203" s="19"/>
      <c r="F203" s="24">
        <v>17366.948264862953</v>
      </c>
      <c r="G203" s="24">
        <v>17403.024951878266</v>
      </c>
      <c r="H203" s="24">
        <v>-36.076687015312928</v>
      </c>
    </row>
    <row r="204" spans="1:8">
      <c r="A204" s="20">
        <v>38261</v>
      </c>
      <c r="B204" s="21">
        <v>983.06051763484345</v>
      </c>
      <c r="C204" s="22">
        <v>1026.6285918359774</v>
      </c>
      <c r="D204" s="22">
        <v>-43.568074201133982</v>
      </c>
      <c r="E204" s="19"/>
      <c r="F204" s="24">
        <v>17182.792199038155</v>
      </c>
      <c r="G204" s="24">
        <v>17277.736471311113</v>
      </c>
      <c r="H204" s="24">
        <v>-94.944272272958187</v>
      </c>
    </row>
    <row r="205" spans="1:8">
      <c r="A205" s="20">
        <v>38292</v>
      </c>
      <c r="B205" s="21">
        <v>1736.3367890859611</v>
      </c>
      <c r="C205" s="22">
        <v>1729.427998061893</v>
      </c>
      <c r="D205" s="22">
        <v>6.908791024068023</v>
      </c>
      <c r="E205" s="19"/>
      <c r="F205" s="24">
        <v>17070.050235847975</v>
      </c>
      <c r="G205" s="24">
        <v>17258.623933848619</v>
      </c>
      <c r="H205" s="24">
        <v>-188.57369800064407</v>
      </c>
    </row>
    <row r="206" spans="1:8">
      <c r="A206" s="20">
        <v>38322</v>
      </c>
      <c r="B206" s="21">
        <v>2740.4575627277045</v>
      </c>
      <c r="C206" s="22">
        <v>2656.0607564909669</v>
      </c>
      <c r="D206" s="22">
        <v>84.396806236737575</v>
      </c>
      <c r="E206" s="19"/>
      <c r="F206" s="24">
        <v>17286.570411865487</v>
      </c>
      <c r="G206" s="24">
        <v>17409.176443328201</v>
      </c>
      <c r="H206" s="24">
        <v>-122.60603146271387</v>
      </c>
    </row>
    <row r="207" spans="1:8">
      <c r="A207" s="20">
        <v>38353</v>
      </c>
      <c r="B207" s="21">
        <v>3136.5517700460432</v>
      </c>
      <c r="C207" s="22">
        <v>3188.4210534135882</v>
      </c>
      <c r="D207" s="22">
        <v>-51.869283367544995</v>
      </c>
      <c r="E207" s="19"/>
      <c r="F207" s="24">
        <v>17038.058218611583</v>
      </c>
      <c r="G207" s="24">
        <v>17131.842837943153</v>
      </c>
      <c r="H207" s="24">
        <v>-93.784619331570866</v>
      </c>
    </row>
    <row r="208" spans="1:8">
      <c r="A208" s="20">
        <v>38384</v>
      </c>
      <c r="B208" s="21">
        <v>2623.9650727287058</v>
      </c>
      <c r="C208" s="22">
        <v>2624.5166637585526</v>
      </c>
      <c r="D208" s="22">
        <v>-0.5515910298468043</v>
      </c>
      <c r="E208" s="19"/>
      <c r="F208" s="24">
        <v>17022.908245767809</v>
      </c>
      <c r="G208" s="24">
        <v>17056.865610253346</v>
      </c>
      <c r="H208" s="24">
        <v>-33.957364485537255</v>
      </c>
    </row>
    <row r="209" spans="1:8">
      <c r="A209" s="20">
        <v>38412</v>
      </c>
      <c r="B209" s="21">
        <v>2431.7099267628278</v>
      </c>
      <c r="C209" s="22">
        <v>2613.7502739492979</v>
      </c>
      <c r="D209" s="22">
        <v>-182.04034718647017</v>
      </c>
      <c r="E209" s="19"/>
      <c r="F209" s="24">
        <v>17392.799944910646</v>
      </c>
      <c r="G209" s="24">
        <v>17478.336776155971</v>
      </c>
      <c r="H209" s="24">
        <v>-85.53683124532472</v>
      </c>
    </row>
    <row r="210" spans="1:8">
      <c r="A210" s="20">
        <v>38443</v>
      </c>
      <c r="B210" s="21">
        <v>1316.7540361675301</v>
      </c>
      <c r="C210" s="22">
        <v>1403.5155563224512</v>
      </c>
      <c r="D210" s="22">
        <v>-86.761520154921072</v>
      </c>
      <c r="E210" s="19"/>
      <c r="F210" s="24">
        <v>17321.951038178242</v>
      </c>
      <c r="G210" s="24">
        <v>17451.909361039634</v>
      </c>
      <c r="H210" s="24">
        <v>-129.95832286139193</v>
      </c>
    </row>
    <row r="211" spans="1:8">
      <c r="A211" s="20">
        <v>38473</v>
      </c>
      <c r="B211" s="21">
        <v>805.65967550256971</v>
      </c>
      <c r="C211" s="22">
        <v>866.18740120936468</v>
      </c>
      <c r="D211" s="22">
        <v>-60.527725706794968</v>
      </c>
      <c r="E211" s="19"/>
      <c r="F211" s="24">
        <v>17355.311542357187</v>
      </c>
      <c r="G211" s="24">
        <v>17545.542510340387</v>
      </c>
      <c r="H211" s="24">
        <v>-190.23096798319966</v>
      </c>
    </row>
    <row r="212" spans="1:8">
      <c r="A212" s="20">
        <v>38504</v>
      </c>
      <c r="B212" s="21">
        <v>383.93347962276152</v>
      </c>
      <c r="C212" s="22">
        <v>328.87076523087296</v>
      </c>
      <c r="D212" s="22">
        <v>55.062714391888562</v>
      </c>
      <c r="E212" s="19"/>
      <c r="F212" s="24">
        <v>17371.284632805673</v>
      </c>
      <c r="G212" s="24">
        <v>17525.645491054329</v>
      </c>
      <c r="H212" s="24">
        <v>-154.36085824865586</v>
      </c>
    </row>
    <row r="213" spans="1:8">
      <c r="A213" s="20">
        <v>38534</v>
      </c>
      <c r="B213" s="21">
        <v>316.03721902424701</v>
      </c>
      <c r="C213" s="22">
        <v>327.21268029036867</v>
      </c>
      <c r="D213" s="22">
        <v>-11.175461266121658</v>
      </c>
      <c r="E213" s="19"/>
      <c r="F213" s="24">
        <v>17285.244019410755</v>
      </c>
      <c r="G213" s="24">
        <v>17505.748471768278</v>
      </c>
      <c r="H213" s="24">
        <v>-220.50445235752341</v>
      </c>
    </row>
    <row r="214" spans="1:8">
      <c r="A214" s="20">
        <v>38565</v>
      </c>
      <c r="B214" s="21">
        <v>340.26414047212705</v>
      </c>
      <c r="C214" s="22">
        <v>325.55459534986437</v>
      </c>
      <c r="D214" s="22">
        <v>14.709545122262682</v>
      </c>
      <c r="E214" s="19"/>
      <c r="F214" s="24">
        <v>17250.296997800797</v>
      </c>
      <c r="G214" s="24">
        <v>17485.851452482231</v>
      </c>
      <c r="H214" s="24">
        <v>-235.55445468143444</v>
      </c>
    </row>
    <row r="215" spans="1:8">
      <c r="A215" s="20">
        <v>38596</v>
      </c>
      <c r="B215" s="21">
        <v>379.155268138721</v>
      </c>
      <c r="C215" s="22">
        <v>357.96030218890633</v>
      </c>
      <c r="D215" s="22">
        <v>21.194965949814673</v>
      </c>
      <c r="E215" s="19"/>
      <c r="F215" s="24">
        <v>17193.885457914042</v>
      </c>
      <c r="G215" s="24">
        <v>17448.106638102105</v>
      </c>
      <c r="H215" s="24">
        <v>-254.22118018806214</v>
      </c>
    </row>
    <row r="216" spans="1:8">
      <c r="A216" s="20">
        <v>38626</v>
      </c>
      <c r="B216" s="21">
        <v>928.85518204533787</v>
      </c>
      <c r="C216" s="22">
        <v>973.22712785348779</v>
      </c>
      <c r="D216" s="22">
        <v>-44.371945808149917</v>
      </c>
      <c r="E216" s="19"/>
      <c r="F216" s="24">
        <v>17139.680122324535</v>
      </c>
      <c r="G216" s="24">
        <v>17394.705174119612</v>
      </c>
      <c r="H216" s="24">
        <v>-255.02505179507716</v>
      </c>
    </row>
    <row r="217" spans="1:8">
      <c r="A217" s="20">
        <v>38657</v>
      </c>
      <c r="B217" s="21">
        <v>1713.3883167573035</v>
      </c>
      <c r="C217" s="22">
        <v>1709.7275149978127</v>
      </c>
      <c r="D217" s="22">
        <v>3.6608017594908233</v>
      </c>
      <c r="E217" s="19"/>
      <c r="F217" s="24">
        <v>17116.731649995876</v>
      </c>
      <c r="G217" s="24">
        <v>17375.004691055536</v>
      </c>
      <c r="H217" s="24">
        <v>-258.27304105965959</v>
      </c>
    </row>
    <row r="218" spans="1:8">
      <c r="A218" s="20">
        <v>38687</v>
      </c>
      <c r="B218" s="21">
        <v>2724.3350566206841</v>
      </c>
      <c r="C218" s="22">
        <v>2771.8220210149843</v>
      </c>
      <c r="D218" s="22">
        <v>-47.48696439430023</v>
      </c>
      <c r="E218" s="19"/>
      <c r="F218" s="24">
        <v>17100.609143888854</v>
      </c>
      <c r="G218" s="24">
        <v>17490.765955579551</v>
      </c>
      <c r="H218" s="24">
        <v>-390.15681169069649</v>
      </c>
    </row>
    <row r="219" spans="1:8">
      <c r="A219" s="20">
        <v>38718</v>
      </c>
      <c r="B219" s="21">
        <v>2386.2147099818194</v>
      </c>
      <c r="C219" s="22">
        <v>2348.3190970214232</v>
      </c>
      <c r="D219" s="22">
        <v>37.895612960396193</v>
      </c>
      <c r="E219" s="19"/>
      <c r="F219" s="24">
        <v>16350.272083824633</v>
      </c>
      <c r="G219" s="24">
        <v>16650.663999187389</v>
      </c>
      <c r="H219" s="24">
        <v>-300.39191536275575</v>
      </c>
    </row>
    <row r="220" spans="1:8">
      <c r="A220" s="20">
        <v>38749</v>
      </c>
      <c r="B220" s="21">
        <v>2568.5651873202319</v>
      </c>
      <c r="C220" s="22">
        <v>2557.4080372692806</v>
      </c>
      <c r="D220" s="22">
        <v>11.157150050951259</v>
      </c>
      <c r="E220" s="19"/>
      <c r="F220" s="24">
        <v>16294.87219841616</v>
      </c>
      <c r="G220" s="24">
        <v>16583.555372698116</v>
      </c>
      <c r="H220" s="24">
        <v>-288.68317428195587</v>
      </c>
    </row>
    <row r="221" spans="1:8">
      <c r="A221" s="20">
        <v>38777</v>
      </c>
      <c r="B221" s="21">
        <v>2178.4976056147707</v>
      </c>
      <c r="C221" s="22">
        <v>2240.0877075821199</v>
      </c>
      <c r="D221" s="22">
        <v>-61.590101967349256</v>
      </c>
      <c r="E221" s="19"/>
      <c r="F221" s="24">
        <v>16041.659877268103</v>
      </c>
      <c r="G221" s="24">
        <v>16209.892806330939</v>
      </c>
      <c r="H221" s="24">
        <v>-168.23292906283677</v>
      </c>
    </row>
    <row r="222" spans="1:8">
      <c r="A222" s="20">
        <v>38808</v>
      </c>
      <c r="B222" s="21">
        <v>1237.5496380561517</v>
      </c>
      <c r="C222" s="22">
        <v>1294.5989307182936</v>
      </c>
      <c r="D222" s="22">
        <v>-57.049292662141852</v>
      </c>
      <c r="E222" s="19"/>
      <c r="F222" s="24">
        <v>15962.455479156728</v>
      </c>
      <c r="G222" s="24">
        <v>16100.976180726779</v>
      </c>
      <c r="H222" s="24">
        <v>-138.52070157005073</v>
      </c>
    </row>
    <row r="223" spans="1:8">
      <c r="A223" s="20">
        <v>38838</v>
      </c>
      <c r="B223" s="21">
        <v>690.0554976928056</v>
      </c>
      <c r="C223" s="22">
        <v>717.99747588790001</v>
      </c>
      <c r="D223" s="22">
        <v>-27.941978195094407</v>
      </c>
      <c r="E223" s="19"/>
      <c r="F223" s="24">
        <v>15846.851301346962</v>
      </c>
      <c r="G223" s="24">
        <v>15952.786255405314</v>
      </c>
      <c r="H223" s="24">
        <v>-105.93495405835165</v>
      </c>
    </row>
    <row r="224" spans="1:8">
      <c r="A224" s="20">
        <v>38869</v>
      </c>
      <c r="B224" s="21">
        <v>341.18293673073782</v>
      </c>
      <c r="C224" s="22">
        <v>312.28991582583006</v>
      </c>
      <c r="D224" s="22">
        <v>28.893020904907758</v>
      </c>
      <c r="E224" s="19"/>
      <c r="F224" s="24">
        <v>15804.100758454937</v>
      </c>
      <c r="G224" s="24">
        <v>15936.20540600027</v>
      </c>
      <c r="H224" s="24">
        <v>-132.10464754533314</v>
      </c>
    </row>
    <row r="225" spans="1:8">
      <c r="A225" s="20">
        <v>38899</v>
      </c>
      <c r="B225" s="21">
        <v>378.61840167874135</v>
      </c>
      <c r="C225" s="22">
        <v>312.28991582583006</v>
      </c>
      <c r="D225" s="22">
        <v>66.328485852911285</v>
      </c>
      <c r="E225" s="19"/>
      <c r="F225" s="24">
        <v>15866.681941109433</v>
      </c>
      <c r="G225" s="24">
        <v>15921.282641535734</v>
      </c>
      <c r="H225" s="24">
        <v>-54.600700426301046</v>
      </c>
    </row>
    <row r="226" spans="1:8">
      <c r="A226" s="20">
        <v>38930</v>
      </c>
      <c r="B226" s="21">
        <v>335.39716866806293</v>
      </c>
      <c r="C226" s="22">
        <v>312.28991582583006</v>
      </c>
      <c r="D226" s="22">
        <v>23.107252842232867</v>
      </c>
      <c r="E226" s="19"/>
      <c r="F226" s="24">
        <v>15861.814969305367</v>
      </c>
      <c r="G226" s="24">
        <v>15908.017962011698</v>
      </c>
      <c r="H226" s="24">
        <v>-46.202992706330406</v>
      </c>
    </row>
    <row r="227" spans="1:8">
      <c r="A227" s="20">
        <v>38961</v>
      </c>
      <c r="B227" s="21">
        <v>424.86449003818325</v>
      </c>
      <c r="C227" s="22">
        <v>408.5660219332903</v>
      </c>
      <c r="D227" s="22">
        <v>16.298468104892947</v>
      </c>
      <c r="E227" s="19"/>
      <c r="F227" s="24">
        <v>15907.524191204833</v>
      </c>
      <c r="G227" s="24">
        <v>15958.623681756082</v>
      </c>
      <c r="H227" s="24">
        <v>-51.099490551248891</v>
      </c>
    </row>
    <row r="228" spans="1:8">
      <c r="A228" s="20">
        <v>38991</v>
      </c>
      <c r="B228" s="21">
        <v>1209.7775737250286</v>
      </c>
      <c r="C228" s="22">
        <v>1160.1338836615816</v>
      </c>
      <c r="D228" s="22">
        <v>49.643690063446911</v>
      </c>
      <c r="E228" s="19"/>
      <c r="F228" s="24">
        <v>16188.446582884522</v>
      </c>
      <c r="G228" s="24">
        <v>16145.530437564174</v>
      </c>
      <c r="H228" s="24">
        <v>42.916145320348733</v>
      </c>
    </row>
    <row r="229" spans="1:8">
      <c r="A229" s="20">
        <v>39022</v>
      </c>
      <c r="B229" s="21">
        <v>1750.0379081054593</v>
      </c>
      <c r="C229" s="22">
        <v>1721.5701983570257</v>
      </c>
      <c r="D229" s="22">
        <v>28.467709748433663</v>
      </c>
      <c r="E229" s="19"/>
      <c r="F229" s="24">
        <v>16225.096174232678</v>
      </c>
      <c r="G229" s="24">
        <v>16157.373120923387</v>
      </c>
      <c r="H229" s="24">
        <v>67.723053309291572</v>
      </c>
    </row>
    <row r="230" spans="1:8">
      <c r="A230" s="20">
        <v>39052</v>
      </c>
      <c r="B230" s="21">
        <v>2246.7835351236308</v>
      </c>
      <c r="C230" s="22">
        <v>2240.9109011050759</v>
      </c>
      <c r="D230" s="22">
        <v>5.8726340185548906</v>
      </c>
      <c r="E230" s="19"/>
      <c r="F230" s="24">
        <v>15747.544652735622</v>
      </c>
      <c r="G230" s="24">
        <v>15626.462001013479</v>
      </c>
      <c r="H230" s="24">
        <v>121.08265172214305</v>
      </c>
    </row>
    <row r="231" spans="1:8">
      <c r="A231" s="20">
        <v>39083</v>
      </c>
      <c r="B231" s="21">
        <v>2667.9115303311669</v>
      </c>
      <c r="C231" s="22">
        <v>2723.1386429128233</v>
      </c>
      <c r="D231" s="22">
        <v>-55.227112581656456</v>
      </c>
      <c r="E231" s="19"/>
      <c r="F231" s="24">
        <v>16029.241473084974</v>
      </c>
      <c r="G231" s="24">
        <v>16001.281546904878</v>
      </c>
      <c r="H231" s="24">
        <v>27.959926180095863</v>
      </c>
    </row>
    <row r="232" spans="1:8">
      <c r="A232" s="20">
        <v>39114</v>
      </c>
      <c r="B232" s="21">
        <v>2917.1167667039899</v>
      </c>
      <c r="C232" s="22">
        <v>3066.675031308951</v>
      </c>
      <c r="D232" s="22">
        <v>-149.5582646049611</v>
      </c>
      <c r="E232" s="19"/>
      <c r="F232" s="24">
        <v>16377.793052468727</v>
      </c>
      <c r="G232" s="24">
        <v>16510.54854094455</v>
      </c>
      <c r="H232" s="24">
        <v>-132.75548847582286</v>
      </c>
    </row>
    <row r="233" spans="1:8">
      <c r="A233" s="20">
        <v>39142</v>
      </c>
      <c r="B233" s="21">
        <v>2280.7684420425721</v>
      </c>
      <c r="C233" s="22">
        <v>2243.2757260262883</v>
      </c>
      <c r="D233" s="22">
        <v>37.492716016283794</v>
      </c>
      <c r="E233" s="19"/>
      <c r="F233" s="24">
        <v>16480.063888896533</v>
      </c>
      <c r="G233" s="24">
        <v>16513.736559388723</v>
      </c>
      <c r="H233" s="24">
        <v>-33.672670492189354</v>
      </c>
    </row>
    <row r="234" spans="1:8">
      <c r="A234" s="20">
        <v>39173</v>
      </c>
      <c r="B234" s="21">
        <v>1534.8567092551227</v>
      </c>
      <c r="C234" s="22">
        <v>1525.9124251278904</v>
      </c>
      <c r="D234" s="22">
        <v>8.9442841272323221</v>
      </c>
      <c r="E234" s="19"/>
      <c r="F234" s="24">
        <v>16777.370960095501</v>
      </c>
      <c r="G234" s="24">
        <v>16745.050053798317</v>
      </c>
      <c r="H234" s="24">
        <v>32.320906297183683</v>
      </c>
    </row>
    <row r="235" spans="1:8">
      <c r="A235" s="20">
        <v>39203</v>
      </c>
      <c r="B235" s="21">
        <v>741.8438198408561</v>
      </c>
      <c r="C235" s="22">
        <v>650.61548056705374</v>
      </c>
      <c r="D235" s="22">
        <v>91.228339273802362</v>
      </c>
      <c r="E235" s="19"/>
      <c r="F235" s="24">
        <v>16829.159282243552</v>
      </c>
      <c r="G235" s="24">
        <v>16677.668058477469</v>
      </c>
      <c r="H235" s="24">
        <v>151.49122376608284</v>
      </c>
    </row>
    <row r="236" spans="1:8">
      <c r="A236" s="20">
        <v>39234</v>
      </c>
      <c r="B236" s="21">
        <v>357.81708872557755</v>
      </c>
      <c r="C236" s="22">
        <v>312.28991582583006</v>
      </c>
      <c r="D236" s="22">
        <v>45.527172899747484</v>
      </c>
      <c r="E236" s="19"/>
      <c r="F236" s="24">
        <v>16845.793434238389</v>
      </c>
      <c r="G236" s="24">
        <v>16677.668058477469</v>
      </c>
      <c r="H236" s="24">
        <v>168.12537576091927</v>
      </c>
    </row>
    <row r="237" spans="1:8">
      <c r="A237" s="20">
        <v>39264</v>
      </c>
      <c r="B237" s="21">
        <v>354.873504443493</v>
      </c>
      <c r="C237" s="22">
        <v>312.28991582583006</v>
      </c>
      <c r="D237" s="22">
        <v>42.58358861766294</v>
      </c>
      <c r="E237" s="19"/>
      <c r="F237" s="24">
        <v>16822.048537003146</v>
      </c>
      <c r="G237" s="24">
        <v>16677.668058477469</v>
      </c>
      <c r="H237" s="24">
        <v>144.38047852567615</v>
      </c>
    </row>
    <row r="238" spans="1:8">
      <c r="A238" s="20">
        <v>39295</v>
      </c>
      <c r="B238" s="21">
        <v>344.71813354948546</v>
      </c>
      <c r="C238" s="22">
        <v>312.28991582583006</v>
      </c>
      <c r="D238" s="22">
        <v>32.428217723655393</v>
      </c>
      <c r="E238" s="19"/>
      <c r="F238" s="24">
        <v>16831.369501884568</v>
      </c>
      <c r="G238" s="24">
        <v>16677.668058477469</v>
      </c>
      <c r="H238" s="24">
        <v>153.70144340709885</v>
      </c>
    </row>
    <row r="239" spans="1:8">
      <c r="A239" s="20">
        <v>39326</v>
      </c>
      <c r="B239" s="21">
        <v>395.57348101160989</v>
      </c>
      <c r="C239" s="22">
        <v>368.79093572364042</v>
      </c>
      <c r="D239" s="22">
        <v>26.782545287969469</v>
      </c>
      <c r="E239" s="19"/>
      <c r="F239" s="24">
        <v>16802.078492857989</v>
      </c>
      <c r="G239" s="24">
        <v>16637.892972267819</v>
      </c>
      <c r="H239" s="24">
        <v>164.1855205901702</v>
      </c>
    </row>
    <row r="240" spans="1:8">
      <c r="A240" s="20">
        <v>39356</v>
      </c>
      <c r="B240" s="21">
        <v>800.12132951243552</v>
      </c>
      <c r="C240" s="22">
        <v>749.2351440166367</v>
      </c>
      <c r="D240" s="22">
        <v>50.886185495798827</v>
      </c>
      <c r="E240" s="19"/>
      <c r="F240" s="24">
        <v>16392.422248645398</v>
      </c>
      <c r="G240" s="24">
        <v>16226.994232622874</v>
      </c>
      <c r="H240" s="24">
        <v>165.42801602252439</v>
      </c>
    </row>
    <row r="241" spans="1:8">
      <c r="A241" s="20">
        <v>39387</v>
      </c>
      <c r="B241" s="21">
        <v>1788.152974837285</v>
      </c>
      <c r="C241" s="22">
        <v>1939.6885660839744</v>
      </c>
      <c r="D241" s="22">
        <v>-151.53559124668936</v>
      </c>
      <c r="E241" s="19"/>
      <c r="F241" s="24">
        <v>16430.537315377227</v>
      </c>
      <c r="G241" s="24">
        <v>16445.112600349821</v>
      </c>
      <c r="H241" s="24">
        <v>-14.575284972594091</v>
      </c>
    </row>
    <row r="242" spans="1:8">
      <c r="A242" s="20">
        <v>39417</v>
      </c>
      <c r="B242" s="21">
        <v>2497.9372981290499</v>
      </c>
      <c r="C242" s="22">
        <v>2536.9702403881142</v>
      </c>
      <c r="D242" s="22">
        <v>-39.032942259064384</v>
      </c>
      <c r="E242" s="19"/>
      <c r="F242" s="24">
        <v>16681.691078382646</v>
      </c>
      <c r="G242" s="24">
        <v>16741.171939632859</v>
      </c>
      <c r="H242" s="24">
        <v>-59.480861250212911</v>
      </c>
    </row>
    <row r="243" spans="1:8">
      <c r="A243" s="20">
        <v>39448</v>
      </c>
      <c r="B243" s="21">
        <v>2696.9501557045201</v>
      </c>
      <c r="C243" s="22">
        <v>2704.2568261656484</v>
      </c>
      <c r="D243" s="22">
        <v>-7.3066704611283058</v>
      </c>
      <c r="E243" s="19"/>
      <c r="F243" s="24">
        <v>16710.729703755998</v>
      </c>
      <c r="G243" s="24">
        <v>16722.290122885686</v>
      </c>
      <c r="H243" s="24">
        <v>-11.560419129687943</v>
      </c>
    </row>
    <row r="244" spans="1:8">
      <c r="A244" s="20">
        <v>39479</v>
      </c>
      <c r="B244" s="21">
        <v>2784.24994441533</v>
      </c>
      <c r="C244" s="22">
        <v>2823.4646241492087</v>
      </c>
      <c r="D244" s="22">
        <v>-39.214679733878711</v>
      </c>
      <c r="E244" s="19"/>
      <c r="F244" s="24">
        <v>16577.862881467339</v>
      </c>
      <c r="G244" s="24">
        <v>16479.079715725948</v>
      </c>
      <c r="H244" s="24">
        <v>98.783165741391713</v>
      </c>
    </row>
    <row r="245" spans="1:8">
      <c r="A245" s="20">
        <v>39508</v>
      </c>
      <c r="B245" s="21">
        <v>2702.7370636977284</v>
      </c>
      <c r="C245" s="22">
        <v>2537.9047610860025</v>
      </c>
      <c r="D245" s="22">
        <v>164.83230261172594</v>
      </c>
      <c r="E245" s="19"/>
      <c r="F245" s="24">
        <v>16999.831503122496</v>
      </c>
      <c r="G245" s="24">
        <v>16773.70875078566</v>
      </c>
      <c r="H245" s="24">
        <v>226.12275233683613</v>
      </c>
    </row>
    <row r="246" spans="1:8">
      <c r="A246" s="20">
        <v>39539</v>
      </c>
      <c r="B246" s="21">
        <v>1210.3041370315777</v>
      </c>
      <c r="C246" s="22">
        <v>1235.0281730389479</v>
      </c>
      <c r="D246" s="22">
        <v>-24.724036007370159</v>
      </c>
      <c r="E246" s="19"/>
      <c r="F246" s="24">
        <v>16675.278930898949</v>
      </c>
      <c r="G246" s="24">
        <v>16482.824498696715</v>
      </c>
      <c r="H246" s="24">
        <v>192.45443220223387</v>
      </c>
    </row>
    <row r="247" spans="1:8">
      <c r="A247" s="20">
        <v>39569</v>
      </c>
      <c r="B247" s="21">
        <v>889.42472151037623</v>
      </c>
      <c r="C247" s="22">
        <v>851.41729481411107</v>
      </c>
      <c r="D247" s="22">
        <v>38.007426696265156</v>
      </c>
      <c r="E247" s="19"/>
      <c r="F247" s="24">
        <v>16822.859832568465</v>
      </c>
      <c r="G247" s="24">
        <v>16683.626312943772</v>
      </c>
      <c r="H247" s="24">
        <v>139.23351962469314</v>
      </c>
    </row>
    <row r="248" spans="1:8">
      <c r="A248" s="20">
        <v>39600</v>
      </c>
      <c r="B248" s="21">
        <v>316.19360311234527</v>
      </c>
      <c r="C248" s="22">
        <v>312.28991582583006</v>
      </c>
      <c r="D248" s="22">
        <v>3.9036872865152077</v>
      </c>
      <c r="E248" s="19"/>
      <c r="F248" s="24">
        <v>16781.236346955233</v>
      </c>
      <c r="G248" s="24">
        <v>16683.626312943776</v>
      </c>
      <c r="H248" s="24">
        <v>97.610034011457174</v>
      </c>
    </row>
    <row r="249" spans="1:8">
      <c r="A249" s="20">
        <v>39630</v>
      </c>
      <c r="B249" s="21">
        <v>380.28620795326793</v>
      </c>
      <c r="C249" s="22">
        <v>312.28991582583006</v>
      </c>
      <c r="D249" s="22">
        <v>67.996292127437869</v>
      </c>
      <c r="E249" s="19"/>
      <c r="F249" s="24">
        <v>16806.649050465014</v>
      </c>
      <c r="G249" s="24">
        <v>16683.626312943776</v>
      </c>
      <c r="H249" s="24">
        <v>123.02273752123801</v>
      </c>
    </row>
    <row r="250" spans="1:8">
      <c r="A250" s="20">
        <v>39661</v>
      </c>
      <c r="B250" s="21">
        <v>365.49316489672657</v>
      </c>
      <c r="C250" s="22">
        <v>312.28991582583006</v>
      </c>
      <c r="D250" s="22">
        <v>53.203249070896504</v>
      </c>
      <c r="E250" s="19"/>
      <c r="F250" s="24">
        <v>16827.424081812253</v>
      </c>
      <c r="G250" s="24">
        <v>16683.626312943776</v>
      </c>
      <c r="H250" s="24">
        <v>143.79776886847685</v>
      </c>
    </row>
    <row r="251" spans="1:8">
      <c r="A251" s="20">
        <v>39692</v>
      </c>
      <c r="B251" s="21">
        <v>406.59458977415443</v>
      </c>
      <c r="C251" s="22">
        <v>373.86180877101839</v>
      </c>
      <c r="D251" s="22">
        <v>32.73278100313604</v>
      </c>
      <c r="E251" s="19"/>
      <c r="F251" s="24">
        <v>16838.445190574796</v>
      </c>
      <c r="G251" s="24">
        <v>16688.69718599115</v>
      </c>
      <c r="H251" s="24">
        <v>149.74800458364552</v>
      </c>
    </row>
    <row r="252" spans="1:8">
      <c r="A252" s="20">
        <v>39722</v>
      </c>
      <c r="B252" s="21">
        <v>1111.7950862516254</v>
      </c>
      <c r="C252" s="22">
        <v>1124.5354618987906</v>
      </c>
      <c r="D252" s="22">
        <v>-12.740375647165138</v>
      </c>
      <c r="E252" s="19"/>
      <c r="F252" s="24">
        <v>17150.118947313986</v>
      </c>
      <c r="G252" s="24">
        <v>17063.997503873306</v>
      </c>
      <c r="H252" s="24">
        <v>86.121443440679286</v>
      </c>
    </row>
    <row r="253" spans="1:8">
      <c r="A253" s="20">
        <v>39753</v>
      </c>
      <c r="B253" s="21">
        <v>1882.6063980857703</v>
      </c>
      <c r="C253" s="22">
        <v>1921.4503382585522</v>
      </c>
      <c r="D253" s="22">
        <v>-38.843940172781913</v>
      </c>
      <c r="E253" s="19"/>
      <c r="F253" s="24">
        <v>17244.57237056247</v>
      </c>
      <c r="G253" s="24">
        <v>17045.759276047884</v>
      </c>
      <c r="H253" s="24">
        <v>198.81309451458583</v>
      </c>
    </row>
    <row r="254" spans="1:8">
      <c r="A254" s="20">
        <v>39783</v>
      </c>
      <c r="B254" s="21">
        <v>2748.8094896433054</v>
      </c>
      <c r="C254" s="22">
        <v>2757.7274691729976</v>
      </c>
      <c r="D254" s="22">
        <v>-8.9179795296922748</v>
      </c>
      <c r="E254" s="19"/>
      <c r="F254" s="24">
        <v>17495.444562076729</v>
      </c>
      <c r="G254" s="24">
        <v>17266.516504832765</v>
      </c>
      <c r="H254" s="24">
        <v>228.92805724396385</v>
      </c>
    </row>
    <row r="255" spans="1:8">
      <c r="A255" s="20">
        <v>39814</v>
      </c>
      <c r="B255" s="21">
        <v>3281.7553480819392</v>
      </c>
      <c r="C255" s="22">
        <v>3375.329397525159</v>
      </c>
      <c r="D255" s="22">
        <v>-93.574049443219792</v>
      </c>
      <c r="E255" s="19"/>
      <c r="F255" s="24">
        <v>18080.249754454147</v>
      </c>
      <c r="G255" s="24">
        <v>17937.589076192278</v>
      </c>
      <c r="H255" s="24">
        <v>142.66067826186918</v>
      </c>
    </row>
    <row r="256" spans="1:8">
      <c r="A256" s="20">
        <v>39845</v>
      </c>
      <c r="B256" s="21">
        <v>2341.5000595604233</v>
      </c>
      <c r="C256" s="22">
        <v>2545.5341078659221</v>
      </c>
      <c r="D256" s="22">
        <v>-204.0340483054988</v>
      </c>
      <c r="E256" s="19"/>
      <c r="F256" s="24">
        <v>17637.49986959924</v>
      </c>
      <c r="G256" s="24">
        <v>17659.658559908992</v>
      </c>
      <c r="H256" s="24">
        <v>-22.158690309752274</v>
      </c>
    </row>
    <row r="257" spans="1:8">
      <c r="A257" s="20">
        <v>39873</v>
      </c>
      <c r="B257" s="21">
        <v>2185.15555298241</v>
      </c>
      <c r="C257" s="22">
        <v>2243.9882585476621</v>
      </c>
      <c r="D257" s="22">
        <v>-58.832705565252127</v>
      </c>
      <c r="E257" s="19"/>
      <c r="F257" s="24">
        <v>17119.918358883922</v>
      </c>
      <c r="G257" s="24">
        <v>17365.742057370651</v>
      </c>
      <c r="H257" s="24">
        <v>-245.82369848672897</v>
      </c>
    </row>
    <row r="258" spans="1:8">
      <c r="A258" s="20">
        <v>39904</v>
      </c>
      <c r="B258" s="21">
        <v>1367.4014059214542</v>
      </c>
      <c r="C258" s="22">
        <v>1370.2037291808181</v>
      </c>
      <c r="D258" s="22">
        <v>-2.8023232593639023</v>
      </c>
      <c r="E258" s="19"/>
      <c r="F258" s="24">
        <v>17277.015627773795</v>
      </c>
      <c r="G258" s="24">
        <v>17500.917613512524</v>
      </c>
      <c r="H258" s="24">
        <v>-223.9019857387284</v>
      </c>
    </row>
    <row r="259" spans="1:8">
      <c r="A259" s="20">
        <v>39934</v>
      </c>
      <c r="B259" s="21">
        <v>794.6297152048603</v>
      </c>
      <c r="C259" s="22">
        <v>720.27678512667853</v>
      </c>
      <c r="D259" s="22">
        <v>74.352930078181771</v>
      </c>
      <c r="E259" s="19"/>
      <c r="F259" s="24">
        <v>17182.220621468281</v>
      </c>
      <c r="G259" s="24">
        <v>17369.77710382509</v>
      </c>
      <c r="H259" s="24">
        <v>-187.55648235680928</v>
      </c>
    </row>
    <row r="260" spans="1:8">
      <c r="A260" s="20">
        <v>39965</v>
      </c>
      <c r="B260" s="21">
        <v>302.61712730448164</v>
      </c>
      <c r="C260" s="22">
        <v>312.28991582583006</v>
      </c>
      <c r="D260" s="22">
        <v>-9.6727885213484228</v>
      </c>
      <c r="E260" s="19"/>
      <c r="F260" s="24">
        <v>17168.644145660419</v>
      </c>
      <c r="G260" s="24">
        <v>17369.777103825087</v>
      </c>
      <c r="H260" s="24">
        <v>-201.1329581646678</v>
      </c>
    </row>
    <row r="261" spans="1:8">
      <c r="A261" s="20">
        <v>39995</v>
      </c>
      <c r="B261" s="21">
        <v>388.20284895557683</v>
      </c>
      <c r="C261" s="22">
        <v>312.28991582583006</v>
      </c>
      <c r="D261" s="22">
        <v>75.912933129746762</v>
      </c>
      <c r="E261" s="19"/>
      <c r="F261" s="24">
        <v>17176.560786662729</v>
      </c>
      <c r="G261" s="24">
        <v>17369.777103825087</v>
      </c>
      <c r="H261" s="24">
        <v>-193.21631716235788</v>
      </c>
    </row>
    <row r="262" spans="1:8">
      <c r="A262" s="20">
        <v>40026</v>
      </c>
      <c r="B262" s="21">
        <v>375.31524390535259</v>
      </c>
      <c r="C262" s="22">
        <v>312.28991582583006</v>
      </c>
      <c r="D262" s="22">
        <v>63.025328079522524</v>
      </c>
      <c r="E262" s="19"/>
      <c r="F262" s="24">
        <v>17186.382865671352</v>
      </c>
      <c r="G262" s="24">
        <v>17369.777103825087</v>
      </c>
      <c r="H262" s="24">
        <v>-183.39423815373448</v>
      </c>
    </row>
    <row r="263" spans="1:8">
      <c r="A263" s="20">
        <v>40057</v>
      </c>
      <c r="B263" s="21">
        <v>408.82727363726309</v>
      </c>
      <c r="C263" s="22">
        <v>380.79755118355087</v>
      </c>
      <c r="D263" s="22">
        <v>28.029722453712225</v>
      </c>
      <c r="E263" s="19"/>
      <c r="F263" s="24">
        <v>17188.615549534465</v>
      </c>
      <c r="G263" s="24">
        <v>17376.71284623762</v>
      </c>
      <c r="H263" s="24">
        <v>-188.09729670315573</v>
      </c>
    </row>
    <row r="264" spans="1:8">
      <c r="A264" s="20">
        <v>40087</v>
      </c>
      <c r="B264" s="21">
        <v>1084.1150791483549</v>
      </c>
      <c r="C264" s="22">
        <v>1169.0352494766476</v>
      </c>
      <c r="D264" s="22">
        <v>-84.92017032829267</v>
      </c>
      <c r="E264" s="19"/>
      <c r="F264" s="24">
        <v>17160.935542431191</v>
      </c>
      <c r="G264" s="24">
        <v>17421.212633815478</v>
      </c>
      <c r="H264" s="24">
        <v>-260.2770913842869</v>
      </c>
    </row>
    <row r="265" spans="1:8">
      <c r="A265" s="20">
        <v>40118</v>
      </c>
      <c r="B265" s="21">
        <v>1696.5820318280407</v>
      </c>
      <c r="C265" s="22">
        <v>1606.50835285224</v>
      </c>
      <c r="D265" s="22">
        <v>90.073678975800703</v>
      </c>
      <c r="E265" s="19"/>
      <c r="F265" s="24">
        <v>16974.911176173464</v>
      </c>
      <c r="G265" s="24">
        <v>17106.270648409165</v>
      </c>
      <c r="H265" s="24">
        <v>-131.35947223570111</v>
      </c>
    </row>
    <row r="266" spans="1:8">
      <c r="A266" s="20">
        <v>40148</v>
      </c>
      <c r="B266" s="21">
        <v>2767.1682219970635</v>
      </c>
      <c r="C266" s="22">
        <v>2657.8915968755473</v>
      </c>
      <c r="D266" s="22">
        <v>109.27662512151619</v>
      </c>
      <c r="E266" s="19"/>
      <c r="F266" s="24">
        <v>16993.269908527218</v>
      </c>
      <c r="G266" s="24">
        <v>17006.434776111713</v>
      </c>
      <c r="H266" s="24">
        <v>-13.164867584495369</v>
      </c>
    </row>
    <row r="267" spans="1:8">
      <c r="A267" s="20">
        <v>40179</v>
      </c>
      <c r="B267" s="21">
        <v>2899.3496935750168</v>
      </c>
      <c r="C267" s="22">
        <v>2991.0017693390382</v>
      </c>
      <c r="D267" s="22">
        <v>-91.652075764021447</v>
      </c>
      <c r="E267" s="19"/>
      <c r="F267" s="24">
        <v>16610.864254020296</v>
      </c>
      <c r="G267" s="24">
        <v>16622.107147925592</v>
      </c>
      <c r="H267" s="24">
        <v>-11.242893905295205</v>
      </c>
    </row>
    <row r="268" spans="1:8">
      <c r="A268" s="20">
        <v>40210</v>
      </c>
      <c r="B268" s="21">
        <v>2435.7710753734091</v>
      </c>
      <c r="C268" s="22">
        <v>2579.9930855932753</v>
      </c>
      <c r="D268" s="22">
        <v>-144.22201021986621</v>
      </c>
      <c r="E268" s="19"/>
      <c r="F268" s="24">
        <v>16705.135269833285</v>
      </c>
      <c r="G268" s="24">
        <v>16656.566125652946</v>
      </c>
      <c r="H268" s="24">
        <v>48.569144180339208</v>
      </c>
    </row>
    <row r="269" spans="1:8">
      <c r="A269" s="20">
        <v>40238</v>
      </c>
      <c r="B269" s="21">
        <v>1933.7861042670206</v>
      </c>
      <c r="C269" s="22">
        <v>1980.6813353678349</v>
      </c>
      <c r="D269" s="22">
        <v>-46.895231100814271</v>
      </c>
      <c r="E269" s="19"/>
      <c r="F269" s="24">
        <v>16453.765821117893</v>
      </c>
      <c r="G269" s="24">
        <v>16393.25920247312</v>
      </c>
      <c r="H269" s="24">
        <v>60.506618644772971</v>
      </c>
    </row>
    <row r="270" spans="1:8">
      <c r="A270" s="20">
        <v>40269</v>
      </c>
      <c r="B270" s="21">
        <v>1086.9743619313217</v>
      </c>
      <c r="C270" s="22">
        <v>1085.9829297372034</v>
      </c>
      <c r="D270" s="22">
        <v>0.99143219411826067</v>
      </c>
      <c r="E270" s="19"/>
      <c r="F270" s="24">
        <v>16173.338777127763</v>
      </c>
      <c r="G270" s="24">
        <v>16109.038403029506</v>
      </c>
      <c r="H270" s="24">
        <v>64.300374098256725</v>
      </c>
    </row>
    <row r="271" spans="1:8">
      <c r="A271" s="20">
        <v>40299</v>
      </c>
      <c r="B271" s="21">
        <v>593.13099634985826</v>
      </c>
      <c r="C271" s="22">
        <v>651.89814497798284</v>
      </c>
      <c r="D271" s="22">
        <v>-58.767148628124573</v>
      </c>
      <c r="E271" s="19"/>
      <c r="F271" s="24">
        <v>15971.840058272761</v>
      </c>
      <c r="G271" s="24">
        <v>16040.659762880812</v>
      </c>
      <c r="H271" s="24">
        <v>-68.819704608051325</v>
      </c>
    </row>
    <row r="272" spans="1:8">
      <c r="A272" s="20">
        <v>40330</v>
      </c>
      <c r="B272" s="21">
        <v>420.48869890438971</v>
      </c>
      <c r="C272" s="22">
        <v>312.28991582583006</v>
      </c>
      <c r="D272" s="22">
        <v>108.19878307855964</v>
      </c>
      <c r="E272" s="19"/>
      <c r="F272" s="24">
        <v>16089.711629872669</v>
      </c>
      <c r="G272" s="24">
        <v>16040.659762880809</v>
      </c>
      <c r="H272" s="24">
        <v>49.051866991860152</v>
      </c>
    </row>
    <row r="273" spans="1:8">
      <c r="A273" s="20">
        <v>40360</v>
      </c>
      <c r="B273" s="21">
        <v>341.73166271578873</v>
      </c>
      <c r="C273" s="22">
        <v>312.28991582583006</v>
      </c>
      <c r="D273" s="22">
        <v>29.441746889958665</v>
      </c>
      <c r="E273" s="19"/>
      <c r="F273" s="24">
        <v>16043.24044363288</v>
      </c>
      <c r="G273" s="24">
        <v>16040.659762880809</v>
      </c>
      <c r="H273" s="24">
        <v>2.5806807520712027</v>
      </c>
    </row>
    <row r="274" spans="1:8">
      <c r="A274" s="20">
        <v>40391</v>
      </c>
      <c r="B274" s="21">
        <v>342.15520466765099</v>
      </c>
      <c r="C274" s="22">
        <v>312.28991582583006</v>
      </c>
      <c r="D274" s="22">
        <v>29.865288841820927</v>
      </c>
      <c r="E274" s="19"/>
      <c r="F274" s="24">
        <v>16010.080404395179</v>
      </c>
      <c r="G274" s="24">
        <v>16040.659762880809</v>
      </c>
      <c r="H274" s="24">
        <v>-30.5793584856292</v>
      </c>
    </row>
    <row r="275" spans="1:8">
      <c r="A275" s="20">
        <v>40422</v>
      </c>
      <c r="B275" s="21">
        <v>406.24938713530884</v>
      </c>
      <c r="C275" s="22">
        <v>401.83026406478683</v>
      </c>
      <c r="D275" s="22">
        <v>4.419123070522005</v>
      </c>
      <c r="E275" s="19"/>
      <c r="F275" s="24">
        <v>16007.502517893225</v>
      </c>
      <c r="G275" s="24">
        <v>16061.692475762045</v>
      </c>
      <c r="H275" s="24">
        <v>-54.189957868820784</v>
      </c>
    </row>
    <row r="276" spans="1:8">
      <c r="A276" s="20">
        <v>40452</v>
      </c>
      <c r="B276" s="21">
        <v>1027.2829159869452</v>
      </c>
      <c r="C276" s="22">
        <v>1003.3308751469056</v>
      </c>
      <c r="D276" s="22">
        <v>23.952040840039672</v>
      </c>
      <c r="E276" s="19"/>
      <c r="F276" s="24">
        <v>15950.670354731817</v>
      </c>
      <c r="G276" s="24">
        <v>15895.988101432302</v>
      </c>
      <c r="H276" s="24">
        <v>54.682253299515651</v>
      </c>
    </row>
    <row r="277" spans="1:8">
      <c r="A277" s="20">
        <v>40483</v>
      </c>
      <c r="B277" s="21">
        <v>1762.8867287708786</v>
      </c>
      <c r="C277" s="22">
        <v>1816.0763118257396</v>
      </c>
      <c r="D277" s="22">
        <v>-53.189583054861032</v>
      </c>
      <c r="E277" s="19"/>
      <c r="F277" s="24">
        <v>16016.975051674652</v>
      </c>
      <c r="G277" s="24">
        <v>16105.556060405803</v>
      </c>
      <c r="H277" s="24">
        <v>-88.581008731151087</v>
      </c>
    </row>
    <row r="278" spans="1:8">
      <c r="A278" s="20">
        <v>40513</v>
      </c>
      <c r="B278" s="21">
        <v>2632.9293461950901</v>
      </c>
      <c r="C278" s="22">
        <v>2795.7003023256607</v>
      </c>
      <c r="D278" s="22">
        <v>-162.77095613057054</v>
      </c>
      <c r="E278" s="19"/>
      <c r="F278" s="24">
        <v>15882.73617587268</v>
      </c>
      <c r="G278" s="24">
        <v>16243.364765855915</v>
      </c>
      <c r="H278" s="24">
        <v>-360.62858998323463</v>
      </c>
    </row>
    <row r="279" spans="1:8">
      <c r="A279" s="20">
        <v>40544</v>
      </c>
      <c r="B279" s="21">
        <v>3201.3363055005402</v>
      </c>
      <c r="C279" s="22">
        <v>3225.2896582396502</v>
      </c>
      <c r="D279" s="22">
        <v>-23.95335273910996</v>
      </c>
      <c r="F279" s="24">
        <v>16184.7227877982</v>
      </c>
      <c r="G279" s="24">
        <v>16477.65265475653</v>
      </c>
      <c r="H279" s="24">
        <v>-292.92986695832951</v>
      </c>
    </row>
    <row r="280" spans="1:8">
      <c r="A280" s="20">
        <v>40575</v>
      </c>
      <c r="B280" s="21">
        <v>2554.4457609126234</v>
      </c>
      <c r="C280" s="22">
        <v>2696.4760795884604</v>
      </c>
      <c r="D280" s="22">
        <v>-142.03031867583695</v>
      </c>
      <c r="F280" s="24">
        <v>16303.397473337414</v>
      </c>
      <c r="G280" s="24">
        <v>16594.135648751715</v>
      </c>
      <c r="H280" s="24">
        <v>-290.73817541430071</v>
      </c>
    </row>
    <row r="281" spans="1:8">
      <c r="A281" s="20">
        <v>40603</v>
      </c>
      <c r="B281" s="21">
        <v>2538.2094067629864</v>
      </c>
      <c r="C281" s="22">
        <v>2448.3031769162985</v>
      </c>
      <c r="D281" s="22">
        <v>89.906229846687893</v>
      </c>
      <c r="F281" s="24">
        <v>16907.820775833381</v>
      </c>
      <c r="G281" s="24">
        <v>17061.757490300177</v>
      </c>
      <c r="H281" s="24">
        <v>-153.93671446679582</v>
      </c>
    </row>
    <row r="282" spans="1:8">
      <c r="A282" s="20">
        <v>40634</v>
      </c>
      <c r="B282" s="21">
        <v>1452.6390453857427</v>
      </c>
      <c r="C282" s="22">
        <v>1471.2633231797092</v>
      </c>
      <c r="D282" s="22">
        <v>-18.624277793966485</v>
      </c>
      <c r="F282" s="24">
        <v>17273.485459287804</v>
      </c>
      <c r="G282" s="24">
        <v>17447.037883742683</v>
      </c>
      <c r="H282" s="24">
        <v>-173.55242445487966</v>
      </c>
    </row>
    <row r="283" spans="1:8">
      <c r="A283" s="20">
        <v>40664</v>
      </c>
      <c r="B283" s="21">
        <v>837.09893734960303</v>
      </c>
      <c r="C283" s="22">
        <v>715.73253486871181</v>
      </c>
      <c r="D283" s="22">
        <v>121.36640248089122</v>
      </c>
      <c r="F283" s="24">
        <v>17517.453400287548</v>
      </c>
      <c r="G283" s="24">
        <v>17510.872273633413</v>
      </c>
      <c r="H283" s="24">
        <v>6.5811266541350051</v>
      </c>
    </row>
    <row r="284" spans="1:8">
      <c r="A284" s="20">
        <v>40695</v>
      </c>
      <c r="B284" s="21">
        <v>451.33255722714239</v>
      </c>
      <c r="C284" s="22">
        <v>312.28991582583006</v>
      </c>
      <c r="D284" s="22">
        <v>139.04264140131232</v>
      </c>
      <c r="F284" s="24">
        <v>17548.297258610299</v>
      </c>
      <c r="G284" s="24">
        <v>17510.872273633413</v>
      </c>
      <c r="H284" s="24">
        <v>37.424984976885753</v>
      </c>
    </row>
    <row r="285" spans="1:8">
      <c r="A285" s="20">
        <v>40725</v>
      </c>
      <c r="B285" s="21">
        <v>382.08843606326809</v>
      </c>
      <c r="C285" s="22">
        <v>312.28991582583006</v>
      </c>
      <c r="D285" s="22">
        <v>69.798520237438026</v>
      </c>
      <c r="F285" s="24">
        <v>17588.654031957776</v>
      </c>
      <c r="G285" s="24">
        <v>17510.872273633417</v>
      </c>
      <c r="H285" s="24">
        <v>77.781758324359544</v>
      </c>
    </row>
    <row r="286" spans="1:8">
      <c r="A286" s="20">
        <v>40756</v>
      </c>
      <c r="B286" s="21">
        <v>348.5994849360323</v>
      </c>
      <c r="C286" s="22">
        <v>312.28991582583006</v>
      </c>
      <c r="D286" s="22">
        <v>36.309569110202233</v>
      </c>
      <c r="F286" s="24">
        <v>17595.098312226157</v>
      </c>
      <c r="G286" s="24">
        <v>17510.872273633409</v>
      </c>
      <c r="H286" s="24">
        <v>84.2260385927475</v>
      </c>
    </row>
    <row r="287" spans="1:8">
      <c r="A287" s="20">
        <v>40787</v>
      </c>
      <c r="B287" s="21">
        <v>466.90741984828026</v>
      </c>
      <c r="C287" s="22">
        <v>390.51425203814148</v>
      </c>
      <c r="D287" s="22">
        <v>76.393167810138777</v>
      </c>
      <c r="F287" s="24">
        <v>17655.756344939138</v>
      </c>
      <c r="G287" s="24">
        <v>17499.556261606769</v>
      </c>
      <c r="H287" s="24">
        <v>156.2000833323691</v>
      </c>
    </row>
    <row r="288" spans="1:8">
      <c r="A288" s="20">
        <v>40817</v>
      </c>
      <c r="B288" s="21">
        <v>990.60990094557883</v>
      </c>
      <c r="C288" s="22">
        <v>1007.0415101719227</v>
      </c>
      <c r="D288" s="22">
        <v>-16.43160922634388</v>
      </c>
      <c r="F288" s="24">
        <v>17619.083329897767</v>
      </c>
      <c r="G288" s="24">
        <v>17503.266896631787</v>
      </c>
      <c r="H288" s="24">
        <v>115.81643326597987</v>
      </c>
    </row>
    <row r="289" spans="1:8">
      <c r="A289" s="20">
        <v>40848</v>
      </c>
      <c r="B289" s="21">
        <v>1799.0162879586521</v>
      </c>
      <c r="C289" s="22">
        <v>1556.9362643818865</v>
      </c>
      <c r="D289" s="22">
        <v>242.0800235767656</v>
      </c>
      <c r="F289" s="24">
        <v>17655.212889085538</v>
      </c>
      <c r="G289" s="24">
        <v>17244.126849187931</v>
      </c>
      <c r="H289" s="24">
        <v>411.08603989760741</v>
      </c>
    </row>
    <row r="290" spans="1:8" ht="14.4" thickBot="1">
      <c r="A290" s="25">
        <v>40878</v>
      </c>
      <c r="B290" s="26">
        <v>2422.1268010555609</v>
      </c>
      <c r="C290" s="27">
        <v>2295.8148074946703</v>
      </c>
      <c r="D290" s="27">
        <v>126.31199356089064</v>
      </c>
      <c r="F290" s="24">
        <v>17444.410343946009</v>
      </c>
      <c r="G290" s="24">
        <v>16744.241354356942</v>
      </c>
      <c r="H290" s="24">
        <v>700.16898958906677</v>
      </c>
    </row>
    <row r="291" spans="1:8">
      <c r="D291" s="28"/>
      <c r="E291" s="19"/>
      <c r="F291" s="19"/>
      <c r="G291" s="19"/>
    </row>
    <row r="292" spans="1:8" ht="14.4" thickBot="1">
      <c r="B292" s="19"/>
      <c r="C292" s="19"/>
      <c r="D292" s="19"/>
      <c r="E292" s="19"/>
      <c r="F292" s="19"/>
      <c r="G292" s="19"/>
    </row>
    <row r="293" spans="1:8">
      <c r="A293" s="29" t="s">
        <v>44</v>
      </c>
      <c r="B293" s="29" t="s">
        <v>43</v>
      </c>
      <c r="C293" s="29" t="s">
        <v>40</v>
      </c>
      <c r="D293" s="29" t="s">
        <v>41</v>
      </c>
      <c r="E293" s="29" t="s">
        <v>45</v>
      </c>
      <c r="F293" s="29" t="s">
        <v>46</v>
      </c>
    </row>
    <row r="294" spans="1:8">
      <c r="A294" s="30">
        <v>1991</v>
      </c>
      <c r="B294" s="31">
        <v>19546.170913359936</v>
      </c>
      <c r="C294" s="31">
        <v>19313.609294679554</v>
      </c>
      <c r="D294" s="32">
        <v>232.5616186803818</v>
      </c>
      <c r="E294" s="33">
        <v>232.5616186803818</v>
      </c>
      <c r="F294" s="34">
        <v>1.2041333918070253E-2</v>
      </c>
    </row>
    <row r="295" spans="1:8">
      <c r="A295" s="30">
        <v>1992</v>
      </c>
      <c r="B295" s="35">
        <v>20308.124451676271</v>
      </c>
      <c r="C295" s="35">
        <v>20098.568341243044</v>
      </c>
      <c r="D295" s="32">
        <v>209.55611043322642</v>
      </c>
      <c r="E295" s="33">
        <v>209.55611043322642</v>
      </c>
      <c r="F295" s="34">
        <v>1.0426419776537472E-2</v>
      </c>
    </row>
    <row r="296" spans="1:8">
      <c r="A296" s="30">
        <v>1993</v>
      </c>
      <c r="B296" s="35">
        <v>20200.538588720221</v>
      </c>
      <c r="C296" s="35">
        <v>20336.620561722262</v>
      </c>
      <c r="D296" s="32">
        <v>-136.0819730020412</v>
      </c>
      <c r="E296" s="33">
        <v>136.0819730020412</v>
      </c>
      <c r="F296" s="34">
        <v>6.6914742589127959E-3</v>
      </c>
    </row>
    <row r="297" spans="1:8">
      <c r="A297" s="30">
        <v>1994</v>
      </c>
      <c r="B297" s="35">
        <v>19541.011735565862</v>
      </c>
      <c r="C297" s="35">
        <v>20052.169006836626</v>
      </c>
      <c r="D297" s="32">
        <v>-511.15727127076389</v>
      </c>
      <c r="E297" s="33">
        <v>511.15727127076389</v>
      </c>
      <c r="F297" s="34">
        <v>2.549137058921102E-2</v>
      </c>
    </row>
    <row r="298" spans="1:8">
      <c r="A298" s="30">
        <v>1995</v>
      </c>
      <c r="B298" s="35">
        <v>19331.822011972152</v>
      </c>
      <c r="C298" s="35">
        <v>19529.472978722191</v>
      </c>
      <c r="D298" s="32">
        <v>-197.65096675003952</v>
      </c>
      <c r="E298" s="33">
        <v>197.65096675003952</v>
      </c>
      <c r="F298" s="34">
        <v>1.0120650309682436E-2</v>
      </c>
    </row>
    <row r="299" spans="1:8">
      <c r="A299" s="30">
        <v>1996</v>
      </c>
      <c r="B299" s="35">
        <v>20267.618809386164</v>
      </c>
      <c r="C299" s="35">
        <v>19980.848115235473</v>
      </c>
      <c r="D299" s="32">
        <v>286.77069415069127</v>
      </c>
      <c r="E299" s="33">
        <v>286.77069415069127</v>
      </c>
      <c r="F299" s="34">
        <v>1.4352278366603844E-2</v>
      </c>
    </row>
    <row r="300" spans="1:8">
      <c r="A300" s="30">
        <v>1997</v>
      </c>
      <c r="B300" s="35">
        <v>19364.987393319901</v>
      </c>
      <c r="C300" s="35">
        <v>19019.21410218528</v>
      </c>
      <c r="D300" s="32">
        <v>345.7732911346211</v>
      </c>
      <c r="E300" s="33">
        <v>345.7732911346211</v>
      </c>
      <c r="F300" s="34">
        <v>1.8180209196703465E-2</v>
      </c>
    </row>
    <row r="301" spans="1:8">
      <c r="A301" s="30">
        <v>1998</v>
      </c>
      <c r="B301" s="35">
        <v>15946.463286165075</v>
      </c>
      <c r="C301" s="35">
        <v>16049.380757103831</v>
      </c>
      <c r="D301" s="32">
        <v>-102.91747093875529</v>
      </c>
      <c r="E301" s="33">
        <v>102.91747093875529</v>
      </c>
      <c r="F301" s="34">
        <v>6.4125508950369694E-3</v>
      </c>
    </row>
    <row r="302" spans="1:8">
      <c r="A302" s="30">
        <v>1999</v>
      </c>
      <c r="B302" s="35">
        <v>16957.257091834981</v>
      </c>
      <c r="C302" s="35">
        <v>17190.381172944799</v>
      </c>
      <c r="D302" s="32">
        <v>-233.12408110981778</v>
      </c>
      <c r="E302" s="33">
        <v>233.12408110981778</v>
      </c>
      <c r="F302" s="34">
        <v>1.356130959310674E-2</v>
      </c>
    </row>
    <row r="303" spans="1:8">
      <c r="A303" s="30">
        <v>2000</v>
      </c>
      <c r="B303" s="35">
        <v>17618.347299516223</v>
      </c>
      <c r="C303" s="35">
        <v>17615.704218766128</v>
      </c>
      <c r="D303" s="32">
        <v>2.6430807500946685</v>
      </c>
      <c r="E303" s="33">
        <v>2.6430807500946685</v>
      </c>
      <c r="F303" s="34">
        <v>1.5004116311620268E-4</v>
      </c>
    </row>
    <row r="304" spans="1:8">
      <c r="A304" s="30">
        <v>2001</v>
      </c>
      <c r="B304" s="35">
        <v>16430.521135883755</v>
      </c>
      <c r="C304" s="35">
        <v>16326.894167961407</v>
      </c>
      <c r="D304" s="32">
        <v>103.62696792234783</v>
      </c>
      <c r="E304" s="33">
        <v>103.62696792234783</v>
      </c>
      <c r="F304" s="34">
        <v>6.3470104513629489E-3</v>
      </c>
    </row>
    <row r="305" spans="1:6">
      <c r="A305" s="30">
        <v>2002</v>
      </c>
      <c r="B305" s="35">
        <v>17422.734434916121</v>
      </c>
      <c r="C305" s="35">
        <v>17395.52020184815</v>
      </c>
      <c r="D305" s="32">
        <v>27.214233067970781</v>
      </c>
      <c r="E305" s="33">
        <v>27.214233067970781</v>
      </c>
      <c r="F305" s="34">
        <v>1.5644391631978595E-3</v>
      </c>
    </row>
    <row r="306" spans="1:6">
      <c r="A306" s="30">
        <v>2003</v>
      </c>
      <c r="B306" s="35">
        <v>18190.078983285159</v>
      </c>
      <c r="C306" s="35">
        <v>18321.43575293693</v>
      </c>
      <c r="D306" s="32">
        <v>-131.35676965177117</v>
      </c>
      <c r="E306" s="33">
        <v>131.35676965177117</v>
      </c>
      <c r="F306" s="34">
        <v>7.1695674631129637E-3</v>
      </c>
    </row>
    <row r="307" spans="1:6">
      <c r="A307" s="30">
        <v>2004</v>
      </c>
      <c r="B307" s="35">
        <v>17286.570411865487</v>
      </c>
      <c r="C307" s="35">
        <v>17409.176443328201</v>
      </c>
      <c r="D307" s="32">
        <v>-122.60603146271387</v>
      </c>
      <c r="E307" s="33">
        <v>122.60603146271387</v>
      </c>
      <c r="F307" s="34">
        <v>7.0426095032025916E-3</v>
      </c>
    </row>
    <row r="308" spans="1:6">
      <c r="A308" s="30">
        <v>2005</v>
      </c>
      <c r="B308" s="35">
        <v>17100.609143888854</v>
      </c>
      <c r="C308" s="35">
        <v>17490.765955579551</v>
      </c>
      <c r="D308" s="32">
        <v>-390.15681169069649</v>
      </c>
      <c r="E308" s="33">
        <v>390.15681169069649</v>
      </c>
      <c r="F308" s="34">
        <v>2.2306445165498116E-2</v>
      </c>
    </row>
    <row r="309" spans="1:6">
      <c r="A309" s="30">
        <v>2006</v>
      </c>
      <c r="B309" s="35">
        <v>15747.544652735622</v>
      </c>
      <c r="C309" s="35">
        <v>15626.462001013479</v>
      </c>
      <c r="D309" s="32">
        <v>121.08265172214305</v>
      </c>
      <c r="E309" s="33">
        <v>121.08265172214305</v>
      </c>
      <c r="F309" s="34">
        <v>7.7485646920134607E-3</v>
      </c>
    </row>
    <row r="310" spans="1:6">
      <c r="A310" s="30">
        <v>2007</v>
      </c>
      <c r="B310" s="35">
        <v>16681.691078382646</v>
      </c>
      <c r="C310" s="35">
        <v>16741.171939632859</v>
      </c>
      <c r="D310" s="32">
        <v>-59.480861250212911</v>
      </c>
      <c r="E310" s="33">
        <v>59.480861250212911</v>
      </c>
      <c r="F310" s="34">
        <v>3.55296878048296E-3</v>
      </c>
    </row>
    <row r="311" spans="1:6">
      <c r="A311" s="30">
        <v>2008</v>
      </c>
      <c r="B311" s="35">
        <v>17495.444562076729</v>
      </c>
      <c r="C311" s="35">
        <v>17266.516504832765</v>
      </c>
      <c r="D311" s="32">
        <v>228.92805724396385</v>
      </c>
      <c r="E311" s="33">
        <v>228.92805724396385</v>
      </c>
      <c r="F311" s="34">
        <v>1.3258496997925936E-2</v>
      </c>
    </row>
    <row r="312" spans="1:6">
      <c r="A312" s="30">
        <v>2009</v>
      </c>
      <c r="B312" s="35">
        <v>16993.269908527218</v>
      </c>
      <c r="C312" s="35">
        <v>17006.434776111713</v>
      </c>
      <c r="D312" s="32">
        <v>-13.164867584495369</v>
      </c>
      <c r="E312" s="33">
        <v>13.164867584495369</v>
      </c>
      <c r="F312" s="34">
        <v>7.7411096198643317E-4</v>
      </c>
    </row>
    <row r="313" spans="1:6">
      <c r="A313" s="30">
        <v>2010</v>
      </c>
      <c r="B313" s="35">
        <v>15882.73617587268</v>
      </c>
      <c r="C313" s="35">
        <v>16243.364765855915</v>
      </c>
      <c r="D313" s="32">
        <v>-360.62858998323463</v>
      </c>
      <c r="E313" s="33">
        <v>360.62858998323463</v>
      </c>
      <c r="F313" s="34">
        <v>2.2201594015870883E-2</v>
      </c>
    </row>
    <row r="314" spans="1:6">
      <c r="A314" s="30">
        <v>2011</v>
      </c>
      <c r="B314" s="35">
        <v>17444.410343946009</v>
      </c>
      <c r="C314" s="35">
        <v>16744.241354356942</v>
      </c>
      <c r="D314" s="32">
        <v>700.16898958906677</v>
      </c>
      <c r="E314" s="33">
        <v>700.16898958906677</v>
      </c>
      <c r="F314" s="34">
        <v>4.181550986822577E-2</v>
      </c>
    </row>
    <row r="315" spans="1:6">
      <c r="A315" s="30"/>
      <c r="B315" s="30"/>
      <c r="C315" s="30"/>
      <c r="D315" s="30"/>
      <c r="E315" s="36" t="s">
        <v>47</v>
      </c>
      <c r="F315" s="37">
        <v>1.1962331196660054E-2</v>
      </c>
    </row>
  </sheetData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>
  <sheetPr>
    <tabColor theme="6" tint="0.39997558519241921"/>
  </sheetPr>
  <dimension ref="A2:H117"/>
  <sheetViews>
    <sheetView workbookViewId="0">
      <selection activeCell="G21" sqref="G21"/>
    </sheetView>
  </sheetViews>
  <sheetFormatPr defaultRowHeight="13.8"/>
  <cols>
    <col min="1" max="1" width="24.19921875" customWidth="1"/>
    <col min="2" max="2" width="11.8984375" customWidth="1"/>
    <col min="3" max="3" width="16.69921875" customWidth="1"/>
    <col min="4" max="4" width="13.3984375" bestFit="1" customWidth="1"/>
    <col min="5" max="6" width="8.8984375" bestFit="1" customWidth="1"/>
    <col min="9" max="9" width="10.59765625" customWidth="1"/>
  </cols>
  <sheetData>
    <row r="2" spans="1:8">
      <c r="A2" s="1" t="s">
        <v>142</v>
      </c>
    </row>
    <row r="3" spans="1:8" ht="14.4" thickBot="1"/>
    <row r="4" spans="1:8">
      <c r="A4" s="2" t="s">
        <v>0</v>
      </c>
      <c r="B4" s="2"/>
      <c r="E4" s="96" t="s">
        <v>222</v>
      </c>
      <c r="F4" s="95"/>
      <c r="G4" s="95"/>
      <c r="H4" s="95"/>
    </row>
    <row r="5" spans="1:8">
      <c r="A5" s="86"/>
      <c r="B5" s="87"/>
      <c r="E5" s="95"/>
      <c r="F5" s="95"/>
      <c r="G5" s="95"/>
      <c r="H5" s="95"/>
    </row>
    <row r="6" spans="1:8">
      <c r="A6" s="3" t="s">
        <v>2</v>
      </c>
      <c r="B6" s="4">
        <v>0.99199999999999999</v>
      </c>
      <c r="E6" s="97" t="s">
        <v>219</v>
      </c>
      <c r="F6" s="94"/>
      <c r="G6" s="94"/>
      <c r="H6" s="94"/>
    </row>
    <row r="7" spans="1:8">
      <c r="A7" s="3" t="s">
        <v>3</v>
      </c>
      <c r="B7" s="4">
        <v>0.99</v>
      </c>
      <c r="C7" s="93">
        <v>0.99148206652126103</v>
      </c>
      <c r="E7" s="97" t="s">
        <v>220</v>
      </c>
      <c r="F7" s="94"/>
      <c r="G7" s="94"/>
      <c r="H7" s="94"/>
    </row>
    <row r="8" spans="1:8">
      <c r="A8" s="3" t="s">
        <v>4</v>
      </c>
      <c r="B8" s="5">
        <v>6460.52</v>
      </c>
      <c r="E8" s="97" t="s">
        <v>221</v>
      </c>
      <c r="F8" s="94"/>
      <c r="G8" s="94"/>
      <c r="H8" s="94"/>
    </row>
    <row r="9" spans="1:8" ht="14.4" thickBot="1">
      <c r="A9" s="6" t="s">
        <v>5</v>
      </c>
      <c r="B9" s="7">
        <v>60</v>
      </c>
      <c r="C9" s="8" t="s">
        <v>215</v>
      </c>
    </row>
    <row r="11" spans="1:8" ht="14.4" thickBot="1">
      <c r="A11" t="s">
        <v>7</v>
      </c>
    </row>
    <row r="12" spans="1:8">
      <c r="A12" s="9"/>
      <c r="B12" s="9" t="s">
        <v>8</v>
      </c>
      <c r="C12" s="9" t="s">
        <v>9</v>
      </c>
      <c r="D12" s="9" t="s">
        <v>10</v>
      </c>
      <c r="E12" s="9" t="s">
        <v>11</v>
      </c>
      <c r="F12" s="9" t="s">
        <v>12</v>
      </c>
      <c r="G12" s="9" t="s">
        <v>13</v>
      </c>
    </row>
    <row r="13" spans="1:8">
      <c r="A13" s="3" t="s">
        <v>14</v>
      </c>
      <c r="B13" s="10">
        <v>49</v>
      </c>
      <c r="C13" s="11">
        <v>240102869754.13</v>
      </c>
      <c r="D13" s="82">
        <v>4900058566.4108162</v>
      </c>
      <c r="E13" s="11">
        <v>575.25699999999995</v>
      </c>
      <c r="F13" s="5">
        <v>0</v>
      </c>
      <c r="G13" s="13">
        <v>1.8779999999999999</v>
      </c>
    </row>
    <row r="14" spans="1:8">
      <c r="A14" s="3" t="s">
        <v>15</v>
      </c>
      <c r="B14" s="85">
        <v>10</v>
      </c>
      <c r="C14" s="11">
        <v>2045180272.6199999</v>
      </c>
      <c r="D14" s="82">
        <v>204518027.26199999</v>
      </c>
      <c r="E14" s="11"/>
      <c r="F14" s="12"/>
    </row>
    <row r="15" spans="1:8" ht="14.4" thickBot="1">
      <c r="A15" s="6" t="s">
        <v>16</v>
      </c>
      <c r="B15" s="90">
        <v>59</v>
      </c>
      <c r="C15" s="14"/>
      <c r="D15" s="14"/>
      <c r="E15" s="14"/>
      <c r="F15" s="15"/>
      <c r="G15" s="15"/>
    </row>
    <row r="16" spans="1:8" ht="14.4" thickBot="1"/>
    <row r="17" spans="1:7">
      <c r="A17" s="9"/>
      <c r="B17" s="9" t="s">
        <v>17</v>
      </c>
      <c r="C17" s="9" t="s">
        <v>18</v>
      </c>
      <c r="D17" s="9" t="s">
        <v>19</v>
      </c>
      <c r="E17" s="9" t="s">
        <v>20</v>
      </c>
      <c r="F17" s="9" t="s">
        <v>21</v>
      </c>
      <c r="G17" s="9" t="s">
        <v>22</v>
      </c>
    </row>
    <row r="18" spans="1:7">
      <c r="A18" s="3" t="s">
        <v>132</v>
      </c>
      <c r="B18" s="80">
        <v>21752.865000000002</v>
      </c>
      <c r="C18" s="80">
        <v>15341.569</v>
      </c>
      <c r="D18" s="80">
        <v>1.4179999999999999</v>
      </c>
      <c r="E18" s="4">
        <v>0.16250000000000001</v>
      </c>
      <c r="F18" s="83">
        <v>-8470.0259299999962</v>
      </c>
      <c r="G18" s="83">
        <v>51975.755929999999</v>
      </c>
    </row>
    <row r="19" spans="1:7">
      <c r="A19" s="3" t="s">
        <v>144</v>
      </c>
      <c r="B19" s="80">
        <v>82.483999999999995</v>
      </c>
      <c r="C19" s="80">
        <v>1.27</v>
      </c>
      <c r="D19" s="80">
        <v>64.959999999999994</v>
      </c>
      <c r="E19" s="4">
        <v>0</v>
      </c>
      <c r="F19" s="83">
        <v>79.982099999999988</v>
      </c>
      <c r="G19" s="83">
        <v>84.985900000000001</v>
      </c>
    </row>
    <row r="20" spans="1:7">
      <c r="A20" s="3" t="s">
        <v>145</v>
      </c>
      <c r="B20" s="80">
        <v>60.009</v>
      </c>
      <c r="C20" s="80">
        <v>4.6760000000000002</v>
      </c>
      <c r="D20" s="80">
        <v>12.834</v>
      </c>
      <c r="E20" s="4">
        <v>0</v>
      </c>
      <c r="F20" s="83">
        <v>50.797280000000001</v>
      </c>
      <c r="G20" s="83">
        <v>69.22072</v>
      </c>
    </row>
    <row r="21" spans="1:7">
      <c r="A21" s="3" t="s">
        <v>146</v>
      </c>
      <c r="B21" s="80">
        <v>74.619</v>
      </c>
      <c r="C21" s="80">
        <v>1.847</v>
      </c>
      <c r="D21" s="80">
        <v>40.409999999999997</v>
      </c>
      <c r="E21" s="4">
        <v>0</v>
      </c>
      <c r="F21" s="83">
        <v>70.980410000000006</v>
      </c>
      <c r="G21" s="83">
        <v>78.257589999999993</v>
      </c>
    </row>
    <row r="22" spans="1:7">
      <c r="A22" s="3" t="s">
        <v>147</v>
      </c>
      <c r="B22" s="80">
        <v>1162.2470000000001</v>
      </c>
      <c r="C22" s="80">
        <v>463.02100000000002</v>
      </c>
      <c r="D22" s="80">
        <v>2.5099999999999998</v>
      </c>
      <c r="E22" s="4">
        <v>1.54E-2</v>
      </c>
      <c r="F22" s="83">
        <v>250.09563000000003</v>
      </c>
      <c r="G22" s="83">
        <v>2074.3983699999999</v>
      </c>
    </row>
    <row r="23" spans="1:7">
      <c r="A23" s="3" t="s">
        <v>148</v>
      </c>
      <c r="B23" s="80">
        <v>27075.460999999999</v>
      </c>
      <c r="C23" s="80">
        <v>9596.5030000000006</v>
      </c>
      <c r="D23" s="80">
        <v>2.8210000000000002</v>
      </c>
      <c r="E23" s="4">
        <v>6.8999999999999999E-3</v>
      </c>
      <c r="F23" s="83">
        <v>8170.3500899999999</v>
      </c>
      <c r="G23" s="83">
        <v>45980.571909999999</v>
      </c>
    </row>
    <row r="24" spans="1:7">
      <c r="A24" s="79" t="s">
        <v>143</v>
      </c>
      <c r="B24" s="80">
        <v>-17986.133000000002</v>
      </c>
      <c r="C24" s="80">
        <v>2829.665</v>
      </c>
      <c r="D24" s="80">
        <v>-6.3559999999999999</v>
      </c>
      <c r="E24" s="4">
        <v>0</v>
      </c>
      <c r="F24" s="83">
        <v>-23560.573050000003</v>
      </c>
      <c r="G24" s="83">
        <v>-12411.692950000001</v>
      </c>
    </row>
    <row r="25" spans="1:7">
      <c r="A25" s="3" t="s">
        <v>152</v>
      </c>
      <c r="B25" s="80">
        <v>25413.383000000002</v>
      </c>
      <c r="C25" s="80">
        <v>4746.0730000000003</v>
      </c>
      <c r="D25" s="80">
        <v>5.3550000000000004</v>
      </c>
      <c r="E25" s="4">
        <v>0</v>
      </c>
      <c r="F25" s="83">
        <v>16063.619190000001</v>
      </c>
      <c r="G25" s="83">
        <v>34763.146810000006</v>
      </c>
    </row>
    <row r="26" spans="1:7">
      <c r="A26" s="3" t="s">
        <v>149</v>
      </c>
      <c r="B26" s="80">
        <v>17174.827000000001</v>
      </c>
      <c r="C26" s="80">
        <v>6769.87</v>
      </c>
      <c r="D26" s="80">
        <v>2.5369999999999999</v>
      </c>
      <c r="E26" s="4">
        <v>1.44E-2</v>
      </c>
      <c r="F26" s="83">
        <v>3838.183100000002</v>
      </c>
      <c r="G26" s="83">
        <v>30511.4709</v>
      </c>
    </row>
    <row r="27" spans="1:7">
      <c r="A27" s="3" t="s">
        <v>150</v>
      </c>
      <c r="B27" s="80">
        <v>15250.018</v>
      </c>
      <c r="C27" s="80">
        <v>6761.9459999999999</v>
      </c>
      <c r="D27" s="80">
        <v>2.2549999999999999</v>
      </c>
      <c r="E27" s="4">
        <v>2.86E-2</v>
      </c>
      <c r="F27" s="83">
        <v>1928.9843799999999</v>
      </c>
      <c r="G27" s="83">
        <v>28571.051619999998</v>
      </c>
    </row>
    <row r="28" spans="1:7" ht="14.4" thickBot="1">
      <c r="A28" s="6" t="s">
        <v>151</v>
      </c>
      <c r="B28" s="81">
        <v>15297.315000000001</v>
      </c>
      <c r="C28" s="81">
        <v>6765.5770000000002</v>
      </c>
      <c r="D28" s="81">
        <v>2.2610000000000001</v>
      </c>
      <c r="E28" s="17">
        <v>2.8199999999999999E-2</v>
      </c>
      <c r="F28" s="84">
        <v>1969.1283100000001</v>
      </c>
      <c r="G28" s="84">
        <v>28625.501690000001</v>
      </c>
    </row>
    <row r="30" spans="1:7">
      <c r="A30" s="3"/>
    </row>
    <row r="32" spans="1:7">
      <c r="A32" t="s">
        <v>38</v>
      </c>
    </row>
    <row r="33" spans="1:8" ht="14.4" thickBot="1"/>
    <row r="34" spans="1:8">
      <c r="A34" s="9" t="s">
        <v>39</v>
      </c>
      <c r="B34" s="18" t="s">
        <v>43</v>
      </c>
      <c r="C34" s="18" t="s">
        <v>40</v>
      </c>
      <c r="D34" s="18" t="s">
        <v>41</v>
      </c>
      <c r="E34" s="19"/>
    </row>
    <row r="35" spans="1:8">
      <c r="A35" s="20" t="s">
        <v>153</v>
      </c>
      <c r="B35" s="21">
        <v>222785.15900000001</v>
      </c>
      <c r="C35" s="22">
        <v>231226.557</v>
      </c>
      <c r="D35" s="22">
        <v>-8441.3979999999865</v>
      </c>
      <c r="E35" s="19"/>
      <c r="F35" s="24"/>
      <c r="G35" s="24"/>
      <c r="H35" s="24"/>
    </row>
    <row r="36" spans="1:8">
      <c r="A36" s="20" t="s">
        <v>154</v>
      </c>
      <c r="B36" s="21">
        <v>103418.444</v>
      </c>
      <c r="C36" s="22">
        <v>102529.939</v>
      </c>
      <c r="D36" s="22">
        <v>888.50500000000466</v>
      </c>
      <c r="E36" s="19"/>
      <c r="F36" s="24"/>
      <c r="G36" s="24"/>
      <c r="H36" s="24"/>
    </row>
    <row r="37" spans="1:8" ht="14.4" thickBot="1">
      <c r="A37" s="20" t="s">
        <v>155</v>
      </c>
      <c r="B37" s="21">
        <v>58235.218999999997</v>
      </c>
      <c r="C37" s="22">
        <v>61648.601000000002</v>
      </c>
      <c r="D37" s="22">
        <v>-3413.3820000000051</v>
      </c>
      <c r="E37" s="19"/>
      <c r="F37" s="1" t="s">
        <v>42</v>
      </c>
    </row>
    <row r="38" spans="1:8">
      <c r="A38" s="20" t="s">
        <v>156</v>
      </c>
      <c r="B38" s="21">
        <v>166144.26500000001</v>
      </c>
      <c r="C38" s="22">
        <v>169129.22099999999</v>
      </c>
      <c r="D38" s="22">
        <v>-2984.9559999999765</v>
      </c>
      <c r="E38" s="19"/>
      <c r="F38" s="23" t="s">
        <v>43</v>
      </c>
      <c r="G38" s="23" t="s">
        <v>40</v>
      </c>
      <c r="H38" s="23" t="s">
        <v>41</v>
      </c>
    </row>
    <row r="39" spans="1:8">
      <c r="A39" s="20" t="s">
        <v>157</v>
      </c>
      <c r="B39" s="21">
        <v>191416.94500000001</v>
      </c>
      <c r="C39" s="22">
        <v>203814.52900000001</v>
      </c>
      <c r="D39" s="22">
        <v>-12397.584000000003</v>
      </c>
      <c r="E39" s="19"/>
      <c r="F39" s="24">
        <v>550583.08700000006</v>
      </c>
      <c r="G39" s="24">
        <v>564534.31799999997</v>
      </c>
      <c r="H39" s="24">
        <v>-13951.230999999912</v>
      </c>
    </row>
    <row r="40" spans="1:8">
      <c r="A40" s="20" t="s">
        <v>158</v>
      </c>
      <c r="B40" s="21">
        <v>81021.376999999993</v>
      </c>
      <c r="C40" s="22">
        <v>85853.434999999998</v>
      </c>
      <c r="D40" s="22">
        <v>-4832.0580000000045</v>
      </c>
      <c r="E40" s="19"/>
      <c r="F40" s="24">
        <v>519214.87300000002</v>
      </c>
      <c r="G40" s="24">
        <v>537122.29</v>
      </c>
      <c r="H40" s="24">
        <v>-17907.417000000016</v>
      </c>
    </row>
    <row r="41" spans="1:8">
      <c r="A41" s="20" t="s">
        <v>159</v>
      </c>
      <c r="B41" s="21">
        <v>62858.273999999998</v>
      </c>
      <c r="C41" s="22">
        <v>62850.02</v>
      </c>
      <c r="D41" s="22">
        <v>8.2540000000008149</v>
      </c>
      <c r="E41" s="19"/>
      <c r="F41" s="24">
        <v>496817.80599999998</v>
      </c>
      <c r="G41" s="24">
        <v>520445.78600000002</v>
      </c>
      <c r="H41" s="24">
        <v>-23627.98000000004</v>
      </c>
    </row>
    <row r="42" spans="1:8">
      <c r="A42" s="20" t="s">
        <v>160</v>
      </c>
      <c r="B42" s="21">
        <v>142918.19200000001</v>
      </c>
      <c r="C42" s="22">
        <v>156491.334</v>
      </c>
      <c r="D42" s="22">
        <v>-13573.141999999993</v>
      </c>
      <c r="E42" s="19"/>
      <c r="F42" s="24">
        <v>501440.86099999998</v>
      </c>
      <c r="G42" s="24">
        <v>521647.20500000002</v>
      </c>
      <c r="H42" s="24">
        <v>-20206.344000000041</v>
      </c>
    </row>
    <row r="43" spans="1:8">
      <c r="A43" s="20" t="s">
        <v>161</v>
      </c>
      <c r="B43" s="21">
        <v>231383.03599999999</v>
      </c>
      <c r="C43" s="22">
        <v>226400.59</v>
      </c>
      <c r="D43" s="22">
        <v>4982.4459999999963</v>
      </c>
      <c r="E43" s="19"/>
      <c r="F43" s="24">
        <v>478214.78799999994</v>
      </c>
      <c r="G43" s="24">
        <v>509009.31800000009</v>
      </c>
      <c r="H43" s="24">
        <v>-30794.530000000144</v>
      </c>
    </row>
    <row r="44" spans="1:8">
      <c r="A44" s="20" t="s">
        <v>162</v>
      </c>
      <c r="B44" s="21">
        <v>94216.115999999995</v>
      </c>
      <c r="C44" s="22">
        <v>91946.915999999997</v>
      </c>
      <c r="D44" s="22">
        <v>2269.1999999999971</v>
      </c>
      <c r="E44" s="19"/>
      <c r="F44" s="24">
        <v>518180.87899999996</v>
      </c>
      <c r="G44" s="24">
        <v>531595.37899999996</v>
      </c>
      <c r="H44" s="24">
        <v>-13414.5</v>
      </c>
    </row>
    <row r="45" spans="1:8">
      <c r="A45" s="20" t="s">
        <v>163</v>
      </c>
      <c r="B45" s="21">
        <v>71036.111999999994</v>
      </c>
      <c r="C45" s="22">
        <v>65286.97</v>
      </c>
      <c r="D45" s="22">
        <v>5749.1419999999925</v>
      </c>
      <c r="E45" s="19"/>
      <c r="F45" s="24">
        <v>531375.61800000002</v>
      </c>
      <c r="G45" s="24">
        <v>537688.86</v>
      </c>
      <c r="H45" s="24">
        <v>-6313.2419999999693</v>
      </c>
    </row>
    <row r="46" spans="1:8">
      <c r="A46" s="20" t="s">
        <v>164</v>
      </c>
      <c r="B46" s="21">
        <v>179824.22099999999</v>
      </c>
      <c r="C46" s="22">
        <v>179824.22099999999</v>
      </c>
      <c r="D46" s="22">
        <v>0</v>
      </c>
      <c r="E46" s="19"/>
      <c r="F46" s="24">
        <v>539553.45600000001</v>
      </c>
      <c r="G46" s="24">
        <v>540125.80999999994</v>
      </c>
      <c r="H46" s="24">
        <v>-572.35399999993388</v>
      </c>
    </row>
    <row r="47" spans="1:8">
      <c r="A47" s="20" t="s">
        <v>165</v>
      </c>
      <c r="B47" s="21">
        <v>211320.69399999999</v>
      </c>
      <c r="C47" s="22">
        <v>217727.07800000001</v>
      </c>
      <c r="D47" s="22">
        <v>-6406.38400000002</v>
      </c>
      <c r="E47" s="19"/>
      <c r="F47" s="24">
        <v>576459.48499999999</v>
      </c>
      <c r="G47" s="24">
        <v>563458.69700000004</v>
      </c>
      <c r="H47" s="24">
        <v>13000.787999999942</v>
      </c>
    </row>
    <row r="48" spans="1:8">
      <c r="A48" s="20" t="s">
        <v>166</v>
      </c>
      <c r="B48" s="21">
        <v>92149.490999999995</v>
      </c>
      <c r="C48" s="22">
        <v>96808.203999999998</v>
      </c>
      <c r="D48" s="22">
        <v>-4658.7130000000034</v>
      </c>
      <c r="E48" s="19"/>
      <c r="F48" s="24">
        <v>556397.14300000004</v>
      </c>
      <c r="G48" s="24">
        <v>554785.18499999994</v>
      </c>
      <c r="H48" s="24">
        <v>1611.9580000001006</v>
      </c>
    </row>
    <row r="49" spans="1:8">
      <c r="A49" s="20" t="s">
        <v>167</v>
      </c>
      <c r="B49" s="21">
        <v>70486.131999999998</v>
      </c>
      <c r="C49" s="22">
        <v>65608.058999999994</v>
      </c>
      <c r="D49" s="22">
        <v>4878.073000000004</v>
      </c>
      <c r="E49" s="19"/>
      <c r="F49" s="24">
        <v>554330.51800000004</v>
      </c>
      <c r="G49" s="24">
        <v>559646.473</v>
      </c>
      <c r="H49" s="24">
        <v>-5315.9549999999581</v>
      </c>
    </row>
    <row r="50" spans="1:8">
      <c r="A50" s="20" t="s">
        <v>168</v>
      </c>
      <c r="B50" s="21">
        <v>173263.693</v>
      </c>
      <c r="C50" s="22">
        <v>180927.19500000001</v>
      </c>
      <c r="D50" s="22">
        <v>-7663.5020000000077</v>
      </c>
      <c r="E50" s="19"/>
      <c r="F50" s="24">
        <v>553780.53799999994</v>
      </c>
      <c r="G50" s="24">
        <v>559967.56200000003</v>
      </c>
      <c r="H50" s="24">
        <v>-6187.0240000000922</v>
      </c>
    </row>
    <row r="51" spans="1:8">
      <c r="A51" s="20" t="s">
        <v>169</v>
      </c>
      <c r="B51" s="21">
        <v>234065.58300000001</v>
      </c>
      <c r="C51" s="22">
        <v>227971.45300000001</v>
      </c>
      <c r="D51" s="22">
        <v>6094.1300000000047</v>
      </c>
      <c r="E51" s="19"/>
      <c r="F51" s="24">
        <v>547220.01</v>
      </c>
      <c r="G51" s="24">
        <v>561070.53600000008</v>
      </c>
      <c r="H51" s="24">
        <v>-13850.526000000071</v>
      </c>
    </row>
    <row r="52" spans="1:8">
      <c r="A52" s="20" t="s">
        <v>170</v>
      </c>
      <c r="B52" s="21">
        <v>101233.79</v>
      </c>
      <c r="C52" s="22">
        <v>94399.819000000003</v>
      </c>
      <c r="D52" s="22">
        <v>6833.9709999999905</v>
      </c>
      <c r="E52" s="19"/>
      <c r="F52" s="24">
        <v>569964.89899999998</v>
      </c>
      <c r="G52" s="24">
        <v>571314.91099999996</v>
      </c>
      <c r="H52" s="24">
        <v>-1350.0119999999879</v>
      </c>
    </row>
    <row r="53" spans="1:8">
      <c r="A53" s="20" t="s">
        <v>171</v>
      </c>
      <c r="B53" s="21">
        <v>69810.739000000001</v>
      </c>
      <c r="C53" s="22">
        <v>67189.221000000005</v>
      </c>
      <c r="D53" s="22">
        <v>2621.5179999999964</v>
      </c>
      <c r="E53" s="19"/>
      <c r="F53" s="24">
        <v>579049.19800000009</v>
      </c>
      <c r="G53" s="24">
        <v>568906.52600000007</v>
      </c>
      <c r="H53" s="24">
        <v>10142.67200000002</v>
      </c>
    </row>
    <row r="54" spans="1:8">
      <c r="A54" s="20" t="s">
        <v>172</v>
      </c>
      <c r="B54" s="21">
        <v>150035.52100000001</v>
      </c>
      <c r="C54" s="22">
        <v>155116.15</v>
      </c>
      <c r="D54" s="22">
        <v>-5080.6289999999863</v>
      </c>
      <c r="E54" s="19"/>
      <c r="F54" s="24">
        <v>578373.80499999993</v>
      </c>
      <c r="G54" s="24">
        <v>570487.68800000008</v>
      </c>
      <c r="H54" s="24">
        <v>7886.1169999998529</v>
      </c>
    </row>
    <row r="55" spans="1:8">
      <c r="A55" s="20" t="s">
        <v>173</v>
      </c>
      <c r="B55" s="21">
        <v>219192.58300000001</v>
      </c>
      <c r="C55" s="22">
        <v>215853.658</v>
      </c>
      <c r="D55" s="22">
        <v>3338.9250000000175</v>
      </c>
      <c r="E55" s="19"/>
      <c r="F55" s="24">
        <v>555145.63300000003</v>
      </c>
      <c r="G55" s="24">
        <v>544676.64300000004</v>
      </c>
      <c r="H55" s="24">
        <v>10468.989999999991</v>
      </c>
    </row>
    <row r="56" spans="1:8">
      <c r="A56" s="20" t="s">
        <v>174</v>
      </c>
      <c r="B56" s="21">
        <v>109928.253</v>
      </c>
      <c r="C56" s="22">
        <v>103798.966</v>
      </c>
      <c r="D56" s="22">
        <v>6129.2869999999966</v>
      </c>
      <c r="E56" s="19"/>
      <c r="F56" s="24">
        <v>540272.63300000003</v>
      </c>
      <c r="G56" s="24">
        <v>532558.848</v>
      </c>
      <c r="H56" s="24">
        <v>7713.7850000000326</v>
      </c>
    </row>
    <row r="57" spans="1:8">
      <c r="A57" s="20" t="s">
        <v>175</v>
      </c>
      <c r="B57" s="21">
        <v>72364.3</v>
      </c>
      <c r="C57" s="22">
        <v>69389.043999999994</v>
      </c>
      <c r="D57" s="22">
        <v>2975.2560000000085</v>
      </c>
      <c r="E57" s="19"/>
      <c r="F57" s="24">
        <v>548967.09600000002</v>
      </c>
      <c r="G57" s="24">
        <v>541957.995</v>
      </c>
      <c r="H57" s="24">
        <v>7009.1010000000242</v>
      </c>
    </row>
    <row r="58" spans="1:8">
      <c r="A58" s="20" t="s">
        <v>176</v>
      </c>
      <c r="B58" s="21">
        <v>182704.87</v>
      </c>
      <c r="C58" s="22">
        <v>179126.80900000001</v>
      </c>
      <c r="D58" s="22">
        <v>3578.060999999987</v>
      </c>
      <c r="E58" s="19"/>
      <c r="F58" s="24">
        <v>551520.65700000012</v>
      </c>
      <c r="G58" s="24">
        <v>544157.81799999997</v>
      </c>
      <c r="H58" s="24">
        <v>7362.8390000001527</v>
      </c>
    </row>
    <row r="59" spans="1:8">
      <c r="A59" s="20" t="s">
        <v>177</v>
      </c>
      <c r="B59" s="21">
        <v>259646.068</v>
      </c>
      <c r="C59" s="22">
        <v>249663.61</v>
      </c>
      <c r="D59" s="22">
        <v>9982.4580000000133</v>
      </c>
      <c r="E59" s="19"/>
      <c r="F59" s="24">
        <v>584190.00600000005</v>
      </c>
      <c r="G59" s="24">
        <v>568168.47699999996</v>
      </c>
      <c r="H59" s="24">
        <v>16021.529000000097</v>
      </c>
    </row>
    <row r="60" spans="1:8">
      <c r="A60" s="20" t="s">
        <v>178</v>
      </c>
      <c r="B60" s="21">
        <v>98705.948000000004</v>
      </c>
      <c r="C60" s="22">
        <v>106028.289</v>
      </c>
      <c r="D60" s="22">
        <v>-7322.3410000000003</v>
      </c>
      <c r="E60" s="19"/>
      <c r="F60" s="24">
        <v>624643.49100000004</v>
      </c>
      <c r="G60" s="24">
        <v>601978.429</v>
      </c>
      <c r="H60" s="24">
        <v>22665.062000000034</v>
      </c>
    </row>
    <row r="61" spans="1:8">
      <c r="A61" s="20" t="s">
        <v>179</v>
      </c>
      <c r="B61" s="21">
        <v>67906.418000000005</v>
      </c>
      <c r="C61" s="22">
        <v>67657.608999999997</v>
      </c>
      <c r="D61" s="22">
        <v>248.80900000000838</v>
      </c>
      <c r="E61" s="19"/>
      <c r="F61" s="24">
        <v>613421.18599999999</v>
      </c>
      <c r="G61" s="24">
        <v>604207.75199999998</v>
      </c>
      <c r="H61" s="24">
        <v>9213.4340000000084</v>
      </c>
    </row>
    <row r="62" spans="1:8">
      <c r="A62" s="20" t="s">
        <v>180</v>
      </c>
      <c r="B62" s="21">
        <v>172014.321</v>
      </c>
      <c r="C62" s="22">
        <v>164437.21599999999</v>
      </c>
      <c r="D62" s="22">
        <v>7577.1050000000105</v>
      </c>
      <c r="E62" s="19"/>
      <c r="F62" s="24">
        <v>608963.304</v>
      </c>
      <c r="G62" s="24">
        <v>602476.31700000004</v>
      </c>
      <c r="H62" s="24">
        <v>6486.9869999999646</v>
      </c>
    </row>
    <row r="63" spans="1:8">
      <c r="A63" s="20" t="s">
        <v>181</v>
      </c>
      <c r="B63" s="21">
        <v>224692.21599999999</v>
      </c>
      <c r="C63" s="22">
        <v>235806.595</v>
      </c>
      <c r="D63" s="22">
        <v>-11114.379000000015</v>
      </c>
      <c r="E63" s="19"/>
      <c r="F63" s="24">
        <v>598272.755</v>
      </c>
      <c r="G63" s="24">
        <v>587786.72399999993</v>
      </c>
      <c r="H63" s="24">
        <v>10486.031000000075</v>
      </c>
    </row>
    <row r="64" spans="1:8">
      <c r="A64" s="20" t="s">
        <v>182</v>
      </c>
      <c r="B64" s="21">
        <v>96089.335999999996</v>
      </c>
      <c r="C64" s="22">
        <v>94521.459000000003</v>
      </c>
      <c r="D64" s="22">
        <v>1567.8769999999931</v>
      </c>
      <c r="E64" s="19"/>
      <c r="F64" s="24">
        <v>563318.90300000005</v>
      </c>
      <c r="G64" s="24">
        <v>573929.70899999992</v>
      </c>
      <c r="H64" s="24">
        <v>-10610.805999999866</v>
      </c>
    </row>
    <row r="65" spans="1:8">
      <c r="A65" s="20" t="s">
        <v>183</v>
      </c>
      <c r="B65" s="21">
        <v>61621.728999999999</v>
      </c>
      <c r="C65" s="22">
        <v>63014.915000000001</v>
      </c>
      <c r="D65" s="22">
        <v>-1393.1860000000015</v>
      </c>
      <c r="E65" s="19"/>
      <c r="F65" s="24">
        <v>560702.29099999997</v>
      </c>
      <c r="G65" s="24">
        <v>562422.87899999996</v>
      </c>
      <c r="H65" s="24">
        <v>-1720.5879999999888</v>
      </c>
    </row>
    <row r="66" spans="1:8">
      <c r="A66" s="20" t="s">
        <v>184</v>
      </c>
      <c r="B66" s="21">
        <v>165356.478</v>
      </c>
      <c r="C66" s="22">
        <v>166389.48699999999</v>
      </c>
      <c r="D66" s="22">
        <v>-1033.0089999999909</v>
      </c>
      <c r="E66" s="19"/>
      <c r="F66" s="24">
        <v>554417.60200000007</v>
      </c>
      <c r="G66" s="24">
        <v>557780.18500000006</v>
      </c>
      <c r="H66" s="24">
        <v>-3362.5829999999842</v>
      </c>
    </row>
    <row r="67" spans="1:8">
      <c r="A67" s="20" t="s">
        <v>185</v>
      </c>
      <c r="B67" s="21">
        <v>251349.092</v>
      </c>
      <c r="C67" s="22">
        <v>251349.092</v>
      </c>
      <c r="D67" s="22">
        <v>0</v>
      </c>
      <c r="E67" s="19"/>
      <c r="F67" s="24">
        <v>547759.75899999996</v>
      </c>
      <c r="G67" s="24">
        <v>559732.45600000001</v>
      </c>
      <c r="H67" s="24">
        <v>-11972.697000000044</v>
      </c>
    </row>
    <row r="68" spans="1:8">
      <c r="A68" s="20" t="s">
        <v>186</v>
      </c>
      <c r="B68" s="21">
        <v>89303.789000000004</v>
      </c>
      <c r="C68" s="22">
        <v>93091.070999999996</v>
      </c>
      <c r="D68" s="22">
        <v>-3787.281999999992</v>
      </c>
      <c r="E68" s="19"/>
      <c r="F68" s="24">
        <v>574416.63500000001</v>
      </c>
      <c r="G68" s="24">
        <v>575274.95299999998</v>
      </c>
      <c r="H68" s="24">
        <v>-858.3179999999702</v>
      </c>
    </row>
    <row r="69" spans="1:8">
      <c r="A69" s="20" t="s">
        <v>187</v>
      </c>
      <c r="B69" s="21">
        <v>62883.955999999998</v>
      </c>
      <c r="C69" s="22">
        <v>62808.252999999997</v>
      </c>
      <c r="D69" s="22">
        <v>75.703000000001339</v>
      </c>
      <c r="E69" s="19"/>
      <c r="F69" s="24">
        <v>567631.08799999999</v>
      </c>
      <c r="G69" s="24">
        <v>573844.56499999994</v>
      </c>
      <c r="H69" s="24">
        <v>-6213.4769999999553</v>
      </c>
    </row>
    <row r="70" spans="1:8">
      <c r="A70" s="20" t="s">
        <v>188</v>
      </c>
      <c r="B70" s="21">
        <v>183098.864</v>
      </c>
      <c r="C70" s="22">
        <v>183098.864</v>
      </c>
      <c r="D70" s="22">
        <v>0</v>
      </c>
      <c r="E70" s="19"/>
      <c r="F70" s="24">
        <v>568893.31499999994</v>
      </c>
      <c r="G70" s="24">
        <v>573637.90300000005</v>
      </c>
      <c r="H70" s="24">
        <v>-4744.5880000001052</v>
      </c>
    </row>
    <row r="71" spans="1:8">
      <c r="A71" s="20" t="s">
        <v>189</v>
      </c>
      <c r="B71" s="21">
        <v>209380.546</v>
      </c>
      <c r="C71" s="22">
        <v>210573.467</v>
      </c>
      <c r="D71" s="22">
        <v>-1192.9210000000021</v>
      </c>
      <c r="E71" s="19"/>
      <c r="F71" s="24">
        <v>586635.701</v>
      </c>
      <c r="G71" s="24">
        <v>590347.28</v>
      </c>
      <c r="H71" s="24">
        <v>-3711.579000000027</v>
      </c>
    </row>
    <row r="72" spans="1:8">
      <c r="A72" s="20" t="s">
        <v>190</v>
      </c>
      <c r="B72" s="21">
        <v>88385.048999999999</v>
      </c>
      <c r="C72" s="22">
        <v>90625.466</v>
      </c>
      <c r="D72" s="22">
        <v>-2240.4170000000013</v>
      </c>
      <c r="E72" s="19"/>
      <c r="F72" s="24">
        <v>544667.15500000003</v>
      </c>
      <c r="G72" s="24">
        <v>549571.65500000003</v>
      </c>
      <c r="H72" s="24">
        <v>-4904.5</v>
      </c>
    </row>
    <row r="73" spans="1:8">
      <c r="A73" s="20" t="s">
        <v>191</v>
      </c>
      <c r="B73" s="21">
        <v>66474.312999999995</v>
      </c>
      <c r="C73" s="22">
        <v>63070.432000000001</v>
      </c>
      <c r="D73" s="22">
        <v>3403.8809999999939</v>
      </c>
      <c r="E73" s="19"/>
      <c r="F73" s="24">
        <v>543748.41500000004</v>
      </c>
      <c r="G73" s="24">
        <v>547106.05000000005</v>
      </c>
      <c r="H73" s="24">
        <v>-3357.6350000000093</v>
      </c>
    </row>
    <row r="74" spans="1:8">
      <c r="A74" s="20" t="s">
        <v>192</v>
      </c>
      <c r="B74" s="21">
        <v>169358.10399999999</v>
      </c>
      <c r="C74" s="22">
        <v>156523.69200000001</v>
      </c>
      <c r="D74" s="22">
        <v>12834.411999999982</v>
      </c>
      <c r="E74" s="19"/>
      <c r="F74" s="24">
        <v>547338.772</v>
      </c>
      <c r="G74" s="24">
        <v>547368.22900000005</v>
      </c>
      <c r="H74" s="24">
        <v>-29.457000000053085</v>
      </c>
    </row>
    <row r="75" spans="1:8">
      <c r="A75" s="20" t="s">
        <v>193</v>
      </c>
      <c r="B75" s="21">
        <v>238440.19099999999</v>
      </c>
      <c r="C75" s="22">
        <v>226601.41399999999</v>
      </c>
      <c r="D75" s="22">
        <v>11838.777000000002</v>
      </c>
      <c r="E75" s="19"/>
      <c r="F75" s="24">
        <v>533598.01199999987</v>
      </c>
      <c r="G75" s="24">
        <v>520793.05700000003</v>
      </c>
      <c r="H75" s="24">
        <v>12804.954999999842</v>
      </c>
    </row>
    <row r="76" spans="1:8">
      <c r="A76" s="20" t="s">
        <v>194</v>
      </c>
      <c r="B76" s="21">
        <v>98458.593999999997</v>
      </c>
      <c r="C76" s="22">
        <v>92112.951000000001</v>
      </c>
      <c r="D76" s="22">
        <v>6345.6429999999964</v>
      </c>
      <c r="E76" s="19"/>
      <c r="F76" s="24">
        <v>562657.65700000001</v>
      </c>
      <c r="G76" s="24">
        <v>536821.00399999996</v>
      </c>
      <c r="H76" s="24">
        <v>25836.653000000049</v>
      </c>
    </row>
    <row r="77" spans="1:8">
      <c r="A77" s="20" t="s">
        <v>195</v>
      </c>
      <c r="B77" s="21">
        <v>63530.733</v>
      </c>
      <c r="C77" s="22">
        <v>63500.673999999999</v>
      </c>
      <c r="D77" s="22">
        <v>30.059000000001106</v>
      </c>
      <c r="E77" s="19"/>
      <c r="F77" s="24">
        <v>572731.20200000005</v>
      </c>
      <c r="G77" s="24">
        <v>538308.48900000006</v>
      </c>
      <c r="H77" s="24">
        <v>34422.712999999989</v>
      </c>
    </row>
    <row r="78" spans="1:8">
      <c r="A78" s="20" t="s">
        <v>196</v>
      </c>
      <c r="B78" s="21">
        <v>165931.10800000001</v>
      </c>
      <c r="C78" s="22">
        <v>162496.90299999999</v>
      </c>
      <c r="D78" s="22">
        <v>3434.2050000000163</v>
      </c>
      <c r="E78" s="19"/>
      <c r="F78" s="24">
        <v>569787.62199999997</v>
      </c>
      <c r="G78" s="24">
        <v>538738.73100000003</v>
      </c>
      <c r="H78" s="24">
        <v>31048.890999999945</v>
      </c>
    </row>
    <row r="79" spans="1:8">
      <c r="A79" s="20" t="s">
        <v>197</v>
      </c>
      <c r="B79" s="21">
        <v>240842.989</v>
      </c>
      <c r="C79" s="22">
        <v>230302.20300000001</v>
      </c>
      <c r="D79" s="22">
        <v>10540.785999999993</v>
      </c>
      <c r="E79" s="19"/>
      <c r="F79" s="24">
        <v>566360.62599999993</v>
      </c>
      <c r="G79" s="24">
        <v>544711.94200000004</v>
      </c>
      <c r="H79" s="24">
        <v>21648.683999999892</v>
      </c>
    </row>
    <row r="80" spans="1:8">
      <c r="A80" s="20" t="s">
        <v>198</v>
      </c>
      <c r="B80" s="21">
        <v>91378.327999999994</v>
      </c>
      <c r="C80" s="22">
        <v>93187.906000000003</v>
      </c>
      <c r="D80" s="22">
        <v>-1809.5780000000086</v>
      </c>
      <c r="E80" s="19"/>
      <c r="F80" s="24">
        <v>568763.424</v>
      </c>
      <c r="G80" s="24">
        <v>548412.73100000003</v>
      </c>
      <c r="H80" s="24">
        <v>20350.69299999997</v>
      </c>
    </row>
    <row r="81" spans="1:8">
      <c r="A81" s="20" t="s">
        <v>199</v>
      </c>
      <c r="B81" s="21">
        <v>66225.217999999993</v>
      </c>
      <c r="C81" s="22">
        <v>65922.076000000001</v>
      </c>
      <c r="D81" s="22">
        <v>303.14199999999255</v>
      </c>
      <c r="E81" s="19"/>
      <c r="F81" s="24">
        <v>561683.15800000005</v>
      </c>
      <c r="G81" s="24">
        <v>549487.68599999999</v>
      </c>
      <c r="H81" s="24">
        <v>12195.472000000067</v>
      </c>
    </row>
    <row r="82" spans="1:8">
      <c r="A82" s="20" t="s">
        <v>200</v>
      </c>
      <c r="B82" s="21">
        <v>174709.891</v>
      </c>
      <c r="C82" s="22">
        <v>180357.03599999999</v>
      </c>
      <c r="D82" s="22">
        <v>-5647.1449999999895</v>
      </c>
      <c r="E82" s="19"/>
      <c r="F82" s="24">
        <v>564377.64299999992</v>
      </c>
      <c r="G82" s="24">
        <v>551909.08799999999</v>
      </c>
      <c r="H82" s="24">
        <v>12468.554999999935</v>
      </c>
    </row>
    <row r="83" spans="1:8">
      <c r="A83" s="20" t="s">
        <v>201</v>
      </c>
      <c r="B83" s="21">
        <v>210843.30100000001</v>
      </c>
      <c r="C83" s="22">
        <v>211963.424</v>
      </c>
      <c r="D83" s="22">
        <v>-1120.1229999999923</v>
      </c>
      <c r="E83" s="19"/>
      <c r="F83" s="24">
        <v>573156.42599999998</v>
      </c>
      <c r="G83" s="24">
        <v>569769.22100000002</v>
      </c>
      <c r="H83" s="24">
        <v>3387.2049999999581</v>
      </c>
    </row>
    <row r="84" spans="1:8">
      <c r="A84" s="20" t="s">
        <v>202</v>
      </c>
      <c r="B84" s="21">
        <v>75658.701000000001</v>
      </c>
      <c r="C84" s="22">
        <v>75232.714000000007</v>
      </c>
      <c r="D84" s="22">
        <v>425.98699999999371</v>
      </c>
      <c r="E84" s="19"/>
      <c r="F84" s="24">
        <v>543156.73800000001</v>
      </c>
      <c r="G84" s="24">
        <v>551430.44200000004</v>
      </c>
      <c r="H84" s="24">
        <v>-8273.704000000027</v>
      </c>
    </row>
    <row r="85" spans="1:8">
      <c r="A85" s="20" t="s">
        <v>203</v>
      </c>
      <c r="B85" s="21">
        <v>64070.89</v>
      </c>
      <c r="C85" s="22">
        <v>65783.922000000006</v>
      </c>
      <c r="D85" s="22">
        <v>-1713.0320000000065</v>
      </c>
      <c r="E85" s="19"/>
      <c r="F85" s="24">
        <v>527437.11100000003</v>
      </c>
      <c r="G85" s="24">
        <v>533475.25</v>
      </c>
      <c r="H85" s="24">
        <v>-6038.1389999999665</v>
      </c>
    </row>
    <row r="86" spans="1:8">
      <c r="A86" s="20" t="s">
        <v>204</v>
      </c>
      <c r="B86" s="21">
        <v>177027.06700000001</v>
      </c>
      <c r="C86" s="22">
        <v>175354.44099999999</v>
      </c>
      <c r="D86" s="22">
        <v>1672.6260000000184</v>
      </c>
      <c r="E86" s="19"/>
      <c r="F86" s="24">
        <v>525282.78300000005</v>
      </c>
      <c r="G86" s="24">
        <v>533337.09600000002</v>
      </c>
      <c r="H86" s="24">
        <v>-8054.3129999999655</v>
      </c>
    </row>
    <row r="87" spans="1:8">
      <c r="A87" s="20" t="s">
        <v>205</v>
      </c>
      <c r="B87" s="21">
        <v>174889.80499999999</v>
      </c>
      <c r="C87" s="22">
        <v>173217.17800000001</v>
      </c>
      <c r="D87" s="22">
        <v>1672.6269999999786</v>
      </c>
      <c r="E87" s="19"/>
      <c r="F87" s="24">
        <v>527599.95900000003</v>
      </c>
      <c r="G87" s="24">
        <v>528334.50100000005</v>
      </c>
      <c r="H87" s="24">
        <v>-734.54200000001583</v>
      </c>
    </row>
    <row r="88" spans="1:8">
      <c r="A88" s="20" t="s">
        <v>206</v>
      </c>
      <c r="B88" s="21">
        <v>65847.710999999996</v>
      </c>
      <c r="C88" s="22">
        <v>68035.683000000005</v>
      </c>
      <c r="D88" s="22">
        <v>-2187.9720000000088</v>
      </c>
      <c r="E88" s="19"/>
      <c r="F88" s="24">
        <v>491646.46300000005</v>
      </c>
      <c r="G88" s="24">
        <v>489588.255</v>
      </c>
      <c r="H88" s="24">
        <v>2058.2080000000424</v>
      </c>
    </row>
    <row r="89" spans="1:8">
      <c r="A89" s="20" t="s">
        <v>207</v>
      </c>
      <c r="B89" s="21">
        <v>64257.057999999997</v>
      </c>
      <c r="C89" s="22">
        <v>62771.495999999999</v>
      </c>
      <c r="D89" s="22">
        <v>1485.5619999999981</v>
      </c>
      <c r="E89" s="19"/>
      <c r="F89" s="24">
        <v>481835.473</v>
      </c>
      <c r="G89" s="24">
        <v>482391.22400000005</v>
      </c>
      <c r="H89" s="24">
        <v>-555.7510000000475</v>
      </c>
    </row>
    <row r="90" spans="1:8">
      <c r="A90" s="20" t="s">
        <v>208</v>
      </c>
      <c r="B90" s="21">
        <v>155306.948</v>
      </c>
      <c r="C90" s="22">
        <v>149952.739</v>
      </c>
      <c r="D90" s="22">
        <v>5354.2090000000026</v>
      </c>
      <c r="E90" s="19"/>
      <c r="F90" s="24">
        <v>482021.641</v>
      </c>
      <c r="G90" s="24">
        <v>479378.79800000001</v>
      </c>
      <c r="H90" s="24">
        <v>2642.8429999999935</v>
      </c>
    </row>
    <row r="91" spans="1:8">
      <c r="A91" s="20" t="s">
        <v>209</v>
      </c>
      <c r="B91" s="21">
        <v>208652.22200000001</v>
      </c>
      <c r="C91" s="22">
        <v>218180.62</v>
      </c>
      <c r="D91" s="22">
        <v>-9528.3979999999865</v>
      </c>
      <c r="E91" s="19"/>
      <c r="F91" s="24">
        <v>460301.522</v>
      </c>
      <c r="G91" s="24">
        <v>453977.09600000002</v>
      </c>
      <c r="H91" s="24">
        <v>6324.4259999999776</v>
      </c>
    </row>
    <row r="92" spans="1:8">
      <c r="A92" s="20" t="s">
        <v>210</v>
      </c>
      <c r="B92" s="21">
        <v>80736.13</v>
      </c>
      <c r="C92" s="22">
        <v>79208.126000000004</v>
      </c>
      <c r="D92" s="22">
        <v>1528.0040000000008</v>
      </c>
      <c r="E92" s="19"/>
      <c r="F92" s="24">
        <v>494063.93900000001</v>
      </c>
      <c r="G92" s="24">
        <v>498940.538</v>
      </c>
      <c r="H92" s="24">
        <v>-4876.5989999999874</v>
      </c>
    </row>
    <row r="93" spans="1:8">
      <c r="A93" s="20" t="s">
        <v>211</v>
      </c>
      <c r="B93" s="21">
        <v>54275.58</v>
      </c>
      <c r="C93" s="22">
        <v>67585.728000000003</v>
      </c>
      <c r="D93" s="22">
        <v>-13310.148000000001</v>
      </c>
      <c r="E93" s="19"/>
      <c r="F93" s="24">
        <v>508952.35800000001</v>
      </c>
      <c r="G93" s="24">
        <v>510112.98099999997</v>
      </c>
      <c r="H93" s="24">
        <v>-1160.6229999999632</v>
      </c>
    </row>
    <row r="94" spans="1:8" ht="14.4" thickBot="1">
      <c r="A94" s="25" t="s">
        <v>212</v>
      </c>
      <c r="B94" s="26">
        <v>141705.902</v>
      </c>
      <c r="C94" s="27">
        <v>139522.864</v>
      </c>
      <c r="D94" s="27">
        <v>2183.0380000000005</v>
      </c>
      <c r="E94" s="91"/>
      <c r="F94" s="89">
        <v>498970.88000000006</v>
      </c>
      <c r="G94" s="89">
        <v>514927.21299999999</v>
      </c>
      <c r="H94" s="89">
        <v>-15956.332999999926</v>
      </c>
    </row>
    <row r="95" spans="1:8">
      <c r="B95" s="92">
        <v>8170867.6029999992</v>
      </c>
      <c r="C95" s="92">
        <v>8170867.6040000012</v>
      </c>
      <c r="D95" s="28"/>
      <c r="E95" s="19"/>
      <c r="F95" s="19"/>
      <c r="G95" s="19"/>
    </row>
    <row r="96" spans="1:8" ht="14.4" thickBot="1">
      <c r="B96" s="19"/>
      <c r="C96" s="19"/>
      <c r="D96" s="19"/>
      <c r="E96" s="19"/>
      <c r="F96" s="19"/>
      <c r="G96" s="19"/>
    </row>
    <row r="97" spans="1:6">
      <c r="A97" s="29" t="s">
        <v>44</v>
      </c>
      <c r="B97" s="29" t="s">
        <v>43</v>
      </c>
      <c r="C97" s="29" t="s">
        <v>40</v>
      </c>
      <c r="D97" s="29" t="s">
        <v>41</v>
      </c>
      <c r="E97" s="29" t="s">
        <v>45</v>
      </c>
      <c r="F97" s="29" t="s">
        <v>46</v>
      </c>
    </row>
    <row r="98" spans="1:6">
      <c r="A98" s="30"/>
      <c r="B98" s="31"/>
      <c r="C98" s="31"/>
      <c r="D98" s="32"/>
      <c r="E98" s="33"/>
      <c r="F98" s="34"/>
    </row>
    <row r="99" spans="1:6">
      <c r="A99" s="30"/>
      <c r="B99" s="35"/>
      <c r="C99" s="35"/>
      <c r="D99" s="32"/>
      <c r="E99" s="33"/>
      <c r="F99" s="34"/>
    </row>
    <row r="100" spans="1:6">
      <c r="A100" s="30"/>
      <c r="B100" s="35"/>
      <c r="C100" s="35"/>
      <c r="D100" s="32"/>
      <c r="E100" s="33"/>
      <c r="F100" s="34"/>
    </row>
    <row r="101" spans="1:6">
      <c r="A101" s="30"/>
      <c r="B101" s="35"/>
      <c r="C101" s="35"/>
      <c r="D101" s="32"/>
      <c r="E101" s="33"/>
      <c r="F101" s="34"/>
    </row>
    <row r="102" spans="1:6">
      <c r="A102" s="30">
        <v>1997</v>
      </c>
      <c r="B102" s="35">
        <v>550583.08700000006</v>
      </c>
      <c r="C102" s="35">
        <v>564534.31799999997</v>
      </c>
      <c r="D102" s="32">
        <v>-13951.230999999912</v>
      </c>
      <c r="E102" s="33">
        <v>13951.230999999912</v>
      </c>
      <c r="F102" s="34">
        <v>2.4712812941869573E-2</v>
      </c>
    </row>
    <row r="103" spans="1:6">
      <c r="A103" s="30">
        <v>1998</v>
      </c>
      <c r="B103" s="35">
        <v>478214.78799999994</v>
      </c>
      <c r="C103" s="35">
        <v>509009.31800000009</v>
      </c>
      <c r="D103" s="32">
        <v>-30794.530000000144</v>
      </c>
      <c r="E103" s="33">
        <v>30794.530000000144</v>
      </c>
      <c r="F103" s="34">
        <v>6.0498951416052736E-2</v>
      </c>
    </row>
    <row r="104" spans="1:6">
      <c r="A104" s="30">
        <v>1999</v>
      </c>
      <c r="B104" s="35">
        <v>576459.48499999999</v>
      </c>
      <c r="C104" s="35">
        <v>563458.69700000004</v>
      </c>
      <c r="D104" s="32">
        <v>13000.787999999942</v>
      </c>
      <c r="E104" s="33">
        <v>13000.787999999942</v>
      </c>
      <c r="F104" s="34">
        <v>2.3073187208254131E-2</v>
      </c>
    </row>
    <row r="105" spans="1:6">
      <c r="A105" s="30">
        <v>2000</v>
      </c>
      <c r="B105" s="35">
        <v>547220.01</v>
      </c>
      <c r="C105" s="35">
        <v>561070.53600000008</v>
      </c>
      <c r="D105" s="32">
        <v>-13850.526000000071</v>
      </c>
      <c r="E105" s="33">
        <v>13850.526000000071</v>
      </c>
      <c r="F105" s="34">
        <v>2.4685890830667447E-2</v>
      </c>
    </row>
    <row r="106" spans="1:6">
      <c r="A106" s="30">
        <v>2001</v>
      </c>
      <c r="B106" s="35">
        <v>555145.63300000003</v>
      </c>
      <c r="C106" s="35">
        <v>544676.64300000004</v>
      </c>
      <c r="D106" s="32">
        <v>10468.989999999991</v>
      </c>
      <c r="E106" s="33">
        <v>10468.989999999991</v>
      </c>
      <c r="F106" s="34">
        <v>1.9220559821214858E-2</v>
      </c>
    </row>
    <row r="107" spans="1:6">
      <c r="A107" s="30">
        <v>2002</v>
      </c>
      <c r="B107" s="35">
        <v>584190.00600000005</v>
      </c>
      <c r="C107" s="35">
        <v>568168.47699999996</v>
      </c>
      <c r="D107" s="32">
        <v>16021.529000000097</v>
      </c>
      <c r="E107" s="33">
        <v>16021.529000000097</v>
      </c>
      <c r="F107" s="34">
        <v>2.819855315556357E-2</v>
      </c>
    </row>
    <row r="108" spans="1:6">
      <c r="A108" s="30">
        <v>2003</v>
      </c>
      <c r="B108" s="35">
        <v>598272.755</v>
      </c>
      <c r="C108" s="35">
        <v>587786.72399999993</v>
      </c>
      <c r="D108" s="32">
        <v>10486.031000000075</v>
      </c>
      <c r="E108" s="33">
        <v>10486.031000000075</v>
      </c>
      <c r="F108" s="34">
        <v>1.7839856825347552E-2</v>
      </c>
    </row>
    <row r="109" spans="1:6">
      <c r="A109" s="30">
        <v>2004</v>
      </c>
      <c r="B109" s="35">
        <v>547759.75899999996</v>
      </c>
      <c r="C109" s="35">
        <v>559732.45600000001</v>
      </c>
      <c r="D109" s="32">
        <v>-11972.697000000044</v>
      </c>
      <c r="E109" s="33">
        <v>11972.697000000044</v>
      </c>
      <c r="F109" s="34">
        <v>2.139003531358568E-2</v>
      </c>
    </row>
    <row r="110" spans="1:6">
      <c r="A110" s="30">
        <v>2005</v>
      </c>
      <c r="B110" s="35">
        <v>586635.701</v>
      </c>
      <c r="C110" s="35">
        <v>590347.28</v>
      </c>
      <c r="D110" s="32">
        <v>-3711.579000000027</v>
      </c>
      <c r="E110" s="33">
        <v>3711.579000000027</v>
      </c>
      <c r="F110" s="34">
        <v>6.2871112068137707E-3</v>
      </c>
    </row>
    <row r="111" spans="1:6">
      <c r="A111" s="30">
        <v>2006</v>
      </c>
      <c r="B111" s="35">
        <v>533598.01199999987</v>
      </c>
      <c r="C111" s="35">
        <v>520793.05700000003</v>
      </c>
      <c r="D111" s="32">
        <v>12804.954999999842</v>
      </c>
      <c r="E111" s="33">
        <v>12804.954999999842</v>
      </c>
      <c r="F111" s="34">
        <v>2.4587414958567394E-2</v>
      </c>
    </row>
    <row r="112" spans="1:6">
      <c r="A112" s="30">
        <v>2007</v>
      </c>
      <c r="B112" s="35">
        <v>566360.62599999993</v>
      </c>
      <c r="C112" s="35">
        <v>544711.94200000004</v>
      </c>
      <c r="D112" s="32">
        <v>21648.683999999892</v>
      </c>
      <c r="E112" s="33">
        <v>21648.683999999892</v>
      </c>
      <c r="F112" s="34">
        <v>3.9743362189771654E-2</v>
      </c>
    </row>
    <row r="113" spans="1:6">
      <c r="A113" s="30">
        <v>2008</v>
      </c>
      <c r="B113" s="35">
        <v>573156.42599999998</v>
      </c>
      <c r="C113" s="35">
        <v>569769.22100000002</v>
      </c>
      <c r="D113" s="32">
        <v>3387.2049999999581</v>
      </c>
      <c r="E113" s="33">
        <v>3387.2049999999581</v>
      </c>
      <c r="F113" s="34">
        <v>5.9448718448762219E-3</v>
      </c>
    </row>
    <row r="114" spans="1:6">
      <c r="A114" s="30">
        <v>2009</v>
      </c>
      <c r="B114" s="35">
        <v>527599.95900000003</v>
      </c>
      <c r="C114" s="35">
        <v>528334.50100000005</v>
      </c>
      <c r="D114" s="32">
        <v>-734.54200000001583</v>
      </c>
      <c r="E114" s="33">
        <v>734.54200000001583</v>
      </c>
      <c r="F114" s="34">
        <v>1.3902972427689627E-3</v>
      </c>
    </row>
    <row r="115" spans="1:6">
      <c r="A115" s="30">
        <v>2010</v>
      </c>
      <c r="B115" s="35">
        <v>460301.522</v>
      </c>
      <c r="C115" s="35">
        <v>453977.09600000002</v>
      </c>
      <c r="D115" s="32">
        <v>6324.4259999999776</v>
      </c>
      <c r="E115" s="33">
        <v>6324.4259999999776</v>
      </c>
      <c r="F115" s="34">
        <v>1.3931156562136292E-2</v>
      </c>
    </row>
    <row r="116" spans="1:6">
      <c r="A116" s="30">
        <v>2011</v>
      </c>
      <c r="B116" s="35">
        <v>485369.83400000003</v>
      </c>
      <c r="C116" s="35">
        <v>504497.33799999999</v>
      </c>
      <c r="D116" s="32">
        <v>-19127.503999999957</v>
      </c>
      <c r="E116" s="33">
        <v>19127.503999999957</v>
      </c>
      <c r="F116" s="34">
        <v>3.7913983998068106E-2</v>
      </c>
    </row>
    <row r="117" spans="1:6">
      <c r="A117" s="30"/>
      <c r="B117" s="30"/>
      <c r="C117" s="30"/>
      <c r="D117" s="30"/>
      <c r="E117" s="36" t="s">
        <v>47</v>
      </c>
      <c r="F117" s="37">
        <v>2.3294536367703865E-2</v>
      </c>
    </row>
  </sheetData>
  <pageMargins left="0.7" right="0.7" top="0.75" bottom="0.75" header="0.3" footer="0.3"/>
  <pageSetup orientation="portrait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>
  <sheetPr>
    <tabColor theme="4" tint="0.59999389629810485"/>
  </sheetPr>
  <dimension ref="B1:H119"/>
  <sheetViews>
    <sheetView workbookViewId="0">
      <selection activeCell="G23" sqref="G23"/>
    </sheetView>
  </sheetViews>
  <sheetFormatPr defaultColWidth="8.69921875" defaultRowHeight="13.8"/>
  <cols>
    <col min="1" max="1" width="4" style="38" customWidth="1"/>
    <col min="2" max="2" width="19.8984375" style="38" customWidth="1"/>
    <col min="3" max="3" width="11.19921875" style="38" customWidth="1"/>
    <col min="4" max="4" width="14.19921875" style="38" customWidth="1"/>
    <col min="5" max="5" width="13.09765625" style="38" customWidth="1"/>
    <col min="6" max="8" width="11.19921875" style="38" customWidth="1"/>
    <col min="9" max="9" width="13.19921875" style="38" customWidth="1"/>
    <col min="10" max="16384" width="8.69921875" style="38"/>
  </cols>
  <sheetData>
    <row r="1" spans="2:8">
      <c r="B1" s="38" t="s">
        <v>85</v>
      </c>
    </row>
    <row r="2" spans="2:8">
      <c r="B2" s="38" t="s">
        <v>50</v>
      </c>
    </row>
    <row r="3" spans="2:8">
      <c r="B3" s="38" t="s">
        <v>86</v>
      </c>
    </row>
    <row r="4" spans="2:8" ht="15" thickBot="1">
      <c r="E4" s="98" t="s">
        <v>222</v>
      </c>
      <c r="F4" s="99"/>
      <c r="G4" s="99"/>
      <c r="H4" s="99"/>
    </row>
    <row r="5" spans="2:8">
      <c r="B5" s="119" t="s">
        <v>0</v>
      </c>
      <c r="C5" s="119"/>
      <c r="E5" s="99"/>
      <c r="F5" s="99"/>
      <c r="G5" s="99"/>
      <c r="H5" s="99"/>
    </row>
    <row r="6" spans="2:8" ht="14.4">
      <c r="B6" s="63" t="s">
        <v>1</v>
      </c>
      <c r="C6" s="60">
        <v>0.98332000700537603</v>
      </c>
      <c r="E6" s="100" t="s">
        <v>219</v>
      </c>
      <c r="F6" s="101"/>
      <c r="G6" s="101"/>
      <c r="H6" s="101"/>
    </row>
    <row r="7" spans="2:8" ht="14.4">
      <c r="B7" s="63" t="s">
        <v>2</v>
      </c>
      <c r="C7" s="60">
        <v>0.96691823617705275</v>
      </c>
      <c r="E7" s="100" t="s">
        <v>220</v>
      </c>
      <c r="F7" s="101"/>
      <c r="G7" s="101"/>
      <c r="H7" s="101"/>
    </row>
    <row r="8" spans="2:8" ht="14.4">
      <c r="B8" s="63" t="s">
        <v>3</v>
      </c>
      <c r="C8" s="61">
        <v>0.96018974184018213</v>
      </c>
      <c r="E8" s="100" t="s">
        <v>221</v>
      </c>
      <c r="F8" s="101"/>
      <c r="G8" s="101"/>
      <c r="H8" s="101"/>
    </row>
    <row r="9" spans="2:8">
      <c r="B9" s="63" t="s">
        <v>4</v>
      </c>
      <c r="C9" s="120">
        <v>4663.5090122153006</v>
      </c>
    </row>
    <row r="10" spans="2:8" ht="14.4" thickBot="1">
      <c r="B10" s="70" t="s">
        <v>5</v>
      </c>
      <c r="C10" s="70">
        <v>72</v>
      </c>
    </row>
    <row r="12" spans="2:8" ht="14.4" thickBot="1">
      <c r="B12" s="38" t="s">
        <v>7</v>
      </c>
    </row>
    <row r="13" spans="2:8">
      <c r="B13" s="62"/>
      <c r="C13" s="62" t="s">
        <v>8</v>
      </c>
      <c r="D13" s="62" t="s">
        <v>9</v>
      </c>
      <c r="E13" s="62" t="s">
        <v>10</v>
      </c>
      <c r="F13" s="62" t="s">
        <v>11</v>
      </c>
      <c r="G13" s="62" t="s">
        <v>87</v>
      </c>
      <c r="H13" s="127" t="s">
        <v>88</v>
      </c>
    </row>
    <row r="14" spans="2:8">
      <c r="B14" s="63" t="s">
        <v>14</v>
      </c>
      <c r="C14" s="64">
        <v>12</v>
      </c>
      <c r="D14" s="65">
        <v>37504099890.219948</v>
      </c>
      <c r="E14" s="65">
        <v>3125341657.5183291</v>
      </c>
      <c r="F14" s="66">
        <v>143.70499368314222</v>
      </c>
      <c r="G14" s="66">
        <v>5.4378867554479861E-39</v>
      </c>
      <c r="H14" s="67">
        <v>1.0154315189852119</v>
      </c>
    </row>
    <row r="15" spans="2:8">
      <c r="B15" s="63" t="s">
        <v>15</v>
      </c>
      <c r="C15" s="64">
        <v>59</v>
      </c>
      <c r="D15" s="65">
        <v>1283150662.1137865</v>
      </c>
      <c r="E15" s="65">
        <v>21748316.307013329</v>
      </c>
      <c r="F15" s="68"/>
      <c r="G15" s="68"/>
      <c r="H15" s="69"/>
    </row>
    <row r="16" spans="2:8" ht="14.4" thickBot="1">
      <c r="B16" s="70" t="s">
        <v>16</v>
      </c>
      <c r="C16" s="71">
        <v>71</v>
      </c>
      <c r="D16" s="72">
        <v>38787250552.333733</v>
      </c>
      <c r="E16" s="72"/>
      <c r="F16" s="73"/>
      <c r="G16" s="73"/>
      <c r="H16" s="69"/>
    </row>
    <row r="17" spans="2:8" ht="14.4" thickBot="1"/>
    <row r="18" spans="2:8" ht="14.4">
      <c r="B18" s="62"/>
      <c r="C18" s="62" t="s">
        <v>17</v>
      </c>
      <c r="D18" s="62" t="s">
        <v>4</v>
      </c>
      <c r="E18" s="74" t="s">
        <v>19</v>
      </c>
      <c r="F18" s="62" t="s">
        <v>20</v>
      </c>
      <c r="G18" s="62" t="s">
        <v>21</v>
      </c>
      <c r="H18" s="62" t="s">
        <v>22</v>
      </c>
    </row>
    <row r="19" spans="2:8">
      <c r="B19" s="63" t="s">
        <v>23</v>
      </c>
      <c r="C19" s="66">
        <v>-38743.248901900588</v>
      </c>
      <c r="D19" s="66">
        <v>8335.4680365533204</v>
      </c>
      <c r="E19" s="75">
        <v>-4.647999216360831</v>
      </c>
      <c r="F19" s="60">
        <v>1.9298731350542102E-5</v>
      </c>
      <c r="G19" s="66">
        <v>-55422.481776309607</v>
      </c>
      <c r="H19" s="66">
        <v>-22064.016027491572</v>
      </c>
    </row>
    <row r="20" spans="2:8">
      <c r="B20" s="63" t="s">
        <v>89</v>
      </c>
      <c r="C20" s="66">
        <v>68.147369955518982</v>
      </c>
      <c r="D20" s="66">
        <v>3.0214816047980033</v>
      </c>
      <c r="E20" s="75">
        <v>22.554289209407539</v>
      </c>
      <c r="F20" s="60">
        <v>1.0749759853836277E-30</v>
      </c>
      <c r="G20" s="66">
        <v>62.101399280426875</v>
      </c>
      <c r="H20" s="66">
        <v>74.19334063061109</v>
      </c>
    </row>
    <row r="21" spans="2:8">
      <c r="B21" s="63" t="s">
        <v>90</v>
      </c>
      <c r="C21" s="66">
        <v>62.312818854036877</v>
      </c>
      <c r="D21" s="66">
        <v>3.3025087421738668</v>
      </c>
      <c r="E21" s="75">
        <v>18.868328207064682</v>
      </c>
      <c r="F21" s="60">
        <v>1.1326316048715303E-26</v>
      </c>
      <c r="G21" s="66">
        <v>55.704514180689912</v>
      </c>
      <c r="H21" s="66">
        <v>68.921123527383841</v>
      </c>
    </row>
    <row r="22" spans="2:8">
      <c r="B22" s="63" t="s">
        <v>91</v>
      </c>
      <c r="C22" s="66">
        <v>72.549005819774095</v>
      </c>
      <c r="D22" s="66">
        <v>3.9638917173410424</v>
      </c>
      <c r="E22" s="75">
        <v>18.302469137184097</v>
      </c>
      <c r="F22" s="60">
        <v>5.2758210979914398E-26</v>
      </c>
      <c r="G22" s="66">
        <v>64.617276881154055</v>
      </c>
      <c r="H22" s="66">
        <v>80.480734758394135</v>
      </c>
    </row>
    <row r="23" spans="2:8">
      <c r="B23" s="63" t="s">
        <v>92</v>
      </c>
      <c r="C23" s="66">
        <v>38.124483528612529</v>
      </c>
      <c r="D23" s="66">
        <v>6.8223341728765039</v>
      </c>
      <c r="E23" s="75">
        <v>5.5881876440740346</v>
      </c>
      <c r="F23" s="60">
        <v>6.1672530226894593E-7</v>
      </c>
      <c r="G23" s="66">
        <v>24.473024496265495</v>
      </c>
      <c r="H23" s="66">
        <v>51.775942560959564</v>
      </c>
    </row>
    <row r="24" spans="2:8">
      <c r="B24" s="63" t="s">
        <v>93</v>
      </c>
      <c r="C24" s="66">
        <v>41.780733840385309</v>
      </c>
      <c r="D24" s="66">
        <v>7.8869593769393065</v>
      </c>
      <c r="E24" s="75">
        <v>5.2974450410570224</v>
      </c>
      <c r="F24" s="60">
        <v>1.8267865806151893E-6</v>
      </c>
      <c r="G24" s="66">
        <v>25.998964713313086</v>
      </c>
      <c r="H24" s="66">
        <v>57.562502967457533</v>
      </c>
    </row>
    <row r="25" spans="2:8">
      <c r="B25" s="63" t="s">
        <v>94</v>
      </c>
      <c r="C25" s="66">
        <v>49.130163959487746</v>
      </c>
      <c r="D25" s="66">
        <v>5.1102246020736892</v>
      </c>
      <c r="E25" s="75">
        <v>9.6140909226477262</v>
      </c>
      <c r="F25" s="60">
        <v>1.0996564863003993E-13</v>
      </c>
      <c r="G25" s="66">
        <v>38.904628236149364</v>
      </c>
      <c r="H25" s="66">
        <v>59.355699682826128</v>
      </c>
    </row>
    <row r="26" spans="2:8">
      <c r="B26" s="63" t="s">
        <v>95</v>
      </c>
      <c r="C26" s="66">
        <v>46.088934256930003</v>
      </c>
      <c r="D26" s="66">
        <v>3.4093014416748462</v>
      </c>
      <c r="E26" s="75">
        <v>13.518585858541288</v>
      </c>
      <c r="F26" s="60">
        <v>1.0089423280126414E-19</v>
      </c>
      <c r="G26" s="66">
        <v>39.26693788727367</v>
      </c>
      <c r="H26" s="66">
        <v>52.910930626586335</v>
      </c>
    </row>
    <row r="27" spans="2:8">
      <c r="B27" s="63" t="s">
        <v>96</v>
      </c>
      <c r="C27" s="66">
        <v>628.01181860473969</v>
      </c>
      <c r="D27" s="66">
        <v>27.968707470797007</v>
      </c>
      <c r="E27" s="75">
        <v>22.454087993178312</v>
      </c>
      <c r="F27" s="60">
        <v>1.3607499879539979E-30</v>
      </c>
      <c r="G27" s="66">
        <v>572.04656469746885</v>
      </c>
      <c r="H27" s="66">
        <v>683.97707251201052</v>
      </c>
    </row>
    <row r="28" spans="2:8">
      <c r="B28" s="63" t="s">
        <v>97</v>
      </c>
      <c r="C28" s="66">
        <v>-34441.409425180864</v>
      </c>
      <c r="D28" s="66">
        <v>8436.6643038016064</v>
      </c>
      <c r="E28" s="75">
        <v>-4.0823491589752336</v>
      </c>
      <c r="F28" s="60">
        <v>1.3597669749588437E-4</v>
      </c>
      <c r="G28" s="66">
        <v>-51323.135560922456</v>
      </c>
      <c r="H28" s="66">
        <v>-17559.683289439276</v>
      </c>
    </row>
    <row r="29" spans="2:8">
      <c r="B29" s="63" t="s">
        <v>98</v>
      </c>
      <c r="C29" s="66">
        <v>-6414.0687184301469</v>
      </c>
      <c r="D29" s="66">
        <v>2191.8009120515135</v>
      </c>
      <c r="E29" s="75">
        <v>-2.9263920291129972</v>
      </c>
      <c r="F29" s="60">
        <v>4.8626629564035634E-3</v>
      </c>
      <c r="G29" s="66">
        <v>-10799.852176075754</v>
      </c>
      <c r="H29" s="66">
        <v>-2028.2852607845389</v>
      </c>
    </row>
    <row r="30" spans="2:8">
      <c r="B30" s="63" t="s">
        <v>99</v>
      </c>
      <c r="C30" s="66">
        <v>-8612.1981703867714</v>
      </c>
      <c r="D30" s="66">
        <v>2192.4085813702877</v>
      </c>
      <c r="E30" s="75">
        <v>-3.9281903216251872</v>
      </c>
      <c r="F30" s="60">
        <v>2.2689830375829579E-4</v>
      </c>
      <c r="G30" s="66">
        <v>-12999.197571520377</v>
      </c>
      <c r="H30" s="66">
        <v>-4225.1987692531648</v>
      </c>
    </row>
    <row r="31" spans="2:8" ht="14.4" thickBot="1">
      <c r="B31" s="70" t="s">
        <v>100</v>
      </c>
      <c r="C31" s="76">
        <v>-9634.7661240367743</v>
      </c>
      <c r="D31" s="76">
        <v>1157.2858374992929</v>
      </c>
      <c r="E31" s="77">
        <v>-8.3253123920153911</v>
      </c>
      <c r="F31" s="78">
        <v>1.5449089277575172E-11</v>
      </c>
      <c r="G31" s="76">
        <v>-11950.489716432401</v>
      </c>
      <c r="H31" s="76">
        <v>-7319.0425316411474</v>
      </c>
    </row>
    <row r="33" spans="2:6">
      <c r="B33" s="38" t="s">
        <v>101</v>
      </c>
    </row>
    <row r="36" spans="2:6" ht="14.4" thickBot="1">
      <c r="C36" s="121" t="s">
        <v>38</v>
      </c>
      <c r="D36" s="121"/>
      <c r="E36" s="121" t="s">
        <v>107</v>
      </c>
      <c r="F36" s="121"/>
    </row>
    <row r="37" spans="2:6">
      <c r="C37" s="62" t="s">
        <v>235</v>
      </c>
      <c r="D37" s="62" t="s">
        <v>43</v>
      </c>
      <c r="E37" s="62" t="s">
        <v>40</v>
      </c>
      <c r="F37" s="62" t="s">
        <v>41</v>
      </c>
    </row>
    <row r="38" spans="2:6">
      <c r="C38" s="128">
        <v>38718</v>
      </c>
      <c r="D38" s="129">
        <v>167325.81200000001</v>
      </c>
      <c r="E38" s="122">
        <v>159328.45754089</v>
      </c>
      <c r="F38" s="122">
        <v>7997.3544591100072</v>
      </c>
    </row>
    <row r="39" spans="2:6">
      <c r="C39" s="128">
        <v>38749</v>
      </c>
      <c r="D39" s="129">
        <v>162629.19899999999</v>
      </c>
      <c r="E39" s="122">
        <v>155918.64711049219</v>
      </c>
      <c r="F39" s="122">
        <v>6710.5518895077985</v>
      </c>
    </row>
    <row r="40" spans="2:6">
      <c r="C40" s="128">
        <v>38777</v>
      </c>
      <c r="D40" s="129">
        <v>166428.17300000001</v>
      </c>
      <c r="E40" s="122">
        <v>158138.61007626198</v>
      </c>
      <c r="F40" s="122">
        <v>8289.5629237380344</v>
      </c>
    </row>
    <row r="41" spans="2:6">
      <c r="C41" s="128">
        <v>38808</v>
      </c>
      <c r="D41" s="129">
        <v>131869.78400000001</v>
      </c>
      <c r="E41" s="122">
        <v>129925.61626164321</v>
      </c>
      <c r="F41" s="122">
        <v>1944.1677383568021</v>
      </c>
    </row>
    <row r="42" spans="2:6">
      <c r="C42" s="128">
        <v>38838</v>
      </c>
      <c r="D42" s="129">
        <v>126344.81299999999</v>
      </c>
      <c r="E42" s="122">
        <v>119556.82251170583</v>
      </c>
      <c r="F42" s="122">
        <v>6787.9904882941628</v>
      </c>
    </row>
    <row r="43" spans="2:6">
      <c r="C43" s="128">
        <v>38869</v>
      </c>
      <c r="D43" s="129">
        <v>112657.41800000001</v>
      </c>
      <c r="E43" s="122">
        <v>110552.41712151817</v>
      </c>
      <c r="F43" s="122">
        <v>2105.0008784818347</v>
      </c>
    </row>
    <row r="44" spans="2:6">
      <c r="C44" s="128">
        <v>38899</v>
      </c>
      <c r="D44" s="129">
        <v>106240.09</v>
      </c>
      <c r="E44" s="122">
        <v>105370.46715356497</v>
      </c>
      <c r="F44" s="122">
        <v>869.6228464350279</v>
      </c>
    </row>
    <row r="45" spans="2:6">
      <c r="C45" s="128">
        <v>38930</v>
      </c>
      <c r="D45" s="129">
        <v>114527.664</v>
      </c>
      <c r="E45" s="122">
        <v>114864.54366041609</v>
      </c>
      <c r="F45" s="122">
        <v>-336.87966041608888</v>
      </c>
    </row>
    <row r="46" spans="2:6">
      <c r="C46" s="128">
        <v>38961</v>
      </c>
      <c r="D46" s="129">
        <v>118427.837</v>
      </c>
      <c r="E46" s="122">
        <v>116272.69092934151</v>
      </c>
      <c r="F46" s="122">
        <v>2155.1460706584912</v>
      </c>
    </row>
    <row r="47" spans="2:6">
      <c r="C47" s="128">
        <v>38991</v>
      </c>
      <c r="D47" s="129">
        <v>129111.674</v>
      </c>
      <c r="E47" s="122">
        <v>129744.91848855706</v>
      </c>
      <c r="F47" s="122">
        <v>-633.2444885570585</v>
      </c>
    </row>
    <row r="48" spans="2:6">
      <c r="C48" s="128">
        <v>39022</v>
      </c>
      <c r="D48" s="129">
        <v>122102.079</v>
      </c>
      <c r="E48" s="122">
        <v>131416.13582647435</v>
      </c>
      <c r="F48" s="122">
        <v>-9314.0568264743488</v>
      </c>
    </row>
    <row r="49" spans="3:6">
      <c r="C49" s="128">
        <v>39052</v>
      </c>
      <c r="D49" s="129">
        <v>120648.89659999999</v>
      </c>
      <c r="E49" s="122">
        <v>132281.00137158998</v>
      </c>
      <c r="F49" s="122">
        <v>-11632.104771589991</v>
      </c>
    </row>
    <row r="50" spans="3:6">
      <c r="C50" s="128">
        <v>39083</v>
      </c>
      <c r="D50" s="129">
        <v>145295.64240000001</v>
      </c>
      <c r="E50" s="122">
        <v>146945.51664613569</v>
      </c>
      <c r="F50" s="122">
        <v>-1649.8742461356742</v>
      </c>
    </row>
    <row r="51" spans="3:6">
      <c r="C51" s="128">
        <v>39114</v>
      </c>
      <c r="D51" s="129">
        <v>139944.49559999999</v>
      </c>
      <c r="E51" s="122">
        <v>145321.56186944732</v>
      </c>
      <c r="F51" s="122">
        <v>-5377.0662694473285</v>
      </c>
    </row>
    <row r="52" spans="3:6">
      <c r="C52" s="128">
        <v>39142</v>
      </c>
      <c r="D52" s="129">
        <v>134210.94380000001</v>
      </c>
      <c r="E52" s="122">
        <v>138740.6419472605</v>
      </c>
      <c r="F52" s="122">
        <v>-4529.6981472604966</v>
      </c>
    </row>
    <row r="53" spans="3:6">
      <c r="C53" s="128">
        <v>39173</v>
      </c>
      <c r="D53" s="129">
        <v>113559.4583</v>
      </c>
      <c r="E53" s="122">
        <v>119150.26547310734</v>
      </c>
      <c r="F53" s="122">
        <v>-5590.8071731073433</v>
      </c>
    </row>
    <row r="54" spans="3:6">
      <c r="C54" s="128">
        <v>39203</v>
      </c>
      <c r="D54" s="129">
        <v>98750.202999999994</v>
      </c>
      <c r="E54" s="122">
        <v>105617.61728781923</v>
      </c>
      <c r="F54" s="122">
        <v>-6867.4142878192361</v>
      </c>
    </row>
    <row r="55" spans="3:6">
      <c r="C55" s="128">
        <v>39234</v>
      </c>
      <c r="D55" s="129">
        <v>83616.607300000003</v>
      </c>
      <c r="E55" s="122">
        <v>87505.902504053913</v>
      </c>
      <c r="F55" s="122">
        <v>-3889.2952040539094</v>
      </c>
    </row>
    <row r="56" spans="3:6">
      <c r="C56" s="128">
        <v>39264</v>
      </c>
      <c r="D56" s="129">
        <v>82954.498699999996</v>
      </c>
      <c r="E56" s="122">
        <v>85794.567192237213</v>
      </c>
      <c r="F56" s="122">
        <v>-2840.0684922372166</v>
      </c>
    </row>
    <row r="57" spans="3:6">
      <c r="C57" s="128">
        <v>39295</v>
      </c>
      <c r="D57" s="129">
        <v>90112.055999999997</v>
      </c>
      <c r="E57" s="122">
        <v>92921.650802076576</v>
      </c>
      <c r="F57" s="122">
        <v>-2809.5948020765791</v>
      </c>
    </row>
    <row r="58" spans="3:6">
      <c r="C58" s="128">
        <v>39326</v>
      </c>
      <c r="D58" s="129">
        <v>93001.543799999999</v>
      </c>
      <c r="E58" s="122">
        <v>96417.492864773027</v>
      </c>
      <c r="F58" s="122">
        <v>-3415.9490647730272</v>
      </c>
    </row>
    <row r="59" spans="3:6">
      <c r="C59" s="128">
        <v>39356</v>
      </c>
      <c r="D59" s="129">
        <v>102273.8224</v>
      </c>
      <c r="E59" s="122">
        <v>105098.81000618954</v>
      </c>
      <c r="F59" s="122">
        <v>-2824.9876061895338</v>
      </c>
    </row>
    <row r="60" spans="3:6">
      <c r="C60" s="128">
        <v>39387</v>
      </c>
      <c r="D60" s="129">
        <v>124223.6254</v>
      </c>
      <c r="E60" s="122">
        <v>123302.43622959525</v>
      </c>
      <c r="F60" s="122">
        <v>921.18917040475935</v>
      </c>
    </row>
    <row r="61" spans="3:6">
      <c r="C61" s="128">
        <v>39417</v>
      </c>
      <c r="D61" s="129">
        <v>130859.6493</v>
      </c>
      <c r="E61" s="122">
        <v>127634.25807195433</v>
      </c>
      <c r="F61" s="122">
        <v>3225.3912280456716</v>
      </c>
    </row>
    <row r="62" spans="3:6">
      <c r="C62" s="128">
        <v>39448</v>
      </c>
      <c r="D62" s="129">
        <v>142587.39739999999</v>
      </c>
      <c r="E62" s="122">
        <v>136577.65284164084</v>
      </c>
      <c r="F62" s="122">
        <v>6009.744558359147</v>
      </c>
    </row>
    <row r="63" spans="3:6">
      <c r="C63" s="128">
        <v>39479</v>
      </c>
      <c r="D63" s="129">
        <v>137516.90729999999</v>
      </c>
      <c r="E63" s="122">
        <v>132708.42941134406</v>
      </c>
      <c r="F63" s="122">
        <v>4808.4778886559361</v>
      </c>
    </row>
    <row r="64" spans="3:6">
      <c r="C64" s="128">
        <v>39508</v>
      </c>
      <c r="D64" s="129">
        <v>136966.40109999999</v>
      </c>
      <c r="E64" s="122">
        <v>136316.28957936013</v>
      </c>
      <c r="F64" s="122">
        <v>650.11152063985355</v>
      </c>
    </row>
    <row r="65" spans="3:6">
      <c r="C65" s="128">
        <v>39539</v>
      </c>
      <c r="D65" s="129">
        <v>107434.5033</v>
      </c>
      <c r="E65" s="122">
        <v>105699.47075176866</v>
      </c>
      <c r="F65" s="122">
        <v>1735.0325482313347</v>
      </c>
    </row>
    <row r="66" spans="3:6">
      <c r="C66" s="128">
        <v>39569</v>
      </c>
      <c r="D66" s="129">
        <v>100417.4013</v>
      </c>
      <c r="E66" s="122">
        <v>95523.933089989543</v>
      </c>
      <c r="F66" s="122">
        <v>4893.4682100104546</v>
      </c>
    </row>
    <row r="67" spans="3:6">
      <c r="C67" s="128">
        <v>39600</v>
      </c>
      <c r="D67" s="129">
        <v>85218.828999999998</v>
      </c>
      <c r="E67" s="122">
        <v>89833.712682489335</v>
      </c>
      <c r="F67" s="122">
        <v>-4614.8836824893369</v>
      </c>
    </row>
    <row r="68" spans="3:6">
      <c r="C68" s="128">
        <v>39630</v>
      </c>
      <c r="D68" s="129">
        <v>82820.519100000005</v>
      </c>
      <c r="E68" s="122">
        <v>85863.537906010839</v>
      </c>
      <c r="F68" s="122">
        <v>-3043.0188060108339</v>
      </c>
    </row>
    <row r="69" spans="3:6">
      <c r="C69" s="128">
        <v>39661</v>
      </c>
      <c r="D69" s="129">
        <v>83864.840100000001</v>
      </c>
      <c r="E69" s="122">
        <v>92501.065149268266</v>
      </c>
      <c r="F69" s="122">
        <v>-8636.2250492682651</v>
      </c>
    </row>
    <row r="70" spans="3:6">
      <c r="C70" s="128">
        <v>39692</v>
      </c>
      <c r="D70" s="129">
        <v>90783.596300000005</v>
      </c>
      <c r="E70" s="122">
        <v>92324.43997295454</v>
      </c>
      <c r="F70" s="122">
        <v>-1540.8436729545356</v>
      </c>
    </row>
    <row r="71" spans="3:6">
      <c r="C71" s="128">
        <v>39722</v>
      </c>
      <c r="D71" s="129">
        <v>102038.386</v>
      </c>
      <c r="E71" s="122">
        <v>101195.92307432293</v>
      </c>
      <c r="F71" s="122">
        <v>842.46292567707133</v>
      </c>
    </row>
    <row r="72" spans="3:6">
      <c r="C72" s="128">
        <v>39753</v>
      </c>
      <c r="D72" s="129">
        <v>112991.7852</v>
      </c>
      <c r="E72" s="122">
        <v>106859.74120951578</v>
      </c>
      <c r="F72" s="122">
        <v>6132.0439904842206</v>
      </c>
    </row>
    <row r="73" spans="3:6">
      <c r="C73" s="128">
        <v>39783</v>
      </c>
      <c r="D73" s="129">
        <v>116986.32670000001</v>
      </c>
      <c r="E73" s="122">
        <v>115305.69646172368</v>
      </c>
      <c r="F73" s="122">
        <v>1680.6302382763242</v>
      </c>
    </row>
    <row r="74" spans="3:6">
      <c r="C74" s="128">
        <v>39814</v>
      </c>
      <c r="D74" s="129">
        <v>134783.87760000001</v>
      </c>
      <c r="E74" s="122">
        <v>136446.19262912878</v>
      </c>
      <c r="F74" s="122">
        <v>-1662.3150291287748</v>
      </c>
    </row>
    <row r="75" spans="3:6">
      <c r="C75" s="128">
        <v>39845</v>
      </c>
      <c r="D75" s="129">
        <v>117289.8021</v>
      </c>
      <c r="E75" s="122">
        <v>115526.4964606688</v>
      </c>
      <c r="F75" s="122">
        <v>1763.3056393311999</v>
      </c>
    </row>
    <row r="76" spans="3:6">
      <c r="C76" s="128">
        <v>39873</v>
      </c>
      <c r="D76" s="129">
        <v>115204.9798</v>
      </c>
      <c r="E76" s="122">
        <v>115425.20124602248</v>
      </c>
      <c r="F76" s="122">
        <v>-220.22144602247863</v>
      </c>
    </row>
    <row r="77" spans="3:6">
      <c r="C77" s="128">
        <v>39904</v>
      </c>
      <c r="D77" s="129">
        <v>93576.117599999998</v>
      </c>
      <c r="E77" s="122">
        <v>91770.019718016803</v>
      </c>
      <c r="F77" s="122">
        <v>1806.0978819831944</v>
      </c>
    </row>
    <row r="78" spans="3:6">
      <c r="C78" s="128">
        <v>39934</v>
      </c>
      <c r="D78" s="129">
        <v>82307.458599999998</v>
      </c>
      <c r="E78" s="122">
        <v>82700.257210722033</v>
      </c>
      <c r="F78" s="122">
        <v>-392.79861072203494</v>
      </c>
    </row>
    <row r="79" spans="3:6">
      <c r="C79" s="128">
        <v>39965</v>
      </c>
      <c r="D79" s="129">
        <v>75595.542000000001</v>
      </c>
      <c r="E79" s="122">
        <v>76029.687886997504</v>
      </c>
      <c r="F79" s="122">
        <v>-434.14588699750311</v>
      </c>
    </row>
    <row r="80" spans="3:6">
      <c r="C80" s="128">
        <v>39995</v>
      </c>
      <c r="D80" s="129">
        <v>75064.473199999993</v>
      </c>
      <c r="E80" s="122">
        <v>70556.566787995136</v>
      </c>
      <c r="F80" s="122">
        <v>4507.906412004857</v>
      </c>
    </row>
    <row r="81" spans="3:6">
      <c r="C81" s="128">
        <v>40026</v>
      </c>
      <c r="D81" s="129">
        <v>77737.864600000001</v>
      </c>
      <c r="E81" s="122">
        <v>81881.438011634833</v>
      </c>
      <c r="F81" s="122">
        <v>-4143.5734116348322</v>
      </c>
    </row>
    <row r="82" spans="3:6">
      <c r="C82" s="128">
        <v>40057</v>
      </c>
      <c r="D82" s="129">
        <v>80009.342999999993</v>
      </c>
      <c r="E82" s="122">
        <v>80122.569303751079</v>
      </c>
      <c r="F82" s="122">
        <v>-113.22630375108565</v>
      </c>
    </row>
    <row r="83" spans="3:6">
      <c r="C83" s="128">
        <v>40087</v>
      </c>
      <c r="D83" s="129">
        <v>96112.950800000006</v>
      </c>
      <c r="E83" s="122">
        <v>94507.665943794331</v>
      </c>
      <c r="F83" s="122">
        <v>1605.2848562056752</v>
      </c>
    </row>
    <row r="84" spans="3:6">
      <c r="C84" s="128">
        <v>40118</v>
      </c>
      <c r="D84" s="129">
        <v>98539.188500000004</v>
      </c>
      <c r="E84" s="122">
        <v>105392.76905332768</v>
      </c>
      <c r="F84" s="122">
        <v>-6853.5805533276725</v>
      </c>
    </row>
    <row r="85" spans="3:6">
      <c r="C85" s="128">
        <v>40148</v>
      </c>
      <c r="D85" s="129">
        <v>111506.1125</v>
      </c>
      <c r="E85" s="122">
        <v>112899.72604612903</v>
      </c>
      <c r="F85" s="122">
        <v>-1393.6135461290251</v>
      </c>
    </row>
    <row r="86" spans="3:6">
      <c r="C86" s="128">
        <v>40179</v>
      </c>
      <c r="D86" s="129">
        <v>126144.9516</v>
      </c>
      <c r="E86" s="122">
        <v>127757.7894654733</v>
      </c>
      <c r="F86" s="122">
        <v>-1612.8378654732951</v>
      </c>
    </row>
    <row r="87" spans="3:6">
      <c r="C87" s="128">
        <v>40210</v>
      </c>
      <c r="D87" s="129">
        <v>111648.7255</v>
      </c>
      <c r="E87" s="122">
        <v>113155.17893308321</v>
      </c>
      <c r="F87" s="122">
        <v>-1506.4534330832103</v>
      </c>
    </row>
    <row r="88" spans="3:6">
      <c r="C88" s="128">
        <v>40238</v>
      </c>
      <c r="D88" s="129">
        <v>110464.693</v>
      </c>
      <c r="E88" s="122">
        <v>109601.86625827682</v>
      </c>
      <c r="F88" s="122">
        <v>862.82674172318366</v>
      </c>
    </row>
    <row r="89" spans="3:6">
      <c r="C89" s="128">
        <v>40269</v>
      </c>
      <c r="D89" s="129">
        <v>88543.479800000001</v>
      </c>
      <c r="E89" s="122">
        <v>90566.905060177713</v>
      </c>
      <c r="F89" s="122">
        <v>-2023.4252601777116</v>
      </c>
    </row>
    <row r="90" spans="3:6">
      <c r="C90" s="128">
        <v>40299</v>
      </c>
      <c r="D90" s="129">
        <v>85760.043099999995</v>
      </c>
      <c r="E90" s="122">
        <v>80586.824050519615</v>
      </c>
      <c r="F90" s="122">
        <v>5173.2190494803799</v>
      </c>
    </row>
    <row r="91" spans="3:6">
      <c r="C91" s="128">
        <v>40330</v>
      </c>
      <c r="D91" s="129">
        <v>79800.877600000007</v>
      </c>
      <c r="E91" s="122">
        <v>75495.913794036634</v>
      </c>
      <c r="F91" s="122">
        <v>4304.9638059633726</v>
      </c>
    </row>
    <row r="92" spans="3:6">
      <c r="C92" s="128">
        <v>40360</v>
      </c>
      <c r="D92" s="129">
        <v>74782.494999999995</v>
      </c>
      <c r="E92" s="122">
        <v>72401.433206902148</v>
      </c>
      <c r="F92" s="122">
        <v>2381.0617930978478</v>
      </c>
    </row>
    <row r="93" spans="3:6">
      <c r="C93" s="128">
        <v>40391</v>
      </c>
      <c r="D93" s="129">
        <v>79564.180399999997</v>
      </c>
      <c r="E93" s="122">
        <v>81188.615957432965</v>
      </c>
      <c r="F93" s="122">
        <v>-1624.4355574329675</v>
      </c>
    </row>
    <row r="94" spans="3:6">
      <c r="C94" s="128">
        <v>40422</v>
      </c>
      <c r="D94" s="129">
        <v>85011.443799999994</v>
      </c>
      <c r="E94" s="122">
        <v>81365.318904670974</v>
      </c>
      <c r="F94" s="122">
        <v>3646.1248953290196</v>
      </c>
    </row>
    <row r="95" spans="3:6">
      <c r="C95" s="128">
        <v>40452</v>
      </c>
      <c r="D95" s="129">
        <v>90723.956399999995</v>
      </c>
      <c r="E95" s="122">
        <v>93049.311427579989</v>
      </c>
      <c r="F95" s="122">
        <v>-2325.3550275799935</v>
      </c>
    </row>
    <row r="96" spans="3:6">
      <c r="C96" s="128">
        <v>40483</v>
      </c>
      <c r="D96" s="129">
        <v>104050.1444</v>
      </c>
      <c r="E96" s="122">
        <v>101330.00346768275</v>
      </c>
      <c r="F96" s="122">
        <v>2720.1409323172556</v>
      </c>
    </row>
    <row r="97" spans="3:8">
      <c r="C97" s="128">
        <v>40513</v>
      </c>
      <c r="D97" s="129">
        <v>116655.70419999999</v>
      </c>
      <c r="E97" s="122">
        <v>111618.21932083421</v>
      </c>
      <c r="F97" s="122">
        <v>5037.484879165786</v>
      </c>
    </row>
    <row r="98" spans="3:8">
      <c r="C98" s="128">
        <v>40544</v>
      </c>
      <c r="D98" s="129">
        <v>131593.8008</v>
      </c>
      <c r="E98" s="122">
        <v>137683.72366186741</v>
      </c>
      <c r="F98" s="122">
        <v>-6089.9228618674097</v>
      </c>
    </row>
    <row r="99" spans="3:8">
      <c r="C99" s="128">
        <v>40575</v>
      </c>
      <c r="D99" s="129">
        <v>116364.15730000001</v>
      </c>
      <c r="E99" s="122">
        <v>122018.2539276102</v>
      </c>
      <c r="F99" s="122">
        <v>-5654.0966276101972</v>
      </c>
    </row>
    <row r="100" spans="3:8">
      <c r="C100" s="128">
        <v>40603</v>
      </c>
      <c r="D100" s="129">
        <v>120182.8622</v>
      </c>
      <c r="E100" s="122">
        <v>124658.18075264459</v>
      </c>
      <c r="F100" s="122">
        <v>-4475.3185526445886</v>
      </c>
    </row>
    <row r="101" spans="3:8">
      <c r="C101" s="128">
        <v>40634</v>
      </c>
      <c r="D101" s="129">
        <v>97677.441300000006</v>
      </c>
      <c r="E101" s="122">
        <v>95218.032526504801</v>
      </c>
      <c r="F101" s="122">
        <v>2459.4087734952045</v>
      </c>
    </row>
    <row r="102" spans="3:8">
      <c r="C102" s="128">
        <v>40664</v>
      </c>
      <c r="D102" s="129">
        <v>87719.753500000093</v>
      </c>
      <c r="E102" s="122">
        <v>81793.250085889827</v>
      </c>
      <c r="F102" s="122">
        <v>5926.503414110266</v>
      </c>
    </row>
    <row r="103" spans="3:8">
      <c r="C103" s="128">
        <v>40695</v>
      </c>
      <c r="D103" s="129">
        <v>76304.992800000095</v>
      </c>
      <c r="E103" s="122">
        <v>73776.632710904581</v>
      </c>
      <c r="F103" s="122">
        <v>2528.3600890955131</v>
      </c>
    </row>
    <row r="104" spans="3:8">
      <c r="C104" s="128">
        <v>40725</v>
      </c>
      <c r="D104" s="129">
        <v>70434.379499999995</v>
      </c>
      <c r="E104" s="122">
        <v>72309.883253289794</v>
      </c>
      <c r="F104" s="122">
        <v>-1875.5037532897986</v>
      </c>
    </row>
    <row r="105" spans="3:8">
      <c r="C105" s="128">
        <v>40756</v>
      </c>
      <c r="D105" s="129">
        <v>78697.681800000093</v>
      </c>
      <c r="E105" s="122">
        <v>80048.380637484224</v>
      </c>
      <c r="F105" s="122">
        <v>-1350.6988374841312</v>
      </c>
    </row>
    <row r="106" spans="3:8">
      <c r="C106" s="128">
        <v>40787</v>
      </c>
      <c r="D106" s="129">
        <v>82615.476699999999</v>
      </c>
      <c r="E106" s="122">
        <v>79477.319848950603</v>
      </c>
      <c r="F106" s="122">
        <v>3138.1568510493962</v>
      </c>
    </row>
    <row r="107" spans="3:8">
      <c r="C107" s="128">
        <v>40817</v>
      </c>
      <c r="D107" s="129">
        <v>92218.219400000002</v>
      </c>
      <c r="E107" s="122">
        <v>90045.596020274883</v>
      </c>
      <c r="F107" s="122">
        <v>2172.6233797251189</v>
      </c>
    </row>
    <row r="108" spans="3:8">
      <c r="C108" s="128">
        <v>40848</v>
      </c>
      <c r="D108" s="129">
        <v>101986.28720000001</v>
      </c>
      <c r="E108" s="122">
        <v>96960.73873689273</v>
      </c>
      <c r="F108" s="122">
        <v>5025.5484631072759</v>
      </c>
    </row>
    <row r="109" spans="3:8" ht="14.4" thickBot="1">
      <c r="C109" s="128">
        <v>40878</v>
      </c>
      <c r="D109" s="129">
        <v>105661.3759</v>
      </c>
      <c r="E109" s="123">
        <v>105180.80851533465</v>
      </c>
      <c r="F109" s="123">
        <v>480.56738466535171</v>
      </c>
    </row>
    <row r="110" spans="3:8" ht="14.4" thickBot="1"/>
    <row r="111" spans="3:8" ht="14.4">
      <c r="C111" s="130" t="s">
        <v>44</v>
      </c>
      <c r="D111" s="130" t="s">
        <v>43</v>
      </c>
      <c r="E111" s="130" t="s">
        <v>40</v>
      </c>
      <c r="F111" s="130" t="s">
        <v>41</v>
      </c>
      <c r="G111" s="130" t="s">
        <v>45</v>
      </c>
      <c r="H111" s="130" t="s">
        <v>46</v>
      </c>
    </row>
    <row r="112" spans="3:8">
      <c r="C112" s="38">
        <v>2006</v>
      </c>
      <c r="D112" s="124">
        <v>1578313.4396000002</v>
      </c>
      <c r="E112" s="124">
        <v>1563370.3280524551</v>
      </c>
      <c r="F112" s="125">
        <v>14943.111547545064</v>
      </c>
      <c r="G112" s="131">
        <v>14943.111547545064</v>
      </c>
      <c r="H112" s="115">
        <v>9.5582673403813538E-3</v>
      </c>
    </row>
    <row r="113" spans="3:8">
      <c r="C113" s="38">
        <v>2007</v>
      </c>
      <c r="D113" s="124">
        <v>1338802.5460000001</v>
      </c>
      <c r="E113" s="124">
        <v>1374450.7208946501</v>
      </c>
      <c r="F113" s="125">
        <v>-35648.174894650001</v>
      </c>
      <c r="G113" s="131">
        <v>35648.174894650001</v>
      </c>
      <c r="H113" s="115">
        <v>2.593630630237953E-2</v>
      </c>
    </row>
    <row r="114" spans="3:8">
      <c r="C114" s="38">
        <v>2008</v>
      </c>
      <c r="D114" s="124">
        <v>1299626.8928000003</v>
      </c>
      <c r="E114" s="124">
        <v>1290709.8921303886</v>
      </c>
      <c r="F114" s="125">
        <v>8917.0006696116179</v>
      </c>
      <c r="G114" s="131">
        <v>8917.0006696116179</v>
      </c>
      <c r="H114" s="115">
        <v>6.9086017888137594E-3</v>
      </c>
    </row>
    <row r="115" spans="3:8">
      <c r="C115" s="38">
        <v>2009</v>
      </c>
      <c r="D115" s="124">
        <v>1157727.7102999999</v>
      </c>
      <c r="E115" s="124">
        <v>1163258.5902981886</v>
      </c>
      <c r="F115" s="125">
        <v>-5530.8799981886987</v>
      </c>
      <c r="G115" s="131">
        <v>5530.8799981886987</v>
      </c>
      <c r="H115" s="115">
        <v>4.7546435885514656E-3</v>
      </c>
    </row>
    <row r="116" spans="3:8">
      <c r="C116" s="38">
        <v>2010</v>
      </c>
      <c r="D116" s="124">
        <v>1153150.6947999999</v>
      </c>
      <c r="E116" s="124">
        <v>1138117.3798466704</v>
      </c>
      <c r="F116" s="125">
        <v>15033.314953329507</v>
      </c>
      <c r="G116" s="131">
        <v>15033.314953329507</v>
      </c>
      <c r="H116" s="115">
        <v>1.3208931890096282E-2</v>
      </c>
    </row>
    <row r="117" spans="3:8">
      <c r="C117" s="38">
        <v>2011</v>
      </c>
      <c r="D117" s="124">
        <v>1161456.4284000003</v>
      </c>
      <c r="E117" s="124">
        <v>1159170.8006776485</v>
      </c>
      <c r="F117" s="125">
        <v>2285.6277223518118</v>
      </c>
      <c r="G117" s="131">
        <v>2285.6277223518118</v>
      </c>
      <c r="H117" s="115">
        <v>1.9717782064693481E-3</v>
      </c>
    </row>
    <row r="118" spans="3:8">
      <c r="G118" s="132" t="s">
        <v>47</v>
      </c>
      <c r="H118" s="133">
        <v>1.0389754852781957E-2</v>
      </c>
    </row>
    <row r="119" spans="3:8">
      <c r="G119" s="126"/>
      <c r="H119" s="126"/>
    </row>
  </sheetData>
  <pageMargins left="0.7" right="0.7" top="0.75" bottom="0.75" header="0.3" footer="0.3"/>
  <drawing r:id="rId1"/>
</worksheet>
</file>

<file path=xl/worksheets/sheet9.xml><?xml version="1.0" encoding="utf-8"?>
<worksheet xmlns="http://schemas.openxmlformats.org/spreadsheetml/2006/main" xmlns:r="http://schemas.openxmlformats.org/officeDocument/2006/relationships">
  <sheetPr>
    <tabColor theme="4" tint="0.59999389629810485"/>
  </sheetPr>
  <dimension ref="B1:H186"/>
  <sheetViews>
    <sheetView workbookViewId="0">
      <selection activeCell="M20" sqref="M20"/>
    </sheetView>
  </sheetViews>
  <sheetFormatPr defaultColWidth="8.69921875" defaultRowHeight="13.8"/>
  <cols>
    <col min="1" max="1" width="8.69921875" style="38"/>
    <col min="2" max="2" width="24.19921875" style="38" customWidth="1"/>
    <col min="3" max="3" width="15.69921875" style="38" customWidth="1"/>
    <col min="4" max="4" width="8.69921875" style="38"/>
    <col min="5" max="6" width="13.19921875" style="38" customWidth="1"/>
    <col min="7" max="16384" width="8.69921875" style="38"/>
  </cols>
  <sheetData>
    <row r="1" spans="2:8">
      <c r="B1" s="38" t="s">
        <v>49</v>
      </c>
    </row>
    <row r="2" spans="2:8">
      <c r="B2" s="38" t="s">
        <v>50</v>
      </c>
    </row>
    <row r="3" spans="2:8">
      <c r="B3" s="38" t="s">
        <v>51</v>
      </c>
    </row>
    <row r="4" spans="2:8" ht="14.4">
      <c r="E4" s="98" t="s">
        <v>222</v>
      </c>
      <c r="F4" s="99"/>
      <c r="G4" s="99"/>
      <c r="H4" s="99"/>
    </row>
    <row r="5" spans="2:8">
      <c r="B5" s="39" t="s">
        <v>0</v>
      </c>
      <c r="E5" s="99"/>
      <c r="F5" s="99"/>
      <c r="G5" s="99"/>
      <c r="H5" s="99"/>
    </row>
    <row r="6" spans="2:8" ht="14.4">
      <c r="B6" s="40"/>
      <c r="C6" s="41"/>
      <c r="E6" s="100" t="s">
        <v>219</v>
      </c>
      <c r="F6" s="101"/>
      <c r="G6" s="101"/>
      <c r="H6" s="101"/>
    </row>
    <row r="7" spans="2:8" ht="14.4">
      <c r="B7" s="40" t="s">
        <v>52</v>
      </c>
      <c r="C7" s="42">
        <v>128</v>
      </c>
      <c r="E7" s="100" t="s">
        <v>220</v>
      </c>
      <c r="F7" s="101"/>
      <c r="G7" s="101"/>
      <c r="H7" s="101"/>
    </row>
    <row r="8" spans="2:8" ht="14.4">
      <c r="B8" s="40" t="s">
        <v>53</v>
      </c>
      <c r="C8" s="42">
        <v>110</v>
      </c>
      <c r="E8" s="100" t="s">
        <v>221</v>
      </c>
      <c r="F8" s="101"/>
      <c r="G8" s="101"/>
      <c r="H8" s="101"/>
    </row>
    <row r="9" spans="2:8">
      <c r="B9" s="40" t="s">
        <v>54</v>
      </c>
      <c r="C9" s="43">
        <v>0.93567603385301423</v>
      </c>
    </row>
    <row r="10" spans="2:8">
      <c r="B10" s="44" t="s">
        <v>55</v>
      </c>
      <c r="C10" s="45">
        <v>0.92573505726666183</v>
      </c>
    </row>
    <row r="11" spans="2:8">
      <c r="B11" s="40" t="s">
        <v>56</v>
      </c>
      <c r="C11" s="46">
        <v>2319.295649913839</v>
      </c>
    </row>
    <row r="12" spans="2:8">
      <c r="B12" s="40"/>
      <c r="C12" s="47"/>
    </row>
    <row r="13" spans="2:8">
      <c r="B13" s="40" t="s">
        <v>57</v>
      </c>
      <c r="C13" s="48">
        <v>94.123150348988233</v>
      </c>
    </row>
    <row r="14" spans="2:8">
      <c r="B14" s="40" t="s">
        <v>58</v>
      </c>
      <c r="C14" s="49">
        <v>0</v>
      </c>
    </row>
    <row r="15" spans="2:8">
      <c r="B15" s="40"/>
      <c r="C15" s="50"/>
    </row>
    <row r="16" spans="2:8">
      <c r="B16" s="40" t="s">
        <v>59</v>
      </c>
      <c r="C16" s="51">
        <v>8607114948.4758892</v>
      </c>
    </row>
    <row r="17" spans="2:6">
      <c r="B17" s="40" t="s">
        <v>60</v>
      </c>
      <c r="C17" s="51">
        <v>591704554.28801835</v>
      </c>
    </row>
    <row r="18" spans="2:6">
      <c r="B18" s="40" t="s">
        <v>61</v>
      </c>
      <c r="C18" s="51">
        <v>5379132.3117092578</v>
      </c>
    </row>
    <row r="20" spans="2:6">
      <c r="B20" s="40" t="s">
        <v>62</v>
      </c>
      <c r="C20" s="50">
        <v>1681.2398056274649</v>
      </c>
    </row>
    <row r="21" spans="2:6">
      <c r="B21" s="40" t="s">
        <v>63</v>
      </c>
      <c r="C21" s="52">
        <v>0.12758463969897429</v>
      </c>
    </row>
    <row r="22" spans="2:6">
      <c r="B22" s="40" t="s">
        <v>64</v>
      </c>
      <c r="C22" s="53">
        <v>0.96138388421799659</v>
      </c>
    </row>
    <row r="23" spans="2:6">
      <c r="B23" s="40"/>
      <c r="C23" s="54"/>
    </row>
    <row r="24" spans="2:6">
      <c r="B24" s="40"/>
      <c r="C24" s="55"/>
    </row>
    <row r="25" spans="2:6" ht="14.4" thickBot="1">
      <c r="B25" s="56" t="s">
        <v>65</v>
      </c>
      <c r="C25" s="56" t="s">
        <v>66</v>
      </c>
      <c r="D25" s="56" t="s">
        <v>67</v>
      </c>
      <c r="E25" s="56" t="s">
        <v>68</v>
      </c>
      <c r="F25" s="56" t="s">
        <v>69</v>
      </c>
    </row>
    <row r="26" spans="2:6">
      <c r="B26" s="38" t="s">
        <v>70</v>
      </c>
      <c r="C26" s="57">
        <v>3189.4341172835789</v>
      </c>
      <c r="D26" s="57">
        <v>3143.012842777227</v>
      </c>
      <c r="E26" s="57">
        <v>1.0147696738220557</v>
      </c>
      <c r="F26" s="58">
        <v>0.31243581780442475</v>
      </c>
    </row>
    <row r="27" spans="2:6">
      <c r="B27" s="59" t="s">
        <v>71</v>
      </c>
      <c r="C27" s="57">
        <v>231.99634571576732</v>
      </c>
      <c r="D27" s="57">
        <v>29.560910946551271</v>
      </c>
      <c r="E27" s="57">
        <v>7.848078367247787</v>
      </c>
      <c r="F27" s="58">
        <v>3.5024403378755405E-11</v>
      </c>
    </row>
    <row r="28" spans="2:6">
      <c r="B28" s="38" t="s">
        <v>72</v>
      </c>
      <c r="C28" s="57">
        <v>25.817474938733238</v>
      </c>
      <c r="D28" s="57">
        <v>1.1697842246260437</v>
      </c>
      <c r="E28" s="57">
        <v>22.07028817386092</v>
      </c>
      <c r="F28" s="58">
        <v>2.9785305933939137E-27</v>
      </c>
    </row>
    <row r="29" spans="2:6">
      <c r="B29" s="38" t="s">
        <v>73</v>
      </c>
      <c r="C29" s="57">
        <v>30.854484424730035</v>
      </c>
      <c r="D29" s="57">
        <v>1.4139867555022785</v>
      </c>
      <c r="E29" s="57">
        <v>21.820914732521565</v>
      </c>
      <c r="F29" s="58">
        <v>4.6288640108178072E-27</v>
      </c>
    </row>
    <row r="30" spans="2:6">
      <c r="B30" s="38" t="s">
        <v>74</v>
      </c>
      <c r="C30" s="57">
        <v>30.880905653099859</v>
      </c>
      <c r="D30" s="57">
        <v>1.6497076525027428</v>
      </c>
      <c r="E30" s="57">
        <v>18.719017036898006</v>
      </c>
      <c r="F30" s="58">
        <v>1.7134208490012959E-24</v>
      </c>
    </row>
    <row r="31" spans="2:6">
      <c r="B31" s="38" t="s">
        <v>75</v>
      </c>
      <c r="C31" s="57">
        <v>29.925706789679509</v>
      </c>
      <c r="D31" s="57">
        <v>3.9737334819792491</v>
      </c>
      <c r="E31" s="57">
        <v>7.530879190914944</v>
      </c>
      <c r="F31" s="58">
        <v>1.1846971323029395E-10</v>
      </c>
    </row>
    <row r="32" spans="2:6">
      <c r="B32" s="38" t="s">
        <v>76</v>
      </c>
      <c r="C32" s="57">
        <v>26.138020269596375</v>
      </c>
      <c r="D32" s="57">
        <v>7.2793018266280951</v>
      </c>
      <c r="E32" s="57">
        <v>3.5907317613870644</v>
      </c>
      <c r="F32" s="58">
        <v>5.0168171252105802E-4</v>
      </c>
    </row>
    <row r="33" spans="2:8">
      <c r="B33" s="38" t="s">
        <v>77</v>
      </c>
      <c r="C33" s="57">
        <v>26.464523781131906</v>
      </c>
      <c r="D33" s="57">
        <v>3.5100156433017045</v>
      </c>
      <c r="E33" s="57">
        <v>7.5397167621275871</v>
      </c>
      <c r="F33" s="58">
        <v>1.1448847472723097E-10</v>
      </c>
    </row>
    <row r="34" spans="2:8">
      <c r="B34" s="38" t="s">
        <v>78</v>
      </c>
      <c r="C34" s="57">
        <v>20.495658453471695</v>
      </c>
      <c r="D34" s="57">
        <v>2.3394127850537028</v>
      </c>
      <c r="E34" s="57">
        <v>8.7610269484789551</v>
      </c>
      <c r="F34" s="58">
        <v>1.1659782798845632E-12</v>
      </c>
    </row>
    <row r="35" spans="2:8">
      <c r="B35" s="38" t="s">
        <v>79</v>
      </c>
      <c r="C35" s="57">
        <v>15.679199719660994</v>
      </c>
      <c r="D35" s="57">
        <v>1.6224993982435021</v>
      </c>
      <c r="E35" s="57">
        <v>9.6636089582745637</v>
      </c>
      <c r="F35" s="58">
        <v>4.7686152484552518E-14</v>
      </c>
    </row>
    <row r="36" spans="2:8">
      <c r="B36" s="59" t="s">
        <v>80</v>
      </c>
      <c r="C36" s="57">
        <v>-6057.8441538428769</v>
      </c>
      <c r="D36" s="57">
        <v>745.80422436559923</v>
      </c>
      <c r="E36" s="57">
        <v>-8.1225661586937772</v>
      </c>
      <c r="F36" s="58">
        <v>1.2379704870698719E-11</v>
      </c>
    </row>
    <row r="37" spans="2:8">
      <c r="B37" s="38" t="s">
        <v>81</v>
      </c>
      <c r="C37" s="57">
        <v>-5700.3358728815983</v>
      </c>
      <c r="D37" s="57">
        <v>1186.9815979634639</v>
      </c>
      <c r="E37" s="57">
        <v>-4.8023793146092721</v>
      </c>
      <c r="F37" s="58">
        <v>5.9289977866710878E-6</v>
      </c>
    </row>
    <row r="38" spans="2:8">
      <c r="B38" s="59" t="s">
        <v>82</v>
      </c>
      <c r="C38" s="57">
        <v>-8110.3140802422522</v>
      </c>
      <c r="D38" s="57">
        <v>1835.9451718084279</v>
      </c>
      <c r="E38" s="57">
        <v>-4.4175143162110313</v>
      </c>
      <c r="F38" s="58">
        <v>2.5810879127442009E-5</v>
      </c>
    </row>
    <row r="39" spans="2:8">
      <c r="B39" s="38" t="s">
        <v>83</v>
      </c>
      <c r="C39" s="57">
        <v>-2592.0055819496283</v>
      </c>
      <c r="D39" s="57">
        <v>705.85701097367212</v>
      </c>
      <c r="E39" s="57">
        <v>-3.6721397416938144</v>
      </c>
      <c r="F39" s="58">
        <v>3.8008432619362885E-4</v>
      </c>
    </row>
    <row r="41" spans="2:8">
      <c r="B41" s="38" t="s">
        <v>84</v>
      </c>
    </row>
    <row r="43" spans="2:8">
      <c r="B43" s="138" t="s">
        <v>106</v>
      </c>
      <c r="C43" s="138"/>
      <c r="D43" s="138"/>
      <c r="E43" s="138"/>
      <c r="F43" s="138"/>
      <c r="G43" s="138"/>
      <c r="H43" s="102"/>
    </row>
    <row r="44" spans="2:8" ht="14.4" thickBot="1">
      <c r="B44" s="56" t="s">
        <v>44</v>
      </c>
      <c r="C44" s="56" t="s">
        <v>102</v>
      </c>
      <c r="D44" s="103" t="s">
        <v>103</v>
      </c>
      <c r="E44" s="103" t="s">
        <v>104</v>
      </c>
      <c r="F44" s="104" t="s">
        <v>105</v>
      </c>
      <c r="H44" s="105"/>
    </row>
    <row r="45" spans="2:8">
      <c r="B45" s="106">
        <v>2001</v>
      </c>
      <c r="C45" s="107" t="s">
        <v>28</v>
      </c>
      <c r="D45" s="108">
        <v>7528.0929999999998</v>
      </c>
      <c r="E45" s="108">
        <v>8467.3942675295293</v>
      </c>
      <c r="F45" s="108">
        <v>-939.30126752953595</v>
      </c>
      <c r="H45" s="109"/>
    </row>
    <row r="46" spans="2:8">
      <c r="B46" s="106">
        <v>2001</v>
      </c>
      <c r="C46" s="107" t="s">
        <v>223</v>
      </c>
      <c r="D46" s="108">
        <v>3772.1320000000001</v>
      </c>
      <c r="E46" s="108">
        <v>2902.4905504704798</v>
      </c>
      <c r="F46" s="108">
        <v>869.64144952951995</v>
      </c>
      <c r="H46" s="109"/>
    </row>
    <row r="47" spans="2:8">
      <c r="B47" s="106">
        <v>2001</v>
      </c>
      <c r="C47" s="107" t="s">
        <v>224</v>
      </c>
      <c r="D47" s="108">
        <v>4128.7290000000003</v>
      </c>
      <c r="E47" s="108">
        <v>4648.1184293588904</v>
      </c>
      <c r="F47" s="108">
        <v>-519.38942935888599</v>
      </c>
      <c r="H47" s="109"/>
    </row>
    <row r="48" spans="2:8">
      <c r="B48" s="106">
        <v>2001</v>
      </c>
      <c r="C48" s="107" t="s">
        <v>225</v>
      </c>
      <c r="D48" s="108">
        <v>4440.5290000000005</v>
      </c>
      <c r="E48" s="108">
        <v>3552.1382845015</v>
      </c>
      <c r="F48" s="108">
        <v>888.39071549849905</v>
      </c>
      <c r="H48" s="110"/>
    </row>
    <row r="49" spans="2:8">
      <c r="B49" s="106">
        <v>2001</v>
      </c>
      <c r="C49" s="107" t="s">
        <v>226</v>
      </c>
      <c r="D49" s="108">
        <v>9660.9359999999997</v>
      </c>
      <c r="E49" s="108">
        <v>7860.3877586708604</v>
      </c>
      <c r="F49" s="108">
        <v>1800.54824132914</v>
      </c>
      <c r="H49" s="110"/>
    </row>
    <row r="50" spans="2:8">
      <c r="B50" s="106">
        <v>2001</v>
      </c>
      <c r="C50" s="107" t="s">
        <v>227</v>
      </c>
      <c r="D50" s="108">
        <v>14551.165999999999</v>
      </c>
      <c r="E50" s="108">
        <v>14615.2614803656</v>
      </c>
      <c r="F50" s="108">
        <v>-64.095480365596799</v>
      </c>
      <c r="H50" s="110"/>
    </row>
    <row r="51" spans="2:8">
      <c r="B51" s="106">
        <v>2001</v>
      </c>
      <c r="C51" s="107" t="s">
        <v>228</v>
      </c>
      <c r="D51" s="108">
        <v>13915.017</v>
      </c>
      <c r="E51" s="108">
        <v>16595.509312524198</v>
      </c>
      <c r="F51" s="108">
        <v>-2680.4923125242299</v>
      </c>
      <c r="H51" s="110"/>
    </row>
    <row r="52" spans="2:8">
      <c r="B52" s="106">
        <v>2001</v>
      </c>
      <c r="C52" s="107" t="s">
        <v>229</v>
      </c>
      <c r="D52" s="108">
        <v>16247.031000000001</v>
      </c>
      <c r="E52" s="108">
        <v>16518.433175394101</v>
      </c>
      <c r="F52" s="108">
        <v>-271.40217539410901</v>
      </c>
      <c r="H52" s="110"/>
    </row>
    <row r="53" spans="2:8">
      <c r="B53" s="106">
        <v>2002</v>
      </c>
      <c r="C53" s="107" t="s">
        <v>230</v>
      </c>
      <c r="D53" s="108">
        <v>23962.456999999999</v>
      </c>
      <c r="E53" s="108">
        <v>23559.7293823492</v>
      </c>
      <c r="F53" s="108">
        <v>402.72761765078002</v>
      </c>
      <c r="H53" s="110"/>
    </row>
    <row r="54" spans="2:8">
      <c r="B54" s="106">
        <v>2002</v>
      </c>
      <c r="C54" s="107" t="s">
        <v>231</v>
      </c>
      <c r="D54" s="108">
        <v>25055.014999999999</v>
      </c>
      <c r="E54" s="108">
        <v>24310.7414219026</v>
      </c>
      <c r="F54" s="108">
        <v>744.27357809740397</v>
      </c>
      <c r="H54" s="110"/>
    </row>
    <row r="55" spans="2:8">
      <c r="B55" s="106">
        <v>2002</v>
      </c>
      <c r="C55" s="107" t="s">
        <v>232</v>
      </c>
      <c r="D55" s="108">
        <v>25887.55</v>
      </c>
      <c r="E55" s="108">
        <v>25747.8846678642</v>
      </c>
      <c r="F55" s="108">
        <v>139.66533213582099</v>
      </c>
      <c r="H55" s="110"/>
    </row>
    <row r="56" spans="2:8">
      <c r="B56" s="106">
        <v>2002</v>
      </c>
      <c r="C56" s="107" t="s">
        <v>233</v>
      </c>
      <c r="D56" s="108">
        <v>17860.166000000001</v>
      </c>
      <c r="E56" s="108">
        <v>18055.303963959199</v>
      </c>
      <c r="F56" s="108">
        <v>-195.137963959172</v>
      </c>
      <c r="H56" s="110"/>
    </row>
    <row r="57" spans="2:8">
      <c r="B57" s="106">
        <v>2002</v>
      </c>
      <c r="C57" s="107" t="s">
        <v>28</v>
      </c>
      <c r="D57" s="108">
        <v>15658.635</v>
      </c>
      <c r="E57" s="108">
        <v>14348.5592782191</v>
      </c>
      <c r="F57" s="108">
        <v>1310.0757217809301</v>
      </c>
      <c r="H57" s="110"/>
    </row>
    <row r="58" spans="2:8">
      <c r="B58" s="106">
        <v>2002</v>
      </c>
      <c r="C58" s="107" t="s">
        <v>234</v>
      </c>
      <c r="D58" s="108">
        <v>6480.2470000000003</v>
      </c>
      <c r="E58" s="108">
        <v>6506.7105105954797</v>
      </c>
      <c r="F58" s="108">
        <v>-26.463510595479399</v>
      </c>
      <c r="H58" s="110"/>
    </row>
    <row r="59" spans="2:8">
      <c r="B59" s="106">
        <v>2002</v>
      </c>
      <c r="C59" s="107" t="s">
        <v>224</v>
      </c>
      <c r="D59" s="108">
        <v>4080.5619999999999</v>
      </c>
      <c r="E59" s="108">
        <v>6378.5818335803597</v>
      </c>
      <c r="F59" s="108">
        <v>-2298.0198335803598</v>
      </c>
      <c r="H59" s="110"/>
    </row>
    <row r="60" spans="2:8">
      <c r="B60" s="106">
        <v>2002</v>
      </c>
      <c r="C60" s="107" t="s">
        <v>225</v>
      </c>
      <c r="D60" s="108">
        <v>5304.9579999999996</v>
      </c>
      <c r="E60" s="108">
        <v>6822.5142405401803</v>
      </c>
      <c r="F60" s="108">
        <v>-1517.5562405401799</v>
      </c>
      <c r="H60" s="110"/>
    </row>
    <row r="61" spans="2:8">
      <c r="B61" s="106">
        <v>2002</v>
      </c>
      <c r="C61" s="107" t="s">
        <v>226</v>
      </c>
      <c r="D61" s="108">
        <v>7458.8419999999996</v>
      </c>
      <c r="E61" s="108">
        <v>10505.4097902753</v>
      </c>
      <c r="F61" s="108">
        <v>-3046.56779027526</v>
      </c>
      <c r="H61" s="110"/>
    </row>
    <row r="62" spans="2:8">
      <c r="B62" s="106">
        <v>2002</v>
      </c>
      <c r="C62" s="107" t="s">
        <v>227</v>
      </c>
      <c r="D62" s="108">
        <v>17449.845000000001</v>
      </c>
      <c r="E62" s="108">
        <v>18963.610614198002</v>
      </c>
      <c r="F62" s="108">
        <v>-1513.7656141979801</v>
      </c>
      <c r="H62" s="110"/>
    </row>
    <row r="63" spans="2:8">
      <c r="B63" s="106">
        <v>2002</v>
      </c>
      <c r="C63" s="107" t="s">
        <v>228</v>
      </c>
      <c r="D63" s="108">
        <v>20721.334999999999</v>
      </c>
      <c r="E63" s="108">
        <v>20082.534604931301</v>
      </c>
      <c r="F63" s="108">
        <v>638.80039506866899</v>
      </c>
      <c r="H63" s="110"/>
    </row>
    <row r="64" spans="2:8">
      <c r="B64" s="106">
        <v>2002</v>
      </c>
      <c r="C64" s="107" t="s">
        <v>229</v>
      </c>
      <c r="D64" s="108">
        <v>23829.716</v>
      </c>
      <c r="E64" s="108">
        <v>21713.7092184639</v>
      </c>
      <c r="F64" s="108">
        <v>2116.0067815361499</v>
      </c>
      <c r="H64" s="110"/>
    </row>
    <row r="65" spans="2:8">
      <c r="B65" s="106">
        <v>2003</v>
      </c>
      <c r="C65" s="107" t="s">
        <v>230</v>
      </c>
      <c r="D65" s="108">
        <v>34249.93</v>
      </c>
      <c r="E65" s="108">
        <v>31759.043272168401</v>
      </c>
      <c r="F65" s="108">
        <v>2490.8867278315502</v>
      </c>
      <c r="H65" s="110"/>
    </row>
    <row r="66" spans="2:8">
      <c r="B66" s="106">
        <v>2003</v>
      </c>
      <c r="C66" s="107" t="s">
        <v>231</v>
      </c>
      <c r="D66" s="108">
        <v>28244.781999999999</v>
      </c>
      <c r="E66" s="108">
        <v>32720.6284439794</v>
      </c>
      <c r="F66" s="108">
        <v>-4475.8464439794298</v>
      </c>
      <c r="H66" s="110"/>
    </row>
    <row r="67" spans="2:8">
      <c r="B67" s="106">
        <v>2003</v>
      </c>
      <c r="C67" s="107" t="s">
        <v>232</v>
      </c>
      <c r="D67" s="108">
        <v>25642.791000000001</v>
      </c>
      <c r="E67" s="108">
        <v>29298.7398540719</v>
      </c>
      <c r="F67" s="108">
        <v>-3655.9488540719499</v>
      </c>
      <c r="H67" s="110"/>
    </row>
    <row r="68" spans="2:8">
      <c r="B68" s="106">
        <v>2003</v>
      </c>
      <c r="C68" s="107" t="s">
        <v>233</v>
      </c>
      <c r="D68" s="108">
        <v>19906.851999999999</v>
      </c>
      <c r="E68" s="108">
        <v>20190.035673018101</v>
      </c>
      <c r="F68" s="108">
        <v>-283.18367301809502</v>
      </c>
      <c r="H68" s="110"/>
    </row>
    <row r="69" spans="2:8">
      <c r="B69" s="106">
        <v>2003</v>
      </c>
      <c r="C69" s="107" t="s">
        <v>28</v>
      </c>
      <c r="D69" s="108">
        <v>14603.424999999999</v>
      </c>
      <c r="E69" s="108">
        <v>15084.830520781101</v>
      </c>
      <c r="F69" s="108">
        <v>-481.40552078113097</v>
      </c>
      <c r="H69" s="110"/>
    </row>
    <row r="70" spans="2:8">
      <c r="B70" s="106">
        <v>2003</v>
      </c>
      <c r="C70" s="107" t="s">
        <v>234</v>
      </c>
      <c r="D70" s="108">
        <v>8128.1440000000002</v>
      </c>
      <c r="E70" s="108">
        <v>6428.9786314044204</v>
      </c>
      <c r="F70" s="108">
        <v>1699.16536859557</v>
      </c>
      <c r="H70" s="110"/>
    </row>
    <row r="71" spans="2:8">
      <c r="B71" s="106">
        <v>2003</v>
      </c>
      <c r="C71" s="107" t="s">
        <v>224</v>
      </c>
      <c r="D71" s="108">
        <v>5654.8249999999998</v>
      </c>
      <c r="E71" s="108">
        <v>5267.4093308859301</v>
      </c>
      <c r="F71" s="108">
        <v>387.41566911407301</v>
      </c>
      <c r="H71" s="110"/>
    </row>
    <row r="72" spans="2:8">
      <c r="B72" s="106">
        <v>2003</v>
      </c>
      <c r="C72" s="107" t="s">
        <v>225</v>
      </c>
      <c r="D72" s="108">
        <v>5958.6459999999997</v>
      </c>
      <c r="E72" s="108">
        <v>5688.59900761881</v>
      </c>
      <c r="F72" s="108">
        <v>270.046992381194</v>
      </c>
      <c r="H72" s="110"/>
    </row>
    <row r="73" spans="2:8">
      <c r="B73" s="106">
        <v>2003</v>
      </c>
      <c r="C73" s="107" t="s">
        <v>226</v>
      </c>
      <c r="D73" s="108">
        <v>10198.411</v>
      </c>
      <c r="E73" s="108">
        <v>10532.675796277799</v>
      </c>
      <c r="F73" s="108">
        <v>-334.26479627779702</v>
      </c>
      <c r="H73" s="110"/>
    </row>
    <row r="74" spans="2:8">
      <c r="B74" s="106">
        <v>2003</v>
      </c>
      <c r="C74" s="107" t="s">
        <v>227</v>
      </c>
      <c r="D74" s="108">
        <v>17498.257000000001</v>
      </c>
      <c r="E74" s="108">
        <v>17518.912866509301</v>
      </c>
      <c r="F74" s="108">
        <v>-20.655866509296199</v>
      </c>
      <c r="H74" s="110"/>
    </row>
    <row r="75" spans="2:8">
      <c r="B75" s="106">
        <v>2003</v>
      </c>
      <c r="C75" s="107" t="s">
        <v>228</v>
      </c>
      <c r="D75" s="108">
        <v>19442.143</v>
      </c>
      <c r="E75" s="108">
        <v>18118.240917840802</v>
      </c>
      <c r="F75" s="108">
        <v>1323.9020821592101</v>
      </c>
      <c r="H75" s="110"/>
    </row>
    <row r="76" spans="2:8">
      <c r="B76" s="106">
        <v>2003</v>
      </c>
      <c r="C76" s="107" t="s">
        <v>229</v>
      </c>
      <c r="D76" s="108">
        <v>22377.885999999999</v>
      </c>
      <c r="E76" s="108">
        <v>20056.049158065998</v>
      </c>
      <c r="F76" s="108">
        <v>2321.83684193405</v>
      </c>
      <c r="H76" s="110"/>
    </row>
    <row r="77" spans="2:8">
      <c r="B77" s="106">
        <v>2004</v>
      </c>
      <c r="C77" s="107" t="s">
        <v>230</v>
      </c>
      <c r="D77" s="108">
        <v>32759.535</v>
      </c>
      <c r="E77" s="108">
        <v>31139.034040534501</v>
      </c>
      <c r="F77" s="108">
        <v>1620.50095946544</v>
      </c>
      <c r="H77" s="110"/>
    </row>
    <row r="78" spans="2:8">
      <c r="B78" s="106">
        <v>2004</v>
      </c>
      <c r="C78" s="107" t="s">
        <v>231</v>
      </c>
      <c r="D78" s="108">
        <v>28136.52</v>
      </c>
      <c r="E78" s="108">
        <v>26622.3730824126</v>
      </c>
      <c r="F78" s="108">
        <v>1514.1469175873499</v>
      </c>
      <c r="H78" s="110"/>
    </row>
    <row r="79" spans="2:8">
      <c r="B79" s="106">
        <v>2004</v>
      </c>
      <c r="C79" s="107" t="s">
        <v>232</v>
      </c>
      <c r="D79" s="108">
        <v>26396.409</v>
      </c>
      <c r="E79" s="108">
        <v>23535.354553525602</v>
      </c>
      <c r="F79" s="108">
        <v>2861.0544464743898</v>
      </c>
      <c r="H79" s="110"/>
    </row>
    <row r="80" spans="2:8">
      <c r="B80" s="106">
        <v>2004</v>
      </c>
      <c r="C80" s="107" t="s">
        <v>233</v>
      </c>
      <c r="D80" s="108">
        <v>18375.202000000001</v>
      </c>
      <c r="E80" s="108">
        <v>17778.6039299603</v>
      </c>
      <c r="F80" s="108">
        <v>596.59807003968695</v>
      </c>
      <c r="H80" s="110"/>
    </row>
    <row r="81" spans="2:8">
      <c r="B81" s="106">
        <v>2004</v>
      </c>
      <c r="C81" s="107" t="s">
        <v>28</v>
      </c>
      <c r="D81" s="108">
        <v>12238.847</v>
      </c>
      <c r="E81" s="108">
        <v>11400.5574435994</v>
      </c>
      <c r="F81" s="108">
        <v>838.28955640058496</v>
      </c>
      <c r="H81" s="110"/>
    </row>
    <row r="82" spans="2:8">
      <c r="B82" s="106">
        <v>2004</v>
      </c>
      <c r="C82" s="107" t="s">
        <v>234</v>
      </c>
      <c r="D82" s="108">
        <v>7660.4539999999997</v>
      </c>
      <c r="E82" s="108">
        <v>4924.8234261942698</v>
      </c>
      <c r="F82" s="108">
        <v>2735.6305738057299</v>
      </c>
      <c r="H82" s="110"/>
    </row>
    <row r="83" spans="2:8">
      <c r="B83" s="106">
        <v>2004</v>
      </c>
      <c r="C83" s="107" t="s">
        <v>224</v>
      </c>
      <c r="D83" s="108">
        <v>6358.558</v>
      </c>
      <c r="E83" s="108">
        <v>5152.8905518166803</v>
      </c>
      <c r="F83" s="108">
        <v>1205.66744818333</v>
      </c>
      <c r="H83" s="110"/>
    </row>
    <row r="84" spans="2:8">
      <c r="B84" s="106">
        <v>2004</v>
      </c>
      <c r="C84" s="107" t="s">
        <v>225</v>
      </c>
      <c r="D84" s="108">
        <v>7299.348</v>
      </c>
      <c r="E84" s="108">
        <v>5563.8600510024098</v>
      </c>
      <c r="F84" s="108">
        <v>1735.4879489975899</v>
      </c>
      <c r="H84" s="110"/>
    </row>
    <row r="85" spans="2:8">
      <c r="B85" s="106">
        <v>2004</v>
      </c>
      <c r="C85" s="107" t="s">
        <v>226</v>
      </c>
      <c r="D85" s="108">
        <v>8310.6540000000005</v>
      </c>
      <c r="E85" s="108">
        <v>7623.6888578164198</v>
      </c>
      <c r="F85" s="108">
        <v>686.96514218358095</v>
      </c>
      <c r="H85" s="110"/>
    </row>
    <row r="86" spans="2:8">
      <c r="B86" s="106">
        <v>2004</v>
      </c>
      <c r="C86" s="107" t="s">
        <v>227</v>
      </c>
      <c r="D86" s="108">
        <v>13613.785</v>
      </c>
      <c r="E86" s="108">
        <v>14741.3052750733</v>
      </c>
      <c r="F86" s="108">
        <v>-1127.5202750732701</v>
      </c>
      <c r="H86" s="110"/>
    </row>
    <row r="87" spans="2:8">
      <c r="B87" s="106">
        <v>2004</v>
      </c>
      <c r="C87" s="107" t="s">
        <v>228</v>
      </c>
      <c r="D87" s="108">
        <v>14901.817999999999</v>
      </c>
      <c r="E87" s="108">
        <v>17239.012568261602</v>
      </c>
      <c r="F87" s="108">
        <v>-2337.1945682616001</v>
      </c>
      <c r="H87" s="110"/>
    </row>
    <row r="88" spans="2:8">
      <c r="B88" s="106">
        <v>2004</v>
      </c>
      <c r="C88" s="107" t="s">
        <v>229</v>
      </c>
      <c r="D88" s="108">
        <v>18959.949000000001</v>
      </c>
      <c r="E88" s="108">
        <v>18280.415540573002</v>
      </c>
      <c r="F88" s="108">
        <v>679.53345942702401</v>
      </c>
      <c r="H88" s="110"/>
    </row>
    <row r="89" spans="2:8">
      <c r="B89" s="106">
        <v>2005</v>
      </c>
      <c r="C89" s="107" t="s">
        <v>230</v>
      </c>
      <c r="D89" s="108">
        <v>25343.279999999999</v>
      </c>
      <c r="E89" s="108">
        <v>26304.6877393369</v>
      </c>
      <c r="F89" s="108">
        <v>-961.40773933687501</v>
      </c>
      <c r="H89" s="110"/>
    </row>
    <row r="90" spans="2:8">
      <c r="B90" s="106">
        <v>2005</v>
      </c>
      <c r="C90" s="107" t="s">
        <v>231</v>
      </c>
      <c r="D90" s="108">
        <v>22578.244999999999</v>
      </c>
      <c r="E90" s="108">
        <v>24456.253602713001</v>
      </c>
      <c r="F90" s="108">
        <v>-1878.0086027130001</v>
      </c>
      <c r="H90" s="110"/>
    </row>
    <row r="91" spans="2:8">
      <c r="B91" s="106">
        <v>2005</v>
      </c>
      <c r="C91" s="107" t="s">
        <v>232</v>
      </c>
      <c r="D91" s="108">
        <v>22435.188999999998</v>
      </c>
      <c r="E91" s="108">
        <v>25712.721998473698</v>
      </c>
      <c r="F91" s="108">
        <v>-3277.53299847372</v>
      </c>
      <c r="H91" s="110"/>
    </row>
    <row r="92" spans="2:8">
      <c r="B92" s="106">
        <v>2005</v>
      </c>
      <c r="C92" s="107" t="s">
        <v>233</v>
      </c>
      <c r="D92" s="108">
        <v>15435.573</v>
      </c>
      <c r="E92" s="108">
        <v>16807.957137450401</v>
      </c>
      <c r="F92" s="108">
        <v>-1372.38413745039</v>
      </c>
      <c r="H92" s="110"/>
    </row>
    <row r="93" spans="2:8">
      <c r="B93" s="106">
        <v>2005</v>
      </c>
      <c r="C93" s="107" t="s">
        <v>28</v>
      </c>
      <c r="D93" s="108">
        <v>11766.963</v>
      </c>
      <c r="E93" s="108">
        <v>12778.148910260699</v>
      </c>
      <c r="F93" s="108">
        <v>-1011.18591026071</v>
      </c>
      <c r="H93" s="110"/>
    </row>
    <row r="94" spans="2:8">
      <c r="B94" s="106">
        <v>2005</v>
      </c>
      <c r="C94" s="107" t="s">
        <v>234</v>
      </c>
      <c r="D94" s="108">
        <v>5793.6149999999998</v>
      </c>
      <c r="E94" s="108">
        <v>5279.0265764548903</v>
      </c>
      <c r="F94" s="108">
        <v>514.58842354510705</v>
      </c>
      <c r="H94" s="110"/>
    </row>
    <row r="95" spans="2:8">
      <c r="B95" s="106">
        <v>2005</v>
      </c>
      <c r="C95" s="107" t="s">
        <v>224</v>
      </c>
      <c r="D95" s="108">
        <v>5105.8869999999997</v>
      </c>
      <c r="E95" s="108">
        <v>5231.1631581551401</v>
      </c>
      <c r="F95" s="108">
        <v>-125.276158155142</v>
      </c>
      <c r="H95" s="110"/>
    </row>
    <row r="96" spans="2:8">
      <c r="B96" s="106">
        <v>2005</v>
      </c>
      <c r="C96" s="107" t="s">
        <v>225</v>
      </c>
      <c r="D96" s="108">
        <v>5660.41</v>
      </c>
      <c r="E96" s="108">
        <v>4889.08856744692</v>
      </c>
      <c r="F96" s="108">
        <v>771.32143255307994</v>
      </c>
      <c r="H96" s="110"/>
    </row>
    <row r="97" spans="2:8">
      <c r="B97" s="106">
        <v>2005</v>
      </c>
      <c r="C97" s="107" t="s">
        <v>226</v>
      </c>
      <c r="D97" s="108">
        <v>7063.1620000000003</v>
      </c>
      <c r="E97" s="108">
        <v>8011.4006402576697</v>
      </c>
      <c r="F97" s="108">
        <v>-948.23864025767</v>
      </c>
      <c r="H97" s="110"/>
    </row>
    <row r="98" spans="2:8">
      <c r="B98" s="106">
        <v>2005</v>
      </c>
      <c r="C98" s="107" t="s">
        <v>227</v>
      </c>
      <c r="D98" s="108">
        <v>10263.246999999999</v>
      </c>
      <c r="E98" s="108">
        <v>13185.7073556791</v>
      </c>
      <c r="F98" s="108">
        <v>-2922.4603556790698</v>
      </c>
      <c r="H98" s="110"/>
    </row>
    <row r="99" spans="2:8">
      <c r="B99" s="106">
        <v>2005</v>
      </c>
      <c r="C99" s="107" t="s">
        <v>228</v>
      </c>
      <c r="D99" s="108">
        <v>11204.035</v>
      </c>
      <c r="E99" s="108">
        <v>12778.9634501939</v>
      </c>
      <c r="F99" s="108">
        <v>-1574.9284501939301</v>
      </c>
      <c r="H99" s="110"/>
    </row>
    <row r="100" spans="2:8">
      <c r="B100" s="106">
        <v>2005</v>
      </c>
      <c r="C100" s="107" t="s">
        <v>229</v>
      </c>
      <c r="D100" s="108">
        <v>13667.813</v>
      </c>
      <c r="E100" s="108">
        <v>12839.8744462132</v>
      </c>
      <c r="F100" s="108">
        <v>827.93855378676403</v>
      </c>
      <c r="H100" s="110"/>
    </row>
    <row r="101" spans="2:8">
      <c r="B101" s="106">
        <v>2006</v>
      </c>
      <c r="C101" s="107" t="s">
        <v>230</v>
      </c>
      <c r="D101" s="108">
        <v>12443.205</v>
      </c>
      <c r="E101" s="108">
        <v>17451.291218366699</v>
      </c>
      <c r="F101" s="108">
        <v>-5008.0862183666604</v>
      </c>
      <c r="H101" s="110"/>
    </row>
    <row r="102" spans="2:8">
      <c r="B102" s="106">
        <v>2006</v>
      </c>
      <c r="C102" s="107" t="s">
        <v>231</v>
      </c>
      <c r="D102" s="108">
        <v>21614.834999999999</v>
      </c>
      <c r="E102" s="108">
        <v>19542.597346942301</v>
      </c>
      <c r="F102" s="108">
        <v>2072.2376530576498</v>
      </c>
      <c r="H102" s="110"/>
    </row>
    <row r="103" spans="2:8">
      <c r="B103" s="106">
        <v>2006</v>
      </c>
      <c r="C103" s="107" t="s">
        <v>232</v>
      </c>
      <c r="D103" s="108">
        <v>25226.574000000001</v>
      </c>
      <c r="E103" s="108">
        <v>20497.573573287598</v>
      </c>
      <c r="F103" s="108">
        <v>4729.0004267123704</v>
      </c>
      <c r="H103" s="110"/>
    </row>
    <row r="104" spans="2:8">
      <c r="B104" s="106">
        <v>2006</v>
      </c>
      <c r="C104" s="107" t="s">
        <v>233</v>
      </c>
      <c r="D104" s="108">
        <v>17744.569</v>
      </c>
      <c r="E104" s="108">
        <v>15102.0678290787</v>
      </c>
      <c r="F104" s="108">
        <v>2642.50117092132</v>
      </c>
      <c r="H104" s="110"/>
    </row>
    <row r="105" spans="2:8">
      <c r="B105" s="106">
        <v>2006</v>
      </c>
      <c r="C105" s="107" t="s">
        <v>28</v>
      </c>
      <c r="D105" s="108">
        <v>12739.518</v>
      </c>
      <c r="E105" s="108">
        <v>10909.7695462225</v>
      </c>
      <c r="F105" s="108">
        <v>1829.7484537774901</v>
      </c>
      <c r="H105" s="110"/>
    </row>
    <row r="106" spans="2:8">
      <c r="B106" s="106">
        <v>2006</v>
      </c>
      <c r="C106" s="107" t="s">
        <v>234</v>
      </c>
      <c r="D106" s="108">
        <v>7516.11</v>
      </c>
      <c r="E106" s="108">
        <v>4604.38460545012</v>
      </c>
      <c r="F106" s="108">
        <v>2911.7253945498801</v>
      </c>
      <c r="H106" s="110"/>
    </row>
    <row r="107" spans="2:8">
      <c r="B107" s="106">
        <v>2006</v>
      </c>
      <c r="C107" s="107" t="s">
        <v>224</v>
      </c>
      <c r="D107" s="108">
        <v>5794.2190000000001</v>
      </c>
      <c r="E107" s="108">
        <v>4746.5687682258103</v>
      </c>
      <c r="F107" s="108">
        <v>1047.6502317741899</v>
      </c>
      <c r="H107" s="110"/>
    </row>
    <row r="108" spans="2:8">
      <c r="B108" s="106">
        <v>2006</v>
      </c>
      <c r="C108" s="107" t="s">
        <v>225</v>
      </c>
      <c r="D108" s="108">
        <v>6458.2370000000001</v>
      </c>
      <c r="E108" s="108">
        <v>4571.2541671263898</v>
      </c>
      <c r="F108" s="108">
        <v>1886.9828328736101</v>
      </c>
      <c r="H108" s="110"/>
    </row>
    <row r="109" spans="2:8">
      <c r="B109" s="106">
        <v>2006</v>
      </c>
      <c r="C109" s="107" t="s">
        <v>226</v>
      </c>
      <c r="D109" s="108">
        <v>11437.288</v>
      </c>
      <c r="E109" s="108">
        <v>7626.8987105912402</v>
      </c>
      <c r="F109" s="108">
        <v>3810.3892894087599</v>
      </c>
      <c r="H109" s="110"/>
    </row>
    <row r="110" spans="2:8">
      <c r="B110" s="106">
        <v>2006</v>
      </c>
      <c r="C110" s="107" t="s">
        <v>227</v>
      </c>
      <c r="D110" s="108">
        <v>19247.454000000002</v>
      </c>
      <c r="E110" s="108">
        <v>14853.819618810499</v>
      </c>
      <c r="F110" s="108">
        <v>4393.6343811894903</v>
      </c>
      <c r="H110" s="110"/>
    </row>
    <row r="111" spans="2:8">
      <c r="B111" s="106">
        <v>2006</v>
      </c>
      <c r="C111" s="107" t="s">
        <v>228</v>
      </c>
      <c r="D111" s="108">
        <v>15548.07</v>
      </c>
      <c r="E111" s="108">
        <v>15651.504737752601</v>
      </c>
      <c r="F111" s="108">
        <v>-103.434737752636</v>
      </c>
      <c r="H111" s="110"/>
    </row>
    <row r="112" spans="2:8">
      <c r="B112" s="106">
        <v>2006</v>
      </c>
      <c r="C112" s="107" t="s">
        <v>229</v>
      </c>
      <c r="D112" s="108">
        <v>12146.788500000001</v>
      </c>
      <c r="E112" s="108">
        <v>14507.632156866401</v>
      </c>
      <c r="F112" s="108">
        <v>-2360.8436568664101</v>
      </c>
      <c r="H112" s="110"/>
    </row>
    <row r="113" spans="2:8">
      <c r="B113" s="106">
        <v>2007</v>
      </c>
      <c r="C113" s="107" t="s">
        <v>230</v>
      </c>
      <c r="D113" s="108">
        <v>18443.757900000001</v>
      </c>
      <c r="E113" s="108">
        <v>22824.789087881702</v>
      </c>
      <c r="F113" s="108">
        <v>-4381.0311878816801</v>
      </c>
      <c r="H113" s="110"/>
    </row>
    <row r="114" spans="2:8">
      <c r="B114" s="106">
        <v>2007</v>
      </c>
      <c r="C114" s="107" t="s">
        <v>231</v>
      </c>
      <c r="D114" s="108">
        <v>24303.900099999999</v>
      </c>
      <c r="E114" s="108">
        <v>29438.740892934999</v>
      </c>
      <c r="F114" s="108">
        <v>-5134.8407929350096</v>
      </c>
      <c r="H114" s="110"/>
    </row>
    <row r="115" spans="2:8">
      <c r="B115" s="106">
        <v>2007</v>
      </c>
      <c r="C115" s="107" t="s">
        <v>232</v>
      </c>
      <c r="D115" s="108">
        <v>18058.8429</v>
      </c>
      <c r="E115" s="108">
        <v>22702.441447965</v>
      </c>
      <c r="F115" s="108">
        <v>-4643.5985479650099</v>
      </c>
      <c r="H115" s="110"/>
    </row>
    <row r="116" spans="2:8">
      <c r="B116" s="106">
        <v>2007</v>
      </c>
      <c r="C116" s="107" t="s">
        <v>233</v>
      </c>
      <c r="D116" s="108">
        <v>16295.584000000001</v>
      </c>
      <c r="E116" s="108">
        <v>16775.987880186702</v>
      </c>
      <c r="F116" s="108">
        <v>-480.40388018674798</v>
      </c>
      <c r="H116" s="110"/>
    </row>
    <row r="117" spans="2:8">
      <c r="B117" s="106">
        <v>2007</v>
      </c>
      <c r="C117" s="107" t="s">
        <v>28</v>
      </c>
      <c r="D117" s="108">
        <v>11197.0743</v>
      </c>
      <c r="E117" s="108">
        <v>10152.3244620982</v>
      </c>
      <c r="F117" s="108">
        <v>1044.74983790179</v>
      </c>
      <c r="H117" s="110"/>
    </row>
    <row r="118" spans="2:8">
      <c r="B118" s="106">
        <v>2007</v>
      </c>
      <c r="C118" s="107" t="s">
        <v>234</v>
      </c>
      <c r="D118" s="108">
        <v>6756.0752000000002</v>
      </c>
      <c r="E118" s="108">
        <v>4455.3291273131699</v>
      </c>
      <c r="F118" s="108">
        <v>2300.7460726868298</v>
      </c>
      <c r="H118" s="110"/>
    </row>
    <row r="119" spans="2:8">
      <c r="B119" s="106">
        <v>2007</v>
      </c>
      <c r="C119" s="107" t="s">
        <v>224</v>
      </c>
      <c r="D119" s="108">
        <v>6753.2374</v>
      </c>
      <c r="E119" s="108">
        <v>5013.6406372321799</v>
      </c>
      <c r="F119" s="108">
        <v>1739.5967627678201</v>
      </c>
      <c r="H119" s="110"/>
    </row>
    <row r="120" spans="2:8">
      <c r="B120" s="106">
        <v>2007</v>
      </c>
      <c r="C120" s="107" t="s">
        <v>225</v>
      </c>
      <c r="D120" s="108">
        <v>7968.3454000000002</v>
      </c>
      <c r="E120" s="108">
        <v>5489.1306116697997</v>
      </c>
      <c r="F120" s="108">
        <v>2479.2147883302</v>
      </c>
      <c r="H120" s="110"/>
    </row>
    <row r="121" spans="2:8">
      <c r="B121" s="106">
        <v>2007</v>
      </c>
      <c r="C121" s="107" t="s">
        <v>226</v>
      </c>
      <c r="D121" s="108">
        <v>9774.3335000000006</v>
      </c>
      <c r="E121" s="108">
        <v>9362.9388815047005</v>
      </c>
      <c r="F121" s="108">
        <v>411.39461849530602</v>
      </c>
      <c r="H121" s="110"/>
    </row>
    <row r="122" spans="2:8">
      <c r="B122" s="106">
        <v>2007</v>
      </c>
      <c r="C122" s="107" t="s">
        <v>227</v>
      </c>
      <c r="D122" s="108">
        <v>13369.361800000001</v>
      </c>
      <c r="E122" s="108">
        <v>13049.231662583899</v>
      </c>
      <c r="F122" s="108">
        <v>320.13013741611201</v>
      </c>
      <c r="H122" s="110"/>
    </row>
    <row r="123" spans="2:8">
      <c r="B123" s="106">
        <v>2007</v>
      </c>
      <c r="C123" s="107" t="s">
        <v>228</v>
      </c>
      <c r="D123" s="108">
        <v>19938.072700000001</v>
      </c>
      <c r="E123" s="108">
        <v>19226.922117569698</v>
      </c>
      <c r="F123" s="108">
        <v>711.15058243027295</v>
      </c>
      <c r="H123" s="110"/>
    </row>
    <row r="124" spans="2:8">
      <c r="B124" s="106">
        <v>2007</v>
      </c>
      <c r="C124" s="107" t="s">
        <v>229</v>
      </c>
      <c r="D124" s="108">
        <v>20034.963299999999</v>
      </c>
      <c r="E124" s="108">
        <v>20142.1022239675</v>
      </c>
      <c r="F124" s="108">
        <v>-107.138923967545</v>
      </c>
      <c r="H124" s="110"/>
    </row>
    <row r="125" spans="2:8">
      <c r="B125" s="106">
        <v>2008</v>
      </c>
      <c r="C125" s="107" t="s">
        <v>230</v>
      </c>
      <c r="D125" s="108">
        <v>29107.965199999999</v>
      </c>
      <c r="E125" s="108">
        <v>27630.042183137699</v>
      </c>
      <c r="F125" s="108">
        <v>1477.9230168623101</v>
      </c>
      <c r="H125" s="110"/>
    </row>
    <row r="126" spans="2:8">
      <c r="B126" s="106">
        <v>2008</v>
      </c>
      <c r="C126" s="107" t="s">
        <v>231</v>
      </c>
      <c r="D126" s="108">
        <v>33039.318399999996</v>
      </c>
      <c r="E126" s="108">
        <v>31998.368039237299</v>
      </c>
      <c r="F126" s="108">
        <v>1040.95036076269</v>
      </c>
      <c r="H126" s="110"/>
    </row>
    <row r="127" spans="2:8">
      <c r="B127" s="106">
        <v>2008</v>
      </c>
      <c r="C127" s="107" t="s">
        <v>232</v>
      </c>
      <c r="D127" s="108">
        <v>26531.762699999999</v>
      </c>
      <c r="E127" s="108">
        <v>29445.859776806799</v>
      </c>
      <c r="F127" s="108">
        <v>-2914.09707680682</v>
      </c>
      <c r="H127" s="110"/>
    </row>
    <row r="128" spans="2:8">
      <c r="B128" s="106">
        <v>2008</v>
      </c>
      <c r="C128" s="107" t="s">
        <v>233</v>
      </c>
      <c r="D128" s="108">
        <v>18400.6492</v>
      </c>
      <c r="E128" s="108">
        <v>19267.432510807099</v>
      </c>
      <c r="F128" s="108">
        <v>-866.78331080708097</v>
      </c>
      <c r="H128" s="110"/>
    </row>
    <row r="129" spans="2:8">
      <c r="B129" s="106">
        <v>2008</v>
      </c>
      <c r="C129" s="107" t="s">
        <v>28</v>
      </c>
      <c r="D129" s="108">
        <v>14988.778700000001</v>
      </c>
      <c r="E129" s="108">
        <v>15362.355182655599</v>
      </c>
      <c r="F129" s="108">
        <v>-373.57648265557702</v>
      </c>
      <c r="H129" s="110"/>
    </row>
    <row r="130" spans="2:8">
      <c r="B130" s="106">
        <v>2008</v>
      </c>
      <c r="C130" s="107" t="s">
        <v>234</v>
      </c>
      <c r="D130" s="108">
        <v>7109.8323</v>
      </c>
      <c r="E130" s="108">
        <v>7809.7712355648</v>
      </c>
      <c r="F130" s="108">
        <v>-699.93893556479895</v>
      </c>
      <c r="H130" s="110"/>
    </row>
    <row r="131" spans="2:8">
      <c r="B131" s="106">
        <v>2008</v>
      </c>
      <c r="C131" s="107" t="s">
        <v>224</v>
      </c>
      <c r="D131" s="108">
        <v>5741.8182999999999</v>
      </c>
      <c r="E131" s="108">
        <v>7016.1963546086799</v>
      </c>
      <c r="F131" s="108">
        <v>-1274.37805460868</v>
      </c>
      <c r="H131" s="110"/>
    </row>
    <row r="132" spans="2:8">
      <c r="B132" s="106">
        <v>2008</v>
      </c>
      <c r="C132" s="107" t="s">
        <v>225</v>
      </c>
      <c r="D132" s="108">
        <v>7434.3459999999995</v>
      </c>
      <c r="E132" s="108">
        <v>6891.7994379327101</v>
      </c>
      <c r="F132" s="108">
        <v>542.54656206729203</v>
      </c>
      <c r="H132" s="110"/>
    </row>
    <row r="133" spans="2:8">
      <c r="B133" s="106">
        <v>2008</v>
      </c>
      <c r="C133" s="107" t="s">
        <v>226</v>
      </c>
      <c r="D133" s="108">
        <v>9529.6983</v>
      </c>
      <c r="E133" s="108">
        <v>11064.1855737773</v>
      </c>
      <c r="F133" s="108">
        <v>-1534.4872737773301</v>
      </c>
      <c r="H133" s="110"/>
    </row>
    <row r="134" spans="2:8">
      <c r="B134" s="106">
        <v>2008</v>
      </c>
      <c r="C134" s="107" t="s">
        <v>227</v>
      </c>
      <c r="D134" s="108">
        <v>17517.3357</v>
      </c>
      <c r="E134" s="108">
        <v>19537.0713323864</v>
      </c>
      <c r="F134" s="108">
        <v>-2019.7356323863501</v>
      </c>
      <c r="H134" s="110"/>
    </row>
    <row r="135" spans="2:8">
      <c r="B135" s="106">
        <v>2008</v>
      </c>
      <c r="C135" s="107" t="s">
        <v>228</v>
      </c>
      <c r="D135" s="108">
        <v>18940.1217</v>
      </c>
      <c r="E135" s="108">
        <v>15563.475875097</v>
      </c>
      <c r="F135" s="108">
        <v>3376.6458249029702</v>
      </c>
      <c r="H135" s="110"/>
    </row>
    <row r="136" spans="2:8">
      <c r="B136" s="106">
        <v>2008</v>
      </c>
      <c r="C136" s="107" t="s">
        <v>229</v>
      </c>
      <c r="D136" s="108">
        <v>14354.1325</v>
      </c>
      <c r="E136" s="108">
        <v>15899.2523364401</v>
      </c>
      <c r="F136" s="108">
        <v>-1545.11983644012</v>
      </c>
      <c r="H136" s="110"/>
    </row>
    <row r="137" spans="2:8">
      <c r="B137" s="106">
        <v>2009</v>
      </c>
      <c r="C137" s="107" t="s">
        <v>230</v>
      </c>
      <c r="D137" s="108">
        <v>21880.363099999999</v>
      </c>
      <c r="E137" s="108">
        <v>23570.2561696353</v>
      </c>
      <c r="F137" s="108">
        <v>-1689.89306963528</v>
      </c>
      <c r="H137" s="110"/>
    </row>
    <row r="138" spans="2:8">
      <c r="B138" s="106">
        <v>2009</v>
      </c>
      <c r="C138" s="107" t="s">
        <v>231</v>
      </c>
      <c r="D138" s="108">
        <v>19736.545999999998</v>
      </c>
      <c r="E138" s="108">
        <v>20501.057103366598</v>
      </c>
      <c r="F138" s="108">
        <v>-764.51110336657803</v>
      </c>
      <c r="H138" s="110"/>
    </row>
    <row r="139" spans="2:8">
      <c r="B139" s="106">
        <v>2009</v>
      </c>
      <c r="C139" s="107" t="s">
        <v>232</v>
      </c>
      <c r="D139" s="108">
        <v>19828.761500000001</v>
      </c>
      <c r="E139" s="108">
        <v>19205.883315458199</v>
      </c>
      <c r="F139" s="108">
        <v>622.87818454181297</v>
      </c>
      <c r="H139" s="110"/>
    </row>
    <row r="140" spans="2:8">
      <c r="B140" s="106">
        <v>2009</v>
      </c>
      <c r="C140" s="107" t="s">
        <v>233</v>
      </c>
      <c r="D140" s="108">
        <v>16866.263999999999</v>
      </c>
      <c r="E140" s="108">
        <v>19403.6195522136</v>
      </c>
      <c r="F140" s="108">
        <v>-2537.3555522135498</v>
      </c>
      <c r="H140" s="110"/>
    </row>
    <row r="141" spans="2:8">
      <c r="B141" s="106">
        <v>2009</v>
      </c>
      <c r="C141" s="107" t="s">
        <v>28</v>
      </c>
      <c r="D141" s="108">
        <v>13432.132799999999</v>
      </c>
      <c r="E141" s="108">
        <v>14633.9668084196</v>
      </c>
      <c r="F141" s="108">
        <v>-1201.83400841956</v>
      </c>
      <c r="H141" s="110"/>
    </row>
    <row r="142" spans="2:8">
      <c r="B142" s="106">
        <v>2009</v>
      </c>
      <c r="C142" s="107" t="s">
        <v>234</v>
      </c>
      <c r="D142" s="108">
        <v>10888.2479</v>
      </c>
      <c r="E142" s="108">
        <v>9085.3927383996397</v>
      </c>
      <c r="F142" s="108">
        <v>1802.8551616003599</v>
      </c>
      <c r="H142" s="110"/>
    </row>
    <row r="143" spans="2:8">
      <c r="B143" s="106">
        <v>2009</v>
      </c>
      <c r="C143" s="107" t="s">
        <v>224</v>
      </c>
      <c r="D143" s="108">
        <v>9885.7081999999991</v>
      </c>
      <c r="E143" s="108">
        <v>9479.2098375699497</v>
      </c>
      <c r="F143" s="108">
        <v>406.49836243005501</v>
      </c>
      <c r="H143" s="110"/>
    </row>
    <row r="144" spans="2:8">
      <c r="B144" s="106">
        <v>2009</v>
      </c>
      <c r="C144" s="107" t="s">
        <v>225</v>
      </c>
      <c r="D144" s="108">
        <v>9306.2790999999997</v>
      </c>
      <c r="E144" s="108">
        <v>9823.39706691428</v>
      </c>
      <c r="F144" s="108">
        <v>-517.11796691427696</v>
      </c>
      <c r="H144" s="110"/>
    </row>
    <row r="145" spans="2:8">
      <c r="B145" s="106">
        <v>2009</v>
      </c>
      <c r="C145" s="107" t="s">
        <v>226</v>
      </c>
      <c r="D145" s="108">
        <v>13640.055700000001</v>
      </c>
      <c r="E145" s="108">
        <v>12880.151096907101</v>
      </c>
      <c r="F145" s="108">
        <v>759.90460309294201</v>
      </c>
      <c r="H145" s="110"/>
    </row>
    <row r="146" spans="2:8">
      <c r="B146" s="106">
        <v>2009</v>
      </c>
      <c r="C146" s="107" t="s">
        <v>227</v>
      </c>
      <c r="D146" s="108">
        <v>22118.069200000002</v>
      </c>
      <c r="E146" s="108">
        <v>21186.487210872801</v>
      </c>
      <c r="F146" s="108">
        <v>931.58198912722196</v>
      </c>
      <c r="H146" s="110"/>
    </row>
    <row r="147" spans="2:8">
      <c r="B147" s="106">
        <v>2009</v>
      </c>
      <c r="C147" s="107" t="s">
        <v>228</v>
      </c>
      <c r="D147" s="108">
        <v>18441.632600000001</v>
      </c>
      <c r="E147" s="108">
        <v>20824.145196007699</v>
      </c>
      <c r="F147" s="108">
        <v>-2382.5125960076998</v>
      </c>
      <c r="H147" s="110"/>
    </row>
    <row r="148" spans="2:8">
      <c r="B148" s="106">
        <v>2009</v>
      </c>
      <c r="C148" s="107" t="s">
        <v>229</v>
      </c>
      <c r="D148" s="108">
        <v>21340.6122</v>
      </c>
      <c r="E148" s="108">
        <v>22863.213621864899</v>
      </c>
      <c r="F148" s="108">
        <v>-1522.60142186491</v>
      </c>
      <c r="H148" s="110"/>
    </row>
    <row r="149" spans="2:8">
      <c r="B149" s="106">
        <v>2010</v>
      </c>
      <c r="C149" s="107" t="s">
        <v>230</v>
      </c>
      <c r="D149" s="108">
        <v>31727.574799999999</v>
      </c>
      <c r="E149" s="108">
        <v>31882.787028087499</v>
      </c>
      <c r="F149" s="108">
        <v>-155.21222808751901</v>
      </c>
      <c r="H149" s="110"/>
    </row>
    <row r="150" spans="2:8">
      <c r="B150" s="106">
        <v>2010</v>
      </c>
      <c r="C150" s="107" t="s">
        <v>231</v>
      </c>
      <c r="D150" s="108">
        <v>34986.717799999999</v>
      </c>
      <c r="E150" s="108">
        <v>32623.198648087</v>
      </c>
      <c r="F150" s="108">
        <v>2363.5191519129899</v>
      </c>
      <c r="H150" s="110"/>
    </row>
    <row r="151" spans="2:8">
      <c r="B151" s="106">
        <v>2010</v>
      </c>
      <c r="C151" s="107" t="s">
        <v>232</v>
      </c>
      <c r="D151" s="108">
        <v>30983.524000000001</v>
      </c>
      <c r="E151" s="108">
        <v>27733.031620101501</v>
      </c>
      <c r="F151" s="108">
        <v>3250.4923798985501</v>
      </c>
      <c r="H151" s="110"/>
    </row>
    <row r="152" spans="2:8">
      <c r="B152" s="106">
        <v>2010</v>
      </c>
      <c r="C152" s="107" t="s">
        <v>233</v>
      </c>
      <c r="D152" s="108">
        <v>21497.46</v>
      </c>
      <c r="E152" s="108">
        <v>20753.847086673399</v>
      </c>
      <c r="F152" s="108">
        <v>743.61291332661494</v>
      </c>
      <c r="H152" s="110"/>
    </row>
    <row r="153" spans="2:8">
      <c r="B153" s="106">
        <v>2010</v>
      </c>
      <c r="C153" s="107" t="s">
        <v>28</v>
      </c>
      <c r="D153" s="108">
        <v>17026.2788</v>
      </c>
      <c r="E153" s="108">
        <v>17687.509316713698</v>
      </c>
      <c r="F153" s="108">
        <v>-661.23051671373798</v>
      </c>
      <c r="H153" s="110"/>
    </row>
    <row r="154" spans="2:8">
      <c r="B154" s="106">
        <v>2010</v>
      </c>
      <c r="C154" s="107" t="s">
        <v>234</v>
      </c>
      <c r="D154" s="108">
        <v>10017.259099999999</v>
      </c>
      <c r="E154" s="108">
        <v>11830.9371733343</v>
      </c>
      <c r="F154" s="108">
        <v>-1813.67807333429</v>
      </c>
      <c r="H154" s="110"/>
    </row>
    <row r="155" spans="2:8">
      <c r="B155" s="106">
        <v>2010</v>
      </c>
      <c r="C155" s="107" t="s">
        <v>224</v>
      </c>
      <c r="D155" s="108">
        <v>7626.8321999999998</v>
      </c>
      <c r="E155" s="108">
        <v>11325.7156766724</v>
      </c>
      <c r="F155" s="108">
        <v>-3698.8834766724399</v>
      </c>
      <c r="H155" s="110"/>
    </row>
    <row r="156" spans="2:8">
      <c r="B156" s="106">
        <v>2010</v>
      </c>
      <c r="C156" s="107" t="s">
        <v>225</v>
      </c>
      <c r="D156" s="108">
        <v>8380.6540999999997</v>
      </c>
      <c r="E156" s="108">
        <v>10560.158030038099</v>
      </c>
      <c r="F156" s="108">
        <v>-2179.50393003813</v>
      </c>
      <c r="H156" s="110"/>
    </row>
    <row r="157" spans="2:8">
      <c r="B157" s="106">
        <v>2010</v>
      </c>
      <c r="C157" s="107" t="s">
        <v>226</v>
      </c>
      <c r="D157" s="108">
        <v>13332.5489</v>
      </c>
      <c r="E157" s="108">
        <v>14510.766743268799</v>
      </c>
      <c r="F157" s="108">
        <v>-1178.2178432688399</v>
      </c>
      <c r="H157" s="110"/>
    </row>
    <row r="158" spans="2:8">
      <c r="B158" s="106">
        <v>2010</v>
      </c>
      <c r="C158" s="107" t="s">
        <v>227</v>
      </c>
      <c r="D158" s="108">
        <v>20942.66</v>
      </c>
      <c r="E158" s="108">
        <v>21366.014129881602</v>
      </c>
      <c r="F158" s="108">
        <v>-423.35412988154701</v>
      </c>
      <c r="H158" s="110"/>
    </row>
    <row r="159" spans="2:8">
      <c r="B159" s="106">
        <v>2010</v>
      </c>
      <c r="C159" s="107" t="s">
        <v>228</v>
      </c>
      <c r="D159" s="108">
        <v>23241.9892</v>
      </c>
      <c r="E159" s="108">
        <v>23960.828162639998</v>
      </c>
      <c r="F159" s="108">
        <v>-718.83896263995803</v>
      </c>
      <c r="H159" s="110"/>
    </row>
    <row r="160" spans="2:8">
      <c r="B160" s="106">
        <v>2010</v>
      </c>
      <c r="C160" s="107" t="s">
        <v>229</v>
      </c>
      <c r="D160" s="108">
        <v>26052.395799999998</v>
      </c>
      <c r="E160" s="108">
        <v>25873.450958670899</v>
      </c>
      <c r="F160" s="108">
        <v>178.944841329128</v>
      </c>
      <c r="H160" s="110"/>
    </row>
    <row r="161" spans="2:8">
      <c r="B161" s="106">
        <v>2011</v>
      </c>
      <c r="C161" s="107" t="s">
        <v>230</v>
      </c>
      <c r="D161" s="108">
        <v>40171.188600000001</v>
      </c>
      <c r="E161" s="108">
        <v>35980.755443158399</v>
      </c>
      <c r="F161" s="108">
        <v>4190.4331568415901</v>
      </c>
      <c r="H161" s="110"/>
    </row>
    <row r="162" spans="2:8">
      <c r="B162" s="106">
        <v>2011</v>
      </c>
      <c r="C162" s="107" t="s">
        <v>231</v>
      </c>
      <c r="D162" s="108">
        <v>41270.735099999998</v>
      </c>
      <c r="E162" s="108">
        <v>35317.689799272601</v>
      </c>
      <c r="F162" s="108">
        <v>5953.04530072745</v>
      </c>
      <c r="H162" s="110"/>
    </row>
    <row r="163" spans="2:8">
      <c r="B163" s="106">
        <v>2011</v>
      </c>
      <c r="C163" s="107" t="s">
        <v>232</v>
      </c>
      <c r="D163" s="108">
        <v>37857.093800000002</v>
      </c>
      <c r="E163" s="108">
        <v>33463.493995525503</v>
      </c>
      <c r="F163" s="108">
        <v>4393.5998044745402</v>
      </c>
      <c r="H163" s="110"/>
    </row>
    <row r="164" spans="2:8">
      <c r="B164" s="106">
        <v>2011</v>
      </c>
      <c r="C164" s="107" t="s">
        <v>233</v>
      </c>
      <c r="D164" s="108">
        <v>28230.054400000001</v>
      </c>
      <c r="E164" s="108">
        <v>26253.646609382798</v>
      </c>
      <c r="F164" s="108">
        <v>1976.4077906171799</v>
      </c>
      <c r="H164" s="110"/>
    </row>
    <row r="165" spans="2:8">
      <c r="B165" s="106">
        <v>2011</v>
      </c>
      <c r="C165" s="107" t="s">
        <v>28</v>
      </c>
      <c r="D165" s="108">
        <v>19490.217499999999</v>
      </c>
      <c r="E165" s="108">
        <v>20061.287849629101</v>
      </c>
      <c r="F165" s="108">
        <v>-571.07034962909904</v>
      </c>
      <c r="H165" s="110"/>
    </row>
    <row r="166" spans="2:8">
      <c r="B166" s="106">
        <v>2011</v>
      </c>
      <c r="C166" s="107" t="s">
        <v>234</v>
      </c>
      <c r="D166" s="108">
        <v>11144.3652</v>
      </c>
      <c r="E166" s="108">
        <v>13726.413692455701</v>
      </c>
      <c r="F166" s="108">
        <v>-2582.0484924556599</v>
      </c>
      <c r="H166" s="110"/>
    </row>
    <row r="167" spans="2:8">
      <c r="B167" s="106">
        <v>2011</v>
      </c>
      <c r="C167" s="107" t="s">
        <v>224</v>
      </c>
      <c r="D167" s="108">
        <v>8068.7084000000004</v>
      </c>
      <c r="E167" s="108">
        <v>13481.461332541799</v>
      </c>
      <c r="F167" s="108">
        <v>-5412.75293254181</v>
      </c>
      <c r="H167" s="110"/>
    </row>
    <row r="168" spans="2:8">
      <c r="B168" s="106">
        <v>2011</v>
      </c>
      <c r="C168" s="107" t="s">
        <v>225</v>
      </c>
      <c r="D168" s="108">
        <v>9827.1059999999907</v>
      </c>
      <c r="E168" s="108">
        <v>13357.2711569069</v>
      </c>
      <c r="F168" s="108">
        <v>-3530.16515690694</v>
      </c>
      <c r="H168" s="110"/>
    </row>
    <row r="169" spans="2:8">
      <c r="B169" s="106">
        <v>2011</v>
      </c>
      <c r="C169" s="107" t="s">
        <v>226</v>
      </c>
      <c r="D169" s="108">
        <v>16571.432400000002</v>
      </c>
      <c r="E169" s="108">
        <v>15883.9514876059</v>
      </c>
      <c r="F169" s="108">
        <v>687.48091239410303</v>
      </c>
      <c r="H169" s="110"/>
    </row>
    <row r="170" spans="2:8">
      <c r="B170" s="106">
        <v>2011</v>
      </c>
      <c r="C170" s="107" t="s">
        <v>227</v>
      </c>
      <c r="D170" s="108">
        <v>23992.154900000001</v>
      </c>
      <c r="E170" s="108">
        <v>22159.164651832201</v>
      </c>
      <c r="F170" s="108">
        <v>1832.99024816779</v>
      </c>
      <c r="H170" s="110"/>
    </row>
    <row r="171" spans="2:8">
      <c r="B171" s="106">
        <v>2011</v>
      </c>
      <c r="C171" s="107" t="s">
        <v>228</v>
      </c>
      <c r="D171" s="108">
        <v>25851.851900000001</v>
      </c>
      <c r="E171" s="108">
        <v>23106.773986271201</v>
      </c>
      <c r="F171" s="108">
        <v>2745.07791372875</v>
      </c>
      <c r="H171" s="110"/>
    </row>
    <row r="172" spans="2:8" ht="14.4" thickBot="1">
      <c r="B172" s="111">
        <v>2011</v>
      </c>
      <c r="C172" s="112" t="s">
        <v>229</v>
      </c>
      <c r="D172" s="113">
        <v>24063.631700000002</v>
      </c>
      <c r="E172" s="113">
        <v>24815.068291749601</v>
      </c>
      <c r="F172" s="113">
        <v>-751.43659174965103</v>
      </c>
      <c r="H172" s="109"/>
    </row>
    <row r="173" spans="2:8" ht="14.4" thickBot="1">
      <c r="E173" s="108"/>
      <c r="F173" s="108"/>
      <c r="G173" s="108"/>
    </row>
    <row r="174" spans="2:8" ht="14.4">
      <c r="C174" s="114" t="s">
        <v>44</v>
      </c>
      <c r="D174" s="114" t="s">
        <v>43</v>
      </c>
      <c r="E174" s="114" t="s">
        <v>40</v>
      </c>
      <c r="F174" s="114" t="s">
        <v>41</v>
      </c>
      <c r="G174" s="114" t="s">
        <v>45</v>
      </c>
      <c r="H174" s="114" t="s">
        <v>46</v>
      </c>
    </row>
    <row r="175" spans="2:8">
      <c r="C175" s="106">
        <v>2002</v>
      </c>
      <c r="D175" s="108">
        <v>193749.32799999998</v>
      </c>
      <c r="E175" s="108">
        <v>196995.28952687883</v>
      </c>
      <c r="F175" s="108">
        <v>-3245.9615268788475</v>
      </c>
      <c r="G175" s="108">
        <v>3245.9615268788475</v>
      </c>
      <c r="H175" s="115">
        <v>1.6477356055947499E-2</v>
      </c>
    </row>
    <row r="176" spans="2:8">
      <c r="C176" s="106">
        <v>2003</v>
      </c>
      <c r="D176" s="108">
        <v>211906.09200000003</v>
      </c>
      <c r="E176" s="108">
        <v>212664.14347262197</v>
      </c>
      <c r="F176" s="108">
        <v>-758.05147262194077</v>
      </c>
      <c r="G176" s="108">
        <v>758.05147262194077</v>
      </c>
      <c r="H176" s="115">
        <v>3.5645476489059901E-3</v>
      </c>
    </row>
    <row r="177" spans="3:8">
      <c r="C177" s="106">
        <v>2004</v>
      </c>
      <c r="D177" s="108">
        <v>195011.079</v>
      </c>
      <c r="E177" s="108">
        <v>184001.9193207701</v>
      </c>
      <c r="F177" s="108">
        <v>11009.159679229895</v>
      </c>
      <c r="G177" s="108">
        <v>11009.159679229895</v>
      </c>
      <c r="H177" s="115">
        <v>5.983176545043345E-2</v>
      </c>
    </row>
    <row r="178" spans="3:8">
      <c r="C178" s="106">
        <v>2005</v>
      </c>
      <c r="D178" s="108">
        <v>156317.41899999999</v>
      </c>
      <c r="E178" s="108">
        <v>168274.99358263551</v>
      </c>
      <c r="F178" s="108">
        <v>-11957.574582635512</v>
      </c>
      <c r="G178" s="108">
        <v>11957.574582635512</v>
      </c>
      <c r="H178" s="115">
        <v>7.1059723896310573E-2</v>
      </c>
    </row>
    <row r="179" spans="3:8">
      <c r="C179" s="106">
        <v>2006</v>
      </c>
      <c r="D179" s="108">
        <v>167916.86749999999</v>
      </c>
      <c r="E179" s="108">
        <v>150065.36227872086</v>
      </c>
      <c r="F179" s="108">
        <v>17851.505221279134</v>
      </c>
      <c r="G179" s="108">
        <v>17851.505221279134</v>
      </c>
      <c r="H179" s="115">
        <v>0.11895819894882206</v>
      </c>
    </row>
    <row r="180" spans="3:8">
      <c r="C180" s="106">
        <v>2007</v>
      </c>
      <c r="D180" s="108">
        <v>172893.5485</v>
      </c>
      <c r="E180" s="108">
        <v>178633.57903290752</v>
      </c>
      <c r="F180" s="108">
        <v>-5740.03053290752</v>
      </c>
      <c r="G180" s="108">
        <v>5740.03053290752</v>
      </c>
      <c r="H180" s="115">
        <v>3.2132987336328869E-2</v>
      </c>
    </row>
    <row r="181" spans="3:8">
      <c r="C181" s="106">
        <v>2008</v>
      </c>
      <c r="D181" s="108">
        <v>202695.75899999996</v>
      </c>
      <c r="E181" s="108">
        <v>207485.8098384515</v>
      </c>
      <c r="F181" s="108">
        <v>-4790.0508384515415</v>
      </c>
      <c r="G181" s="108">
        <v>4790.0508384515415</v>
      </c>
      <c r="H181" s="115">
        <v>2.308616113160257E-2</v>
      </c>
    </row>
    <row r="182" spans="3:8">
      <c r="C182" s="106">
        <v>2009</v>
      </c>
      <c r="D182" s="108">
        <v>197364.67230000001</v>
      </c>
      <c r="E182" s="108">
        <v>203456.77971762969</v>
      </c>
      <c r="F182" s="108">
        <v>-6092.1074176296825</v>
      </c>
      <c r="G182" s="108">
        <v>6092.1074176296825</v>
      </c>
      <c r="H182" s="115">
        <v>2.9943005222459032E-2</v>
      </c>
    </row>
    <row r="183" spans="3:8">
      <c r="C183" s="106">
        <v>2010</v>
      </c>
      <c r="D183" s="108">
        <v>245815.89470000003</v>
      </c>
      <c r="E183" s="108">
        <v>250108.24457416919</v>
      </c>
      <c r="F183" s="108">
        <v>-4292.3498741691583</v>
      </c>
      <c r="G183" s="108">
        <v>4292.3498741691583</v>
      </c>
      <c r="H183" s="115">
        <v>1.7161968736685403E-2</v>
      </c>
    </row>
    <row r="184" spans="3:8">
      <c r="C184" s="106">
        <v>2011</v>
      </c>
      <c r="D184" s="108">
        <v>262474.90820000001</v>
      </c>
      <c r="E184" s="108">
        <v>252791.91000458211</v>
      </c>
      <c r="F184" s="108">
        <v>9682.9981954178947</v>
      </c>
      <c r="G184" s="108">
        <v>9682.9981954178947</v>
      </c>
      <c r="H184" s="115">
        <v>3.830422498584856E-2</v>
      </c>
    </row>
    <row r="185" spans="3:8">
      <c r="C185" s="106"/>
      <c r="D185" s="116"/>
      <c r="E185" s="116"/>
      <c r="F185" s="116"/>
      <c r="G185" s="117" t="s">
        <v>47</v>
      </c>
      <c r="H185" s="118">
        <v>4.1051993941334394E-2</v>
      </c>
    </row>
    <row r="186" spans="3:8">
      <c r="F186" s="139" t="s">
        <v>108</v>
      </c>
      <c r="G186" s="139"/>
      <c r="H186" s="118">
        <v>2.8125669482584888E-2</v>
      </c>
    </row>
  </sheetData>
  <mergeCells count="2">
    <mergeCell ref="B43:G43"/>
    <mergeCell ref="F186:G186"/>
  </mergeCells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9</vt:i4>
      </vt:variant>
      <vt:variant>
        <vt:lpstr>Named Ranges</vt:lpstr>
      </vt:variant>
      <vt:variant>
        <vt:i4>6</vt:i4>
      </vt:variant>
    </vt:vector>
  </HeadingPairs>
  <TitlesOfParts>
    <vt:vector size="15" baseType="lpstr">
      <vt:lpstr>PREFACE</vt:lpstr>
      <vt:lpstr>Residential USE Regn North</vt:lpstr>
      <vt:lpstr>Residential VOL Regn North</vt:lpstr>
      <vt:lpstr>Residential USE Regn South</vt:lpstr>
      <vt:lpstr>Residential VOL Regn South</vt:lpstr>
      <vt:lpstr>Commercial Regression</vt:lpstr>
      <vt:lpstr>GS Industrial Regn</vt:lpstr>
      <vt:lpstr>LCI Contract Mkt</vt:lpstr>
      <vt:lpstr>Green House Contract Mkt</vt:lpstr>
      <vt:lpstr>Actual_Y</vt:lpstr>
      <vt:lpstr>DT</vt:lpstr>
      <vt:lpstr>Predicted_Y</vt:lpstr>
      <vt:lpstr>Residuals</vt:lpstr>
      <vt:lpstr>Standard_Residuals</vt:lpstr>
      <vt:lpstr>Year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2-04-13T13:49:28Z</dcterms:created>
  <dcterms:modified xsi:type="dcterms:W3CDTF">2012-05-08T18:50:45Z</dcterms:modified>
</cp:coreProperties>
</file>